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523\03_大気・交通環境グループ（庁外可）\09_フロン排出抑制法\03_第一種フロン類回収業者\01_充填回収業者登録名簿\Ｒ６\R7.6修正\"/>
    </mc:Choice>
  </mc:AlternateContent>
  <bookViews>
    <workbookView xWindow="0" yWindow="0" windowWidth="25960" windowHeight="8700"/>
  </bookViews>
  <sheets>
    <sheet name="R6" sheetId="6" r:id="rId1"/>
  </sheets>
  <definedNames>
    <definedName name="_xlnm._FilterDatabase" localSheetId="0" hidden="1">'R6'!$A$4:$Z$3785</definedName>
    <definedName name="_xlnm.Print_Area" localSheetId="0">'R6'!$A$1:$Z$3785</definedName>
    <definedName name="_xlnm.Print_Titles" localSheetId="0">'R6'!$B:$Z,'R6'!$1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1161" uniqueCount="21427">
  <si>
    <t>登録番号</t>
    <rPh sb="0" eb="2">
      <t>ﾄｳﾛｸ</t>
    </rPh>
    <rPh sb="2" eb="4">
      <t>ﾊﾞﾝｺﾞｳ</t>
    </rPh>
    <phoneticPr fontId="3" type="noConversion"/>
  </si>
  <si>
    <t>事業者名</t>
    <rPh sb="0" eb="3">
      <t>ｼﾞｷﾞｮｳｼｬ</t>
    </rPh>
    <rPh sb="3" eb="4">
      <t>ﾒｲ</t>
    </rPh>
    <phoneticPr fontId="3" type="noConversion"/>
  </si>
  <si>
    <t>登録日</t>
    <rPh sb="0" eb="3">
      <t>ﾄｳﾛｸﾋﾞ</t>
    </rPh>
    <phoneticPr fontId="3" type="noConversion"/>
  </si>
  <si>
    <t>登録有効期限</t>
    <rPh sb="0" eb="2">
      <t>ﾄｳﾛｸ</t>
    </rPh>
    <rPh sb="2" eb="4">
      <t>ﾕｳｺｳ</t>
    </rPh>
    <rPh sb="4" eb="6">
      <t>ｷｹﾞﾝ</t>
    </rPh>
    <phoneticPr fontId="3" type="noConversion"/>
  </si>
  <si>
    <t>事業所名</t>
    <rPh sb="0" eb="3">
      <t>ｼﾞｷﾞｮｳｼｮ</t>
    </rPh>
    <rPh sb="3" eb="4">
      <t>ﾒｲ</t>
    </rPh>
    <phoneticPr fontId="3" type="noConversion"/>
  </si>
  <si>
    <t>事業所所在地</t>
    <phoneticPr fontId="2"/>
  </si>
  <si>
    <t>電話番号</t>
    <rPh sb="0" eb="2">
      <t>ﾃﾞﾝﾜ</t>
    </rPh>
    <rPh sb="2" eb="4">
      <t>ﾊﾞﾝｺﾞｳ</t>
    </rPh>
    <phoneticPr fontId="3" type="noConversion"/>
  </si>
  <si>
    <t>回収</t>
    <rPh sb="0" eb="2">
      <t>ｶｲｼｭｳ</t>
    </rPh>
    <phoneticPr fontId="3" type="noConversion"/>
  </si>
  <si>
    <t>充塡</t>
    <rPh sb="0" eb="2">
      <t>ｼﾞｭｳﾃﾝ</t>
    </rPh>
    <phoneticPr fontId="3" type="noConversion"/>
  </si>
  <si>
    <t>エアコンディショナー</t>
    <phoneticPr fontId="4"/>
  </si>
  <si>
    <t>冷蔵・冷凍機機</t>
    <rPh sb="0" eb="2">
      <t>ﾚｲｿﾞｳ</t>
    </rPh>
    <rPh sb="3" eb="5">
      <t>ﾚｲﾄｳ</t>
    </rPh>
    <rPh sb="5" eb="6">
      <t>ｷ</t>
    </rPh>
    <rPh sb="6" eb="7">
      <t>ｷ</t>
    </rPh>
    <phoneticPr fontId="3" type="noConversion"/>
  </si>
  <si>
    <t>CFC</t>
  </si>
  <si>
    <t>HCFC</t>
  </si>
  <si>
    <t>HFC</t>
  </si>
  <si>
    <t>神(気水)</t>
  </si>
  <si>
    <t>第１－１号</t>
  </si>
  <si>
    <t>相模サービス　株式会社</t>
  </si>
  <si>
    <t>相模サービス株式会社</t>
  </si>
  <si>
    <t>神奈川県</t>
  </si>
  <si>
    <t>横浜市</t>
  </si>
  <si>
    <t>南区六ツ川一丁目788番地の5</t>
  </si>
  <si>
    <t>045-730-5450</t>
  </si>
  <si>
    <t>○</t>
  </si>
  <si>
    <t>第１－２号</t>
  </si>
  <si>
    <t>有限会社　中央エアコン</t>
  </si>
  <si>
    <t>有限会社中央エアコン</t>
  </si>
  <si>
    <t>川崎市</t>
  </si>
  <si>
    <t>宮前区西野川1丁目20番24号</t>
  </si>
  <si>
    <t>044-751-5300</t>
  </si>
  <si>
    <t>第１－４号</t>
  </si>
  <si>
    <t>有限会社　大谷商店</t>
  </si>
  <si>
    <t>有限会社大谷商店</t>
  </si>
  <si>
    <t>中区錦町16番地1　横浜マリンハイツ1-914</t>
  </si>
  <si>
    <t>045-342-4556</t>
  </si>
  <si>
    <t>第１－６号</t>
  </si>
  <si>
    <t>オムニテック　有限会社</t>
  </si>
  <si>
    <t>オムニテック有限会社</t>
  </si>
  <si>
    <t>南区別所4丁目14番3号</t>
  </si>
  <si>
    <t>045-731-9997</t>
  </si>
  <si>
    <t>第１－７号</t>
  </si>
  <si>
    <t>株式会社　日本レフ・テック</t>
  </si>
  <si>
    <t>株式会社日本レフ・テック</t>
  </si>
  <si>
    <t>鶴見区矢向5丁目11番26号</t>
  </si>
  <si>
    <t>045-585-0071</t>
  </si>
  <si>
    <t>第１－８号</t>
  </si>
  <si>
    <t>株式会社　トモエ冷熱工業</t>
  </si>
  <si>
    <t>株式会社トモエ冷熱工業</t>
  </si>
  <si>
    <t>戸塚区舞岡町1550-4</t>
  </si>
  <si>
    <t>045-824-7609</t>
  </si>
  <si>
    <t>第１－９号</t>
  </si>
  <si>
    <t>稲森電気　株式会社</t>
  </si>
  <si>
    <t>稲森電気株式会社</t>
  </si>
  <si>
    <t>高津区下野毛3-3-3</t>
  </si>
  <si>
    <t>044-813-6951</t>
  </si>
  <si>
    <t>第１－１３号</t>
  </si>
  <si>
    <t>有限会社　宇賀村冷熱</t>
  </si>
  <si>
    <t>有限会社宇賀村冷熱</t>
  </si>
  <si>
    <t>高津区梶ヶ谷3-7-9</t>
  </si>
  <si>
    <t>044-863-6465</t>
  </si>
  <si>
    <t>第１－１４号</t>
  </si>
  <si>
    <t>太洋テクニカ　株式会社</t>
  </si>
  <si>
    <t>太洋テクニカ株式会社</t>
  </si>
  <si>
    <t>東京都</t>
  </si>
  <si>
    <t>品川区</t>
  </si>
  <si>
    <t>西五反田8-11-21</t>
  </si>
  <si>
    <t>03-3492-6441</t>
  </si>
  <si>
    <t>太洋テクニカ株式会社　湘南支店</t>
  </si>
  <si>
    <t>平塚市</t>
  </si>
  <si>
    <t>四之宮3-26-1</t>
  </si>
  <si>
    <t>0463-22-2497</t>
  </si>
  <si>
    <t>第１－１５号</t>
  </si>
  <si>
    <t>有限会社　リゾーム</t>
  </si>
  <si>
    <t>有限会社リゾーム</t>
  </si>
  <si>
    <t>江戸川区</t>
  </si>
  <si>
    <t>宇喜田町1004-1</t>
  </si>
  <si>
    <t>03-5667-3555</t>
  </si>
  <si>
    <t>第１－２２号</t>
  </si>
  <si>
    <t>有限会社　鶴田冷熱</t>
  </si>
  <si>
    <t>有限会社鶴田冷熱</t>
  </si>
  <si>
    <t>港南区下永谷五丁目28番15号</t>
  </si>
  <si>
    <t>045-821-4139</t>
  </si>
  <si>
    <t>第１－２３号</t>
  </si>
  <si>
    <t>株式会社　大基</t>
  </si>
  <si>
    <t>株式会社大基　横須賀支店</t>
  </si>
  <si>
    <t>横須賀市</t>
  </si>
  <si>
    <t>平成町2-14-17　エコフロンティアビル2階</t>
  </si>
  <si>
    <t>046-826-4824</t>
  </si>
  <si>
    <t>第１－２８号</t>
  </si>
  <si>
    <t>株式会社　コート</t>
  </si>
  <si>
    <t>株式会社コート</t>
  </si>
  <si>
    <t>鶴見区菅沢町5-17</t>
  </si>
  <si>
    <t>045-511-4848</t>
  </si>
  <si>
    <t>第１－３０号</t>
  </si>
  <si>
    <t>株式会社　アサヒ低温</t>
  </si>
  <si>
    <t>株式会社アサヒ低温</t>
  </si>
  <si>
    <t>南区中村町4丁目279番の4</t>
  </si>
  <si>
    <t>045-261-4783</t>
  </si>
  <si>
    <t>第１－３１号</t>
  </si>
  <si>
    <t>アトム冷熱工業　株式会社</t>
  </si>
  <si>
    <t>アトム冷熱工業株式会社</t>
  </si>
  <si>
    <t>中区弁天通2丁目21番地</t>
  </si>
  <si>
    <t>第１－３５号</t>
  </si>
  <si>
    <t>協栄設備　株式会社</t>
  </si>
  <si>
    <t>協栄設備株式会社</t>
  </si>
  <si>
    <t>戸塚区汲沢町細田1041番地</t>
  </si>
  <si>
    <t>045-864-6467</t>
  </si>
  <si>
    <t>第１－３７号</t>
  </si>
  <si>
    <t>株式会社　研空社</t>
  </si>
  <si>
    <t>株式会社研空社</t>
  </si>
  <si>
    <t>多摩区宿河原1-20-11</t>
  </si>
  <si>
    <t>044-455-7171</t>
  </si>
  <si>
    <t>第１－３８号</t>
  </si>
  <si>
    <t>株式会社　光電社</t>
  </si>
  <si>
    <t>株式会社光電社</t>
  </si>
  <si>
    <t>中区富士見町3の7</t>
  </si>
  <si>
    <t>045-251-1745</t>
  </si>
  <si>
    <t>第１－４０号</t>
  </si>
  <si>
    <t>株式会社　三栄空調</t>
  </si>
  <si>
    <t>株式会社三栄空調</t>
  </si>
  <si>
    <t>泉区下飯田町734番地1</t>
  </si>
  <si>
    <t>045-803-9842</t>
  </si>
  <si>
    <t>第１－４２号</t>
  </si>
  <si>
    <t>有限会社　昭英工業</t>
  </si>
  <si>
    <t>有限会社昭英工業</t>
  </si>
  <si>
    <t>中区本牧元町50-44-401</t>
  </si>
  <si>
    <t>045-621-1732</t>
  </si>
  <si>
    <t>第１－４３号</t>
  </si>
  <si>
    <t>有限会社　神冷凍機工業所</t>
  </si>
  <si>
    <t>有限会社神冷凍機工業所</t>
  </si>
  <si>
    <t>中区柏葉24番地</t>
  </si>
  <si>
    <t>045-641-3503</t>
  </si>
  <si>
    <t>第１－４４号</t>
  </si>
  <si>
    <t>ダイシン機器　株式会社</t>
  </si>
  <si>
    <t>ダイシン機器株式会社　篠原工場</t>
  </si>
  <si>
    <t>港北区篠原町1179-3</t>
  </si>
  <si>
    <t>045-433-2411</t>
  </si>
  <si>
    <t>第１－４５号</t>
  </si>
  <si>
    <t>有限会社　太陽冷熱工業</t>
  </si>
  <si>
    <t>有限会社太陽冷熱工業</t>
  </si>
  <si>
    <t>金沢区柴町383-5</t>
  </si>
  <si>
    <t>045-701-2420</t>
  </si>
  <si>
    <t>第１－４６号</t>
  </si>
  <si>
    <t>株式会社　高野商店</t>
  </si>
  <si>
    <t>株式会社高野商店</t>
  </si>
  <si>
    <t>西区戸部町七丁目225番地</t>
  </si>
  <si>
    <t>045-322-0846</t>
  </si>
  <si>
    <t>第１－４７号</t>
  </si>
  <si>
    <t>有限会社　田島冷機工業所</t>
  </si>
  <si>
    <t>有限会社田島冷機工業所</t>
  </si>
  <si>
    <t>戸塚区上倉田町1850</t>
  </si>
  <si>
    <t>045-871-2381</t>
  </si>
  <si>
    <t>第１－５２号</t>
  </si>
  <si>
    <t>株式会社　中野冷機神奈川</t>
  </si>
  <si>
    <t>株式会社中野冷機神奈川</t>
  </si>
  <si>
    <t>旭区東希望ヶ丘8番地の38</t>
  </si>
  <si>
    <t>045-365-3324</t>
  </si>
  <si>
    <t>第１－５４号</t>
  </si>
  <si>
    <t>三田調温工業　株式会社</t>
  </si>
  <si>
    <t>三田調温工業株式会社</t>
  </si>
  <si>
    <t>麻生区上麻生3丁目16番12号</t>
  </si>
  <si>
    <t>044-965-2622</t>
  </si>
  <si>
    <t>第１－５８号</t>
  </si>
  <si>
    <t>株式会社　レイコー</t>
  </si>
  <si>
    <t>株式会社レイコー</t>
  </si>
  <si>
    <t>都筑区東山田町1291-11</t>
  </si>
  <si>
    <t>045-592-6159</t>
  </si>
  <si>
    <t>第１－５９号</t>
  </si>
  <si>
    <t>レイキ販売　株式会社</t>
  </si>
  <si>
    <t>レイキ販売株式会社</t>
  </si>
  <si>
    <t>西区戸部町6-208</t>
  </si>
  <si>
    <t>045-323-1892</t>
  </si>
  <si>
    <t>レイキ販売株式会社　神奈川西営業所</t>
  </si>
  <si>
    <t>海老名市</t>
  </si>
  <si>
    <t>中央3丁目3-12　県水会館2F</t>
  </si>
  <si>
    <t>046-204-8822</t>
  </si>
  <si>
    <t>第１－６２号</t>
  </si>
  <si>
    <t>金沢区福浦一丁目13番地3</t>
  </si>
  <si>
    <t>045-785-1133</t>
  </si>
  <si>
    <t>第１－６５号</t>
  </si>
  <si>
    <t>川又電機工事　株式会社</t>
  </si>
  <si>
    <t>川又電機工事株式会社</t>
  </si>
  <si>
    <t>川崎区観音二丁目9番3号</t>
  </si>
  <si>
    <t>044-277-3834</t>
  </si>
  <si>
    <t>第１－６６号</t>
  </si>
  <si>
    <t>有限会社　渡辺冷機工業</t>
  </si>
  <si>
    <t>有限会社渡辺冷機工業</t>
  </si>
  <si>
    <t>大田区</t>
  </si>
  <si>
    <t>大森西三丁目4-5</t>
  </si>
  <si>
    <t>03-3761-9888</t>
  </si>
  <si>
    <t>第１－６７号</t>
  </si>
  <si>
    <t>有限会社　高橋冷暖房</t>
  </si>
  <si>
    <t>有限会社高橋冷暖房</t>
  </si>
  <si>
    <t>都筑区新栄町20-6</t>
  </si>
  <si>
    <t>045-592-1141</t>
  </si>
  <si>
    <t>第１－６８号</t>
  </si>
  <si>
    <t>株式会社　信日空調設備</t>
  </si>
  <si>
    <t>株式会社信日空調設備</t>
  </si>
  <si>
    <t>幸区古市場1-43-29</t>
  </si>
  <si>
    <t>044-541-3288</t>
  </si>
  <si>
    <t>第１－７０号</t>
  </si>
  <si>
    <t>株式会社　エフピーアイ</t>
  </si>
  <si>
    <t>株式会社エフピーアイ</t>
  </si>
  <si>
    <t>埼玉県</t>
  </si>
  <si>
    <t>朝霞市</t>
  </si>
  <si>
    <t>岡2-2-49</t>
  </si>
  <si>
    <t>048-461-1501</t>
  </si>
  <si>
    <t>第１－７１号</t>
  </si>
  <si>
    <t>和光空調　株式会社</t>
  </si>
  <si>
    <t>和光空調株式会社</t>
  </si>
  <si>
    <t>旭区今宿東町1505-5</t>
  </si>
  <si>
    <t>045-955-4681</t>
  </si>
  <si>
    <t>第１－７６号</t>
  </si>
  <si>
    <t>三協冷熱工業　株式会社</t>
  </si>
  <si>
    <t>三協冷熱工業株式会社</t>
  </si>
  <si>
    <t>中央1-6-15</t>
  </si>
  <si>
    <t>03-3775-2631</t>
  </si>
  <si>
    <t>第１－８０号</t>
  </si>
  <si>
    <t>有限会社　竹島工業</t>
  </si>
  <si>
    <t>有限会社竹島工業</t>
  </si>
  <si>
    <t>鶴見区上末吉2-7-1-212</t>
  </si>
  <si>
    <t>045-585-1964</t>
  </si>
  <si>
    <t>第１－８６号</t>
  </si>
  <si>
    <t>ジェー・エス・エアレーター　株式会社</t>
  </si>
  <si>
    <t>ジェー・エス・エアレーター株式会社</t>
  </si>
  <si>
    <t>都筑区佐江戸町1707番1-103</t>
  </si>
  <si>
    <t>045-929-1177</t>
  </si>
  <si>
    <t>第１－８７号</t>
  </si>
  <si>
    <t>株式会社　アミテック</t>
  </si>
  <si>
    <t>株式会社アミテック</t>
  </si>
  <si>
    <t>静岡県</t>
  </si>
  <si>
    <t>熱海市</t>
  </si>
  <si>
    <t>泉元門川分字大黒崎268番17</t>
  </si>
  <si>
    <t>0557-80-1311</t>
  </si>
  <si>
    <t>第１－８８号</t>
  </si>
  <si>
    <t>セイコー産業東京　株式会社</t>
  </si>
  <si>
    <t>セイコー産業東京株式会社</t>
  </si>
  <si>
    <t>葛飾区</t>
  </si>
  <si>
    <t>東新小岩三丁目14番4号</t>
  </si>
  <si>
    <t>03-3694-3821</t>
  </si>
  <si>
    <t>第１－９１号</t>
  </si>
  <si>
    <t>有限会社　直原冷熱</t>
  </si>
  <si>
    <t>有限会社直原冷熱</t>
  </si>
  <si>
    <t>青葉区鉄町552-5</t>
  </si>
  <si>
    <t>045-974-4244</t>
  </si>
  <si>
    <t>第１－９３号</t>
  </si>
  <si>
    <t>有限会社　山口機工</t>
  </si>
  <si>
    <t>有限会社山口機工</t>
  </si>
  <si>
    <t>久が原5-19-7</t>
  </si>
  <si>
    <t>03-3755-5971</t>
  </si>
  <si>
    <t>第１－９６号</t>
  </si>
  <si>
    <t>中野酸工　株式会社</t>
  </si>
  <si>
    <t>中野酸工株式会社　荒川営業所</t>
  </si>
  <si>
    <t>荒川区</t>
  </si>
  <si>
    <t>荒川三丁目3番5号</t>
  </si>
  <si>
    <t>03-3803-1841</t>
  </si>
  <si>
    <t>第１－９７号</t>
  </si>
  <si>
    <t>株式会社　日進</t>
  </si>
  <si>
    <t>株式会社日進</t>
  </si>
  <si>
    <t>国立市</t>
  </si>
  <si>
    <t>東1-15-3</t>
  </si>
  <si>
    <t>042-572-5254</t>
  </si>
  <si>
    <t>第１－９９号</t>
  </si>
  <si>
    <t>協立ソリューションズ　株式会社</t>
  </si>
  <si>
    <t>協立ソリューションズ株式会社</t>
  </si>
  <si>
    <t>新宿区</t>
  </si>
  <si>
    <t>水道町3番9号</t>
  </si>
  <si>
    <t>03-3268-7151</t>
  </si>
  <si>
    <t>第１－１００号</t>
  </si>
  <si>
    <t>原　昭</t>
  </si>
  <si>
    <t>緑空調サービス</t>
  </si>
  <si>
    <t>青葉区荏田町468-9</t>
  </si>
  <si>
    <t>第１－１０１号</t>
  </si>
  <si>
    <t>有限会社　綜合住宅設備</t>
  </si>
  <si>
    <t>有限会社綜合住宅設備</t>
  </si>
  <si>
    <t>金沢区野島町16-10</t>
  </si>
  <si>
    <t>045-782-3946</t>
  </si>
  <si>
    <t>第１－１０８号</t>
  </si>
  <si>
    <t>モリタニ・ダイキン　株式会社</t>
  </si>
  <si>
    <t>モリタニ・ダイキン株式会社</t>
  </si>
  <si>
    <t>千代田区</t>
  </si>
  <si>
    <t>神田佐久間河岸67　</t>
  </si>
  <si>
    <t>03-3851-2181</t>
  </si>
  <si>
    <t>第１－１０９号</t>
  </si>
  <si>
    <t>ＪＦＥアーバンリサイクル　株式会社</t>
  </si>
  <si>
    <t>ＪＦＥアーバンリサイクル株式会社</t>
  </si>
  <si>
    <t>川崎区水江町6番1号</t>
  </si>
  <si>
    <t>044-270-5370</t>
  </si>
  <si>
    <t>第１－１１１号</t>
  </si>
  <si>
    <t>小林　義英</t>
  </si>
  <si>
    <t>小林工業所</t>
  </si>
  <si>
    <t>調布市</t>
  </si>
  <si>
    <t>国領町5-73-17</t>
  </si>
  <si>
    <t>0424-87-7546</t>
  </si>
  <si>
    <t>第１－１１５号</t>
  </si>
  <si>
    <t>有限会社　北林冷熱</t>
  </si>
  <si>
    <t>有限会社北林冷熱</t>
  </si>
  <si>
    <t>中原区上平間424</t>
  </si>
  <si>
    <t>044-541-7261</t>
  </si>
  <si>
    <t>第１－１１６号</t>
  </si>
  <si>
    <t>有限会社　伸栄テクノ</t>
  </si>
  <si>
    <t>有限会社伸栄テクノ　</t>
  </si>
  <si>
    <t>瀬谷区竹村町12-6</t>
  </si>
  <si>
    <t>045-442-5042</t>
  </si>
  <si>
    <t>第１－１１７号</t>
  </si>
  <si>
    <t>関東空調設備　株式会社</t>
  </si>
  <si>
    <t>関東空調設備株式会社</t>
  </si>
  <si>
    <t>足立区</t>
  </si>
  <si>
    <t>入谷八丁目1番3号</t>
  </si>
  <si>
    <t>03-3853-1711</t>
  </si>
  <si>
    <t>第１－１１８号</t>
  </si>
  <si>
    <t>株式会社　田畑製作所</t>
  </si>
  <si>
    <t>株式会社田畑製作所</t>
  </si>
  <si>
    <t>江東区</t>
  </si>
  <si>
    <t>大島2丁目26番12号</t>
  </si>
  <si>
    <t>03-3683-0653</t>
  </si>
  <si>
    <t>第１－１１９号</t>
  </si>
  <si>
    <t>株式会社　サーマル</t>
  </si>
  <si>
    <t>株式会社サーマル</t>
  </si>
  <si>
    <t>練馬区</t>
  </si>
  <si>
    <t>関町東1-27-4</t>
  </si>
  <si>
    <t>03-3929-7811</t>
  </si>
  <si>
    <t>第１－１２１号</t>
  </si>
  <si>
    <t>株式会社　太平エンジニアリング</t>
  </si>
  <si>
    <t>株式会社太平エンジニアリング　沼津支店</t>
  </si>
  <si>
    <t>沼津市</t>
  </si>
  <si>
    <t>御幸町3番10号</t>
  </si>
  <si>
    <t>055-931-0910</t>
  </si>
  <si>
    <t>第１－１２８号</t>
  </si>
  <si>
    <t>株式会社　武蔵野設備</t>
  </si>
  <si>
    <t>株式会社武蔵野設備</t>
  </si>
  <si>
    <t>武蔵野市</t>
  </si>
  <si>
    <t>西久保2-1-10　ワイズビル3F</t>
  </si>
  <si>
    <t>0422-59-0831</t>
  </si>
  <si>
    <t>第１－１３０号</t>
  </si>
  <si>
    <t>有限会社　吉沢空調設備</t>
  </si>
  <si>
    <t>有限会社吉沢空調設備</t>
  </si>
  <si>
    <t>川口市</t>
  </si>
  <si>
    <t>安行領根岸942-1</t>
  </si>
  <si>
    <t>048-288-5730</t>
  </si>
  <si>
    <t>第１－１３１号</t>
  </si>
  <si>
    <t>株式会社　エム・イー・エス</t>
  </si>
  <si>
    <t>株式会社エム・イー・エス</t>
  </si>
  <si>
    <t>西一之江4丁目14番12号3号室</t>
  </si>
  <si>
    <t>03-5879-6222</t>
  </si>
  <si>
    <t>第１－１３２号</t>
  </si>
  <si>
    <t>株式会社　アクエス</t>
  </si>
  <si>
    <t>株式会社アクエス</t>
  </si>
  <si>
    <t>西五反田7丁目17番5号</t>
  </si>
  <si>
    <t>03-5434-2838</t>
  </si>
  <si>
    <t>第１－１３３号</t>
  </si>
  <si>
    <t>株式会社　創和</t>
  </si>
  <si>
    <t>株式会社創和</t>
  </si>
  <si>
    <t>府中市</t>
  </si>
  <si>
    <t>南町三丁目38-3</t>
  </si>
  <si>
    <t>第１－１３５号</t>
  </si>
  <si>
    <t>有限会社　パートナー・フォー・アース</t>
  </si>
  <si>
    <t>有限会社パートナー・フォー・アース</t>
  </si>
  <si>
    <t>青梅市</t>
  </si>
  <si>
    <t>東青梅5-3-2</t>
  </si>
  <si>
    <t>0428-24-0314</t>
  </si>
  <si>
    <t>第１－１３７号</t>
  </si>
  <si>
    <t>第一セントラル設備　株式会社</t>
  </si>
  <si>
    <t>第一セントラル設備株式会社</t>
  </si>
  <si>
    <t>千葉県</t>
  </si>
  <si>
    <t>市川市</t>
  </si>
  <si>
    <t>本北方1丁目35番5号</t>
  </si>
  <si>
    <t>047-332-5206</t>
  </si>
  <si>
    <t>第１－１４０号</t>
  </si>
  <si>
    <t>横浜旭実業　株式会社</t>
  </si>
  <si>
    <t>横浜旭実業株式会社</t>
  </si>
  <si>
    <t>中区本牧元町21番7号</t>
  </si>
  <si>
    <t>045-623-6202</t>
  </si>
  <si>
    <t>第１－１４３号</t>
  </si>
  <si>
    <t>原田　賢</t>
  </si>
  <si>
    <t>原田冷熱工業</t>
  </si>
  <si>
    <t>中区本牧元町58-7</t>
  </si>
  <si>
    <t>第１－１４４号</t>
  </si>
  <si>
    <t>京浜装備　株式会社</t>
  </si>
  <si>
    <t>京浜装備株式会社</t>
  </si>
  <si>
    <t>港区</t>
  </si>
  <si>
    <t>芝浦3-6-6</t>
  </si>
  <si>
    <t>03-3453-0741</t>
  </si>
  <si>
    <t>第１－１４５号</t>
  </si>
  <si>
    <t>株式会社　太宝空調</t>
  </si>
  <si>
    <t>株式会社太宝空調</t>
  </si>
  <si>
    <t>東陽5-10-1</t>
  </si>
  <si>
    <t>第１－１４６号</t>
  </si>
  <si>
    <t>フクシマガリレイ　株式会社</t>
  </si>
  <si>
    <t>フクシマガリレイ株式会社　横浜支店</t>
  </si>
  <si>
    <t>神奈川区栄町3-12　パシフィックマークス横浜イースト1F</t>
  </si>
  <si>
    <t>045-444-6140</t>
  </si>
  <si>
    <t>フクシマガリレイ株式会社　厚木営業所</t>
  </si>
  <si>
    <t>厚木市</t>
  </si>
  <si>
    <t>水引1-14-3</t>
  </si>
  <si>
    <t>046-297-7577</t>
  </si>
  <si>
    <t>第１－１５０号</t>
  </si>
  <si>
    <t>トキワ設備工業　株式会社</t>
  </si>
  <si>
    <t>トキワ設備工業株式会社</t>
  </si>
  <si>
    <t>中央8丁目41番7号</t>
  </si>
  <si>
    <t>03-3754-3030</t>
  </si>
  <si>
    <t>第１－１５２号</t>
  </si>
  <si>
    <t>株式会社　セントラル・エンジニアリング</t>
  </si>
  <si>
    <t>株式会社セントラル・エンジニアリング</t>
  </si>
  <si>
    <t>豊島区</t>
  </si>
  <si>
    <t>東池袋1-37-6</t>
  </si>
  <si>
    <t>03-3987-1067</t>
  </si>
  <si>
    <t>第１－１５５号</t>
  </si>
  <si>
    <t>有限会社　マリコ電気商会</t>
  </si>
  <si>
    <t>有限会社マリコ電気商会</t>
  </si>
  <si>
    <t>旭区本村町66-8</t>
  </si>
  <si>
    <t>045-363-8478</t>
  </si>
  <si>
    <t>第１－１５７号</t>
  </si>
  <si>
    <t>株式会社　サンライズエンジニアリング</t>
  </si>
  <si>
    <t>株式会社サンライズエンジニアリング</t>
  </si>
  <si>
    <t>町田市</t>
  </si>
  <si>
    <t>真光寺町1191番地4</t>
  </si>
  <si>
    <t>042-736-0061</t>
  </si>
  <si>
    <t>第１－１５９号</t>
  </si>
  <si>
    <t>株式会社　玉川設備</t>
  </si>
  <si>
    <t>株式会社玉川設備</t>
  </si>
  <si>
    <t>中原区下沼部1916</t>
  </si>
  <si>
    <t>044-411-5729</t>
  </si>
  <si>
    <t>第１－１６３号</t>
  </si>
  <si>
    <t>有限会社　ウノ設備</t>
  </si>
  <si>
    <t>有限会社ウノ設備</t>
  </si>
  <si>
    <t>鵜の木2-33-3</t>
  </si>
  <si>
    <t>03-3757-1569</t>
  </si>
  <si>
    <t>第１－１６７号</t>
  </si>
  <si>
    <t>中平　末男</t>
  </si>
  <si>
    <t>東冷</t>
  </si>
  <si>
    <t>狛江市</t>
  </si>
  <si>
    <t>東野川4-29-1-211</t>
  </si>
  <si>
    <t>第１－１６８号</t>
  </si>
  <si>
    <t>協和冷熱工業　株式会社</t>
  </si>
  <si>
    <t>協和冷熱工業株式会社</t>
  </si>
  <si>
    <t>北区</t>
  </si>
  <si>
    <t>上十条3丁目19番25号</t>
  </si>
  <si>
    <t>03-3900-7539</t>
  </si>
  <si>
    <t>第１－１６９号</t>
  </si>
  <si>
    <t>有限会社　浅見空調サービス</t>
  </si>
  <si>
    <t>有限会社浅見空調サービス</t>
  </si>
  <si>
    <t>上尾市</t>
  </si>
  <si>
    <t>小泉五丁目28番地22</t>
  </si>
  <si>
    <t>048-774-2268</t>
  </si>
  <si>
    <t>第１－１７１号</t>
  </si>
  <si>
    <t>サンワトリニティ　株式会社</t>
  </si>
  <si>
    <t>サンワトリニティ株式会社</t>
  </si>
  <si>
    <t>北新宿1丁目6番1号</t>
  </si>
  <si>
    <t>第１－１７２号</t>
  </si>
  <si>
    <t>株式会社　藤和電研</t>
  </si>
  <si>
    <t>株式会社藤和電研</t>
  </si>
  <si>
    <t>水元2丁目9番22号</t>
  </si>
  <si>
    <t>03-3600-7903</t>
  </si>
  <si>
    <t>第１－１７３号</t>
  </si>
  <si>
    <t>明工機設　株式会社</t>
  </si>
  <si>
    <t>明工機設株式会社</t>
  </si>
  <si>
    <t>大森北5丁目14番3号</t>
  </si>
  <si>
    <t>03-3764-6711</t>
  </si>
  <si>
    <t>第１－１７４号</t>
  </si>
  <si>
    <t>エヌ・ケイ・テクノ　株式会社</t>
  </si>
  <si>
    <t>エヌ・ケイ・テクノ株式会社</t>
  </si>
  <si>
    <t>神奈川区鶴屋町三丁目35番地の１</t>
  </si>
  <si>
    <t>045-311-9781</t>
  </si>
  <si>
    <t>第１－１７６号</t>
  </si>
  <si>
    <t>光立興業　株式会社</t>
  </si>
  <si>
    <t>光立興業株式会社</t>
  </si>
  <si>
    <t>松戸市</t>
  </si>
  <si>
    <t>上矢切1643番地の2</t>
  </si>
  <si>
    <t>047-360-9790</t>
  </si>
  <si>
    <t>第１－１７７号</t>
  </si>
  <si>
    <t>宮脇車輌工業　株式会社</t>
  </si>
  <si>
    <t>宮脇車輌工業株式会社</t>
  </si>
  <si>
    <t>綾瀬6丁目26番15号</t>
  </si>
  <si>
    <t>03-3629-3266</t>
  </si>
  <si>
    <t>第１－１８０号</t>
  </si>
  <si>
    <t>ドクターホームズ　株式会社</t>
  </si>
  <si>
    <t>ドクターホームズ株式会社　東京営業所</t>
  </si>
  <si>
    <t>墨田区</t>
  </si>
  <si>
    <t>立川2-10-9</t>
  </si>
  <si>
    <t>03-3635-2640</t>
  </si>
  <si>
    <t>第１－１８３号</t>
  </si>
  <si>
    <t>株式会社　大西熱学</t>
  </si>
  <si>
    <t>株式会社大西熱学　サービスセンター</t>
  </si>
  <si>
    <t>立石3-17-5</t>
  </si>
  <si>
    <t>03-5670-0024</t>
  </si>
  <si>
    <t>第１－１８５号</t>
  </si>
  <si>
    <t>東和エンジニアリング　株式会社</t>
  </si>
  <si>
    <t>東和エンジニアリング株式会社</t>
  </si>
  <si>
    <t>大森北2-3-5</t>
  </si>
  <si>
    <t>03-3765-5952</t>
  </si>
  <si>
    <t>第１－１８６号</t>
  </si>
  <si>
    <t>ホリテク　有限会社</t>
  </si>
  <si>
    <t>ホリテク有限会社</t>
  </si>
  <si>
    <t>八王子市</t>
  </si>
  <si>
    <t>堀之内2丁目6番地の1　アーネストNo.5-5</t>
  </si>
  <si>
    <t>042-674-1151</t>
  </si>
  <si>
    <t>第１－１９２号</t>
  </si>
  <si>
    <t>株式会社　日冷設備</t>
  </si>
  <si>
    <t>株式会社日冷設備</t>
  </si>
  <si>
    <t>稲荷木2丁目4番10号</t>
  </si>
  <si>
    <t>047-376-6682</t>
  </si>
  <si>
    <t>第１－１９３号</t>
  </si>
  <si>
    <t>有限会社　飯澤設備</t>
  </si>
  <si>
    <t>有限会社飯澤設備</t>
  </si>
  <si>
    <t>麻生区東百合丘3丁目8-8</t>
  </si>
  <si>
    <t>044-954-6591</t>
  </si>
  <si>
    <t>第１－１９４号</t>
  </si>
  <si>
    <t>三菱電機ビルソリューションズ　株式会社</t>
  </si>
  <si>
    <t>三菱電機ビルソリューションズ株式会社　横浜支社　みなと支店</t>
  </si>
  <si>
    <t>神奈川区金港町1-7</t>
  </si>
  <si>
    <t>045-620-0082</t>
  </si>
  <si>
    <t>三菱電機ビルソリューションズ株式会社　横浜支社　さがみ支店</t>
  </si>
  <si>
    <t>原町田4-19-9　エスパシオ町田内</t>
  </si>
  <si>
    <t>042-723-1902</t>
  </si>
  <si>
    <t>三菱電機ビルソリューションズ株式会社　横浜支社　さがみ支店　厚木営業所</t>
  </si>
  <si>
    <t>中町2-7-6</t>
  </si>
  <si>
    <t>046-259-5701</t>
  </si>
  <si>
    <t>三菱電機ビルソリューションズ株式会社　横浜支社　西湘支店</t>
  </si>
  <si>
    <t>小田原市</t>
  </si>
  <si>
    <t>栄町1-1-15</t>
  </si>
  <si>
    <t>0465-21-2166</t>
  </si>
  <si>
    <t>三菱電機ビルソリューションズ株式会社　横浜支社　西湘支店　湘南営業所</t>
  </si>
  <si>
    <t>藤沢市</t>
  </si>
  <si>
    <t>南藤沢5-9</t>
  </si>
  <si>
    <t>0466-26-8668</t>
  </si>
  <si>
    <t>三菱電機ビルソリューションズ株式会社　横浜支社　中央支店</t>
  </si>
  <si>
    <t>中区長者町5-85</t>
  </si>
  <si>
    <t>045-250-5970</t>
  </si>
  <si>
    <t>三菱電機ビルソリューションズ株式会社　横浜支社　西湘支店　沼津営業所</t>
  </si>
  <si>
    <t>大手町2-4-1</t>
  </si>
  <si>
    <t>055-962-4225</t>
  </si>
  <si>
    <t>第１－１９７号</t>
  </si>
  <si>
    <t>菱冷サービス　株式会社</t>
  </si>
  <si>
    <t>菱冷サービス株式会社　東京支社</t>
  </si>
  <si>
    <t>平和島4-1-23　JSプログレビル1階</t>
  </si>
  <si>
    <t>03-6627-6011</t>
  </si>
  <si>
    <t>菱冷サービス株式会社　千葉営業所</t>
  </si>
  <si>
    <t>塩浜3-12</t>
  </si>
  <si>
    <t>047-357-5771</t>
  </si>
  <si>
    <t>第１－２００号</t>
  </si>
  <si>
    <t>三菱電機システムサービス　株式会社</t>
  </si>
  <si>
    <t>三菱電機ｼｽﾃﾑｻｰﾋﾞｽ株式会社　首都圏第1支社　横浜ｻｰﾋﾞｽｽﾃｰｼｮﾝ</t>
  </si>
  <si>
    <t>栄区小菅ヶ谷2-29-45</t>
  </si>
  <si>
    <t>045-896-2341</t>
  </si>
  <si>
    <t>三菱電機ｼｽﾃﾑｻｰﾋﾞｽ株式会社　首都圏第1支社　県央ｻｰﾋﾞｽｽﾃｰｼｮﾝ</t>
  </si>
  <si>
    <t>本郷字五反田1564-2</t>
  </si>
  <si>
    <t>046-238-0070</t>
  </si>
  <si>
    <t>三菱電機ｼｽﾃﾑｻｰﾋﾞｽ株式会社　首都圏第1支社　港北ｻｰﾋﾞｽｽﾃｰｼｮﾝ</t>
  </si>
  <si>
    <t>青葉区鉄町1074番地2号</t>
  </si>
  <si>
    <t>045-479-9073</t>
  </si>
  <si>
    <t>三菱電機ｼｽﾃﾑｻｰﾋﾞｽ株式会社　首都圏第1支社　世田谷ｻｰﾋﾞｽｽﾃｰｼｮﾝ</t>
  </si>
  <si>
    <t>世田谷区</t>
  </si>
  <si>
    <t>池尻3-10-3</t>
  </si>
  <si>
    <t>03-5431-7726</t>
  </si>
  <si>
    <t>三菱電機ｼｽﾃﾑｻｰﾋﾞｽ株式会社　首都圏第1支社　八王子ｻｰﾋﾞｽｽﾃｰｼｮﾝ</t>
  </si>
  <si>
    <t>石川町2968-1</t>
  </si>
  <si>
    <t>042-648-1680</t>
  </si>
  <si>
    <t>三菱電機ｼｽﾃﾑｻｰﾋﾞｽ株式会社　車両空調ｼｽﾃﾑ部　車両空調ｼｽﾃﾑﾃｸﾆｶﾙｾﾝﾀｰ</t>
  </si>
  <si>
    <t>船橋市</t>
  </si>
  <si>
    <t>山手一丁目一番一号</t>
  </si>
  <si>
    <t>047-495-6011</t>
  </si>
  <si>
    <t>三菱電機ｼｽﾃﾑｻｰﾋﾞｽ株式会社　首都圏第1支社　山梨ｻｰﾋﾞｽｽﾃｰｼｮﾝ</t>
  </si>
  <si>
    <t>山梨県</t>
  </si>
  <si>
    <t>甲斐市</t>
  </si>
  <si>
    <t>富竹新田139</t>
  </si>
  <si>
    <t>055-260-7101</t>
  </si>
  <si>
    <t>三菱電機ｼｽﾃﾑｻｰﾋﾞｽ株式会社　首都圏第1支社　熊谷ｻｰﾋﾞｽｽﾃｰｼｮﾝ</t>
  </si>
  <si>
    <t>熊谷市</t>
  </si>
  <si>
    <t>柿沼662番地</t>
  </si>
  <si>
    <t>048-524-2172</t>
  </si>
  <si>
    <t>三菱電機ｼｽﾃﾑｻｰﾋﾞｽ株式会社　首都圏第1支社　足立ｻｰﾋﾞｽｽﾃｰｼｮﾝ</t>
  </si>
  <si>
    <t>保木間4-53-16</t>
  </si>
  <si>
    <t>03-3850-3231</t>
  </si>
  <si>
    <t>第１－２０１号</t>
  </si>
  <si>
    <t>猿渡冷暖房　株式会社</t>
  </si>
  <si>
    <t>猿渡冷暖房株式会社</t>
  </si>
  <si>
    <t>宮前区神木本町4-17-3</t>
  </si>
  <si>
    <t>044-888-3920</t>
  </si>
  <si>
    <t>第１－２０２号</t>
  </si>
  <si>
    <t>石井　昭</t>
  </si>
  <si>
    <t>石井工業所</t>
  </si>
  <si>
    <t>南小岩3-3-15</t>
  </si>
  <si>
    <t>03-3659-1779</t>
  </si>
  <si>
    <t>第１－２０３号</t>
  </si>
  <si>
    <t>吉田冷機工業　株式会社</t>
  </si>
  <si>
    <t>吉田冷機工業株式会社</t>
  </si>
  <si>
    <t>土支田1-2-10</t>
  </si>
  <si>
    <t>03-3922-0681</t>
  </si>
  <si>
    <t>第１－２０４号</t>
  </si>
  <si>
    <t>日本空調サービス工業　株式会社</t>
  </si>
  <si>
    <t>日本空調サービス工業株式会社</t>
  </si>
  <si>
    <t>文京区</t>
  </si>
  <si>
    <t>湯島3丁目19番4号</t>
  </si>
  <si>
    <t>03-3833-1971</t>
  </si>
  <si>
    <t>第１－２１１号</t>
  </si>
  <si>
    <t>ゼット・エンジニアリング　株式会社</t>
  </si>
  <si>
    <t>ゼット・エンジニアリング株式会社</t>
  </si>
  <si>
    <t>千葉市</t>
  </si>
  <si>
    <t>緑区おゆみ野中央三丁目3番地18</t>
  </si>
  <si>
    <t>043-292-4581</t>
  </si>
  <si>
    <t>第１－２１５号</t>
  </si>
  <si>
    <t>ダイキン工業　株式会社</t>
  </si>
  <si>
    <t>ダイキン工業株式会社　厚木サービスステーション</t>
  </si>
  <si>
    <t>水引2丁目8番25号</t>
  </si>
  <si>
    <t>046-225-5529</t>
  </si>
  <si>
    <t>ダイキン工業株式会社　横浜サービスステーション</t>
  </si>
  <si>
    <t>青葉区新石川3-35-8</t>
  </si>
  <si>
    <t>045-530-9950</t>
  </si>
  <si>
    <t>ダイキン工業株式会社　戸塚サービスステーション</t>
  </si>
  <si>
    <t>戸塚区上品濃14番2号</t>
  </si>
  <si>
    <t>045-828-3162</t>
  </si>
  <si>
    <t>第１－２１７号</t>
  </si>
  <si>
    <t>京王重機整備　株式会社</t>
  </si>
  <si>
    <t>京王重機整備株式会社　北野事業所</t>
  </si>
  <si>
    <t>長沼町1304番地の1</t>
  </si>
  <si>
    <t>042-642-4161</t>
  </si>
  <si>
    <t>第１－２１８号</t>
  </si>
  <si>
    <t>東和工業　株式会社</t>
  </si>
  <si>
    <t>東和工業株式会社</t>
  </si>
  <si>
    <t>扇1丁目24番24号</t>
  </si>
  <si>
    <t>第１－２１９号</t>
  </si>
  <si>
    <t>株式会社　太平ビルケア</t>
  </si>
  <si>
    <t>株式会社太平ビルケア　東京支店</t>
  </si>
  <si>
    <t>高野台2-5-6</t>
  </si>
  <si>
    <t>03-3904-5117</t>
  </si>
  <si>
    <t>株式会社太平ビルケア　横浜営業所</t>
  </si>
  <si>
    <t>中区花咲町2-72</t>
  </si>
  <si>
    <t>045-253-1755</t>
  </si>
  <si>
    <t>第１－２２１号</t>
  </si>
  <si>
    <t>クウショーエンタープライズ　株式会社</t>
  </si>
  <si>
    <t>クウショーエンタープライズ株式会社</t>
  </si>
  <si>
    <t>芝浦4丁目12番32号</t>
  </si>
  <si>
    <t>03-3457-7731</t>
  </si>
  <si>
    <t>第１－２２４号</t>
  </si>
  <si>
    <t>保栄工業　株式会社</t>
  </si>
  <si>
    <t>保栄工業株式会社</t>
  </si>
  <si>
    <t>川崎区大師駅前1-11-7</t>
  </si>
  <si>
    <t>044-266-4337</t>
  </si>
  <si>
    <t>第１－２２５号</t>
  </si>
  <si>
    <t>株式会社　ユニオン</t>
  </si>
  <si>
    <t>株式会社ユニオン</t>
  </si>
  <si>
    <t>西瑞江3-12-28</t>
  </si>
  <si>
    <t>03-3678-6321</t>
  </si>
  <si>
    <t>第１－２２８号</t>
  </si>
  <si>
    <t>株式会社　ギケン</t>
  </si>
  <si>
    <t>株式会社ギケン</t>
  </si>
  <si>
    <t>柏市</t>
  </si>
  <si>
    <t>柏インター南4-8</t>
  </si>
  <si>
    <t>04-7135-6300</t>
  </si>
  <si>
    <t>第１－２２９号</t>
  </si>
  <si>
    <t>ハマ冷機工業　株式会社</t>
  </si>
  <si>
    <t>ハマ冷機工業株式会社</t>
  </si>
  <si>
    <t>鵜の木3-20-14</t>
  </si>
  <si>
    <t>第１－２３２号</t>
  </si>
  <si>
    <t>メトロ車両　株式会社</t>
  </si>
  <si>
    <t>メトロ車両株式会社　鷺沼事業所</t>
  </si>
  <si>
    <t>宮前区小台1-18-105</t>
  </si>
  <si>
    <t>044-852-6778</t>
  </si>
  <si>
    <t>第１－２３３号</t>
  </si>
  <si>
    <t>有限会社　岩崎設備</t>
  </si>
  <si>
    <t>有限会社岩崎設備</t>
  </si>
  <si>
    <t>瀬谷区上瀬谷町45－24</t>
  </si>
  <si>
    <t>045-921-7570</t>
  </si>
  <si>
    <t>第１－２３４号</t>
  </si>
  <si>
    <t>菱機工業　株式会社</t>
  </si>
  <si>
    <t>菱機工業株式会社 東京本社</t>
  </si>
  <si>
    <t>西池袋5丁目1番3号</t>
  </si>
  <si>
    <t>03-3590-5000</t>
  </si>
  <si>
    <t>第１－２３８号</t>
  </si>
  <si>
    <t>中桜冷熱工業　株式会社</t>
  </si>
  <si>
    <t>中桜冷熱工業株式会社</t>
  </si>
  <si>
    <t>谷中4丁目4番5号</t>
  </si>
  <si>
    <t>03-3629-3311</t>
  </si>
  <si>
    <t>第１－２４３号</t>
  </si>
  <si>
    <t>長竹設備　株式会社</t>
  </si>
  <si>
    <t>長竹設備株式会社</t>
  </si>
  <si>
    <t>石原4-26-14</t>
  </si>
  <si>
    <t>03-5637-1601</t>
  </si>
  <si>
    <t>第１－２４７号</t>
  </si>
  <si>
    <t>株式会社　川崎空調サービス</t>
  </si>
  <si>
    <t>株式会社川崎空調サービス</t>
  </si>
  <si>
    <t>川崎区伊勢町20番12号</t>
  </si>
  <si>
    <t>044-245-5231</t>
  </si>
  <si>
    <t>第１－２５１号</t>
  </si>
  <si>
    <t>有限会社　スズデンエンジニアリング</t>
  </si>
  <si>
    <t>有限会社スズデンエンジニアリング</t>
  </si>
  <si>
    <t>港南区上永谷3-20-42</t>
  </si>
  <si>
    <t>045-844-5810</t>
  </si>
  <si>
    <t>第１－２５２号</t>
  </si>
  <si>
    <t>有限会社　マノメ空調設備</t>
  </si>
  <si>
    <t>有限会社マノメ空調設備</t>
  </si>
  <si>
    <t>鶴見区獅子ヶ谷2-35-20</t>
  </si>
  <si>
    <t>045-582-1367</t>
  </si>
  <si>
    <t>第１－２５３号</t>
  </si>
  <si>
    <t>東辰冷熱　株式会社</t>
  </si>
  <si>
    <t>東辰冷熱株式会社</t>
  </si>
  <si>
    <t>麻生区王禅寺西3丁目33番14号</t>
  </si>
  <si>
    <t>044-955-5008</t>
  </si>
  <si>
    <t>第１－２５６号</t>
  </si>
  <si>
    <t>株式会社　アメフレック</t>
  </si>
  <si>
    <t>株式会社アメフレック　大阪本社</t>
  </si>
  <si>
    <t>兵庫県</t>
  </si>
  <si>
    <t>尼崎市</t>
  </si>
  <si>
    <t>水堂町2-40-10</t>
  </si>
  <si>
    <t>06-6438-8191</t>
  </si>
  <si>
    <t>第１－２５７号</t>
  </si>
  <si>
    <t>大島　福太郎</t>
  </si>
  <si>
    <t>大島冷凍機</t>
  </si>
  <si>
    <t>西区戸部町7-247</t>
  </si>
  <si>
    <t>第１－２５９号</t>
  </si>
  <si>
    <t>宇野澤　秋男</t>
  </si>
  <si>
    <t>ケーユーエンジニアリング</t>
  </si>
  <si>
    <t>二十世紀が丘萩町104 アーバンハイツ101</t>
  </si>
  <si>
    <t>047-365-2095</t>
  </si>
  <si>
    <t>第１－２６０号</t>
  </si>
  <si>
    <t>創和エンジニアリング　株式会社</t>
  </si>
  <si>
    <t>創和エンジニアリング株式会社</t>
  </si>
  <si>
    <t>赤羽2丁目13番3号</t>
  </si>
  <si>
    <t>03-3903-0600</t>
  </si>
  <si>
    <t>第１－２６３号</t>
  </si>
  <si>
    <t>株式会社　協伸</t>
  </si>
  <si>
    <t>株式会社協伸　横浜テクニカルセンター</t>
  </si>
  <si>
    <t>鶴見区矢向5-10-5</t>
  </si>
  <si>
    <t>045-571-7974</t>
  </si>
  <si>
    <t>第１－２６５号</t>
  </si>
  <si>
    <t>菱重コールドチェーン　株式会社</t>
  </si>
  <si>
    <t>菱重コールドチェーン株式会社</t>
  </si>
  <si>
    <t>伊勢原市</t>
  </si>
  <si>
    <t>鈴川36</t>
  </si>
  <si>
    <t>0463-90-5570</t>
  </si>
  <si>
    <t>第１－２６６号</t>
  </si>
  <si>
    <t>株式会社　晃立設備</t>
  </si>
  <si>
    <t>株式会社晃立設備</t>
  </si>
  <si>
    <t>向島3丁目30番9号　森ビル</t>
  </si>
  <si>
    <t>03-3621-4705</t>
  </si>
  <si>
    <t>第１－２６８号</t>
  </si>
  <si>
    <t>株式会社　フロスト</t>
  </si>
  <si>
    <t>株式会社フロスト</t>
  </si>
  <si>
    <t>三鷹市</t>
  </si>
  <si>
    <t>野崎二丁目20番8号</t>
  </si>
  <si>
    <t>0422-32-0370</t>
  </si>
  <si>
    <t>第１－２７１号</t>
  </si>
  <si>
    <t>福井電機　株式会社</t>
  </si>
  <si>
    <t>福井電機株式会社</t>
  </si>
  <si>
    <t>中央区問屋町16-3</t>
  </si>
  <si>
    <t>043-241-6337</t>
  </si>
  <si>
    <t>第１－２７２号</t>
  </si>
  <si>
    <t>有限会社　タカヤマ設備</t>
  </si>
  <si>
    <t>有限会社タカヤマ設備</t>
  </si>
  <si>
    <t>東駒形4-7-11</t>
  </si>
  <si>
    <t>03-3623-7003</t>
  </si>
  <si>
    <t>第１－２７３号</t>
  </si>
  <si>
    <t>株式会社　セントラルエアコン</t>
  </si>
  <si>
    <t>株式会社セントラルエアコン</t>
  </si>
  <si>
    <t>江戸川2-33-17</t>
  </si>
  <si>
    <t>03-3679-4445</t>
  </si>
  <si>
    <t>第１－２７５号</t>
  </si>
  <si>
    <t>株式会社　平工業</t>
  </si>
  <si>
    <t>株式会社平工業　横浜営業所</t>
  </si>
  <si>
    <t>都筑区勝田南1-1-7サンモール21　102号</t>
  </si>
  <si>
    <t>045-942-9657</t>
  </si>
  <si>
    <t>第１－２７６号</t>
  </si>
  <si>
    <t>第１－２７７号</t>
  </si>
  <si>
    <t>マルサン空調　株式会社</t>
  </si>
  <si>
    <t>マルサン空調株式会社</t>
  </si>
  <si>
    <t>西日暮里1丁目43番4号</t>
  </si>
  <si>
    <t>03-3891-7241</t>
  </si>
  <si>
    <t>第１－２７８号</t>
  </si>
  <si>
    <t>株式会社　住機</t>
  </si>
  <si>
    <t>株式会社住機　城南営業所</t>
  </si>
  <si>
    <t>桜丘3-29-15</t>
  </si>
  <si>
    <t>03-3428-2461</t>
  </si>
  <si>
    <t>株式会社住機　八王子営業所</t>
  </si>
  <si>
    <t>田町2-2</t>
  </si>
  <si>
    <t>042-625-5521</t>
  </si>
  <si>
    <t>株式会社住機　厚木営業所</t>
  </si>
  <si>
    <t>岡田2-12-28</t>
  </si>
  <si>
    <t>046-228-7931</t>
  </si>
  <si>
    <t>第１－２８０号</t>
  </si>
  <si>
    <t>東神空調　株式会社</t>
  </si>
  <si>
    <t>東神空調株式会社</t>
  </si>
  <si>
    <t>西区戸部町3-49-7</t>
  </si>
  <si>
    <t>045-243-1221</t>
  </si>
  <si>
    <t>第１－２８２号</t>
  </si>
  <si>
    <t>日立グローバルライフソリューションズ　株式会社</t>
  </si>
  <si>
    <t>日立グローバルライフソリューションズ株式会社　関東サービスエンジニアリングセンタ</t>
  </si>
  <si>
    <t>東陽5丁目29番17号　東陽パークビル5Ｆ</t>
  </si>
  <si>
    <t>050-3144-9977</t>
  </si>
  <si>
    <t>日立グローバルライフソリューションズ株式会社　関東サービスエンジニアリングセンタ横浜サービスステーション</t>
  </si>
  <si>
    <t>中区長者町五丁目85番地　三共横浜ビル4Ｆ</t>
  </si>
  <si>
    <t>050-3189-9239</t>
  </si>
  <si>
    <t>日立グローバルライフソリューションズ株式会社　ホームソリューション事業部　家電サービス本部　東日本統括サービス部　厚木サービスセンター</t>
  </si>
  <si>
    <t>酒井3008</t>
  </si>
  <si>
    <t>046-227-5015</t>
  </si>
  <si>
    <t>日立グローバルライフソリューションズ株式会社 ホームソリューション事業部　家電サービス本部　東日本統括サービス部　横浜北サービスセンター</t>
  </si>
  <si>
    <t>戸塚区品濃町531-1</t>
  </si>
  <si>
    <t>045-824-6734</t>
  </si>
  <si>
    <t>日立グローバルライフソリューションズ株式会社 ホームソリューション事業部　家電サービス本部　東日本統括サービス部　横浜南サービスセンター</t>
  </si>
  <si>
    <t>045-824-7717</t>
  </si>
  <si>
    <t>日立グローバルライフソリューションズ株式会社 ホームソリューション事業部　家電サービス本部　東日本統括サービス部　山梨サービスセンター</t>
  </si>
  <si>
    <t>玉川1433</t>
  </si>
  <si>
    <t>055-276-8101</t>
  </si>
  <si>
    <t>第１－２８６号</t>
  </si>
  <si>
    <t>有限会社　サンズ・テクノ</t>
  </si>
  <si>
    <t>有限会社サンズ・テクノ</t>
  </si>
  <si>
    <t>西つつじケ丘1-35-26-202</t>
  </si>
  <si>
    <t>042-486-6573</t>
  </si>
  <si>
    <t>第１－２８７号</t>
  </si>
  <si>
    <t>株式会社　南武電設</t>
  </si>
  <si>
    <t>株式会社南武電設</t>
  </si>
  <si>
    <t>宮前区馬絹5-8-12</t>
  </si>
  <si>
    <t>044-888-2125</t>
  </si>
  <si>
    <t>第１－２８９号</t>
  </si>
  <si>
    <t>株式会社　洋栄工業</t>
  </si>
  <si>
    <t>株式会社洋栄工業</t>
  </si>
  <si>
    <t>泉区和泉町349－21</t>
  </si>
  <si>
    <t>第１－２９１号</t>
  </si>
  <si>
    <t>クリーン工業　株式会社</t>
  </si>
  <si>
    <t>クリーン工業株式会社</t>
  </si>
  <si>
    <t>目黒区</t>
  </si>
  <si>
    <t>中根一丁目10番24号</t>
  </si>
  <si>
    <t>03-3717-3151</t>
  </si>
  <si>
    <t>第１－２９３号</t>
  </si>
  <si>
    <t>株式会社　三幸</t>
  </si>
  <si>
    <t>株式会社三幸</t>
  </si>
  <si>
    <t>浜松市</t>
  </si>
  <si>
    <t>中区茄子町352番地の13</t>
  </si>
  <si>
    <t>第１－３００号</t>
  </si>
  <si>
    <t>日英冷機工業　有限会社</t>
  </si>
  <si>
    <t>日英冷機工業有限会社</t>
  </si>
  <si>
    <t>中原区井田2丁目33番10号</t>
  </si>
  <si>
    <t>044-752-6180</t>
  </si>
  <si>
    <t>第１－３０２号</t>
  </si>
  <si>
    <t>株式会社　エベ冷凍空調機器</t>
  </si>
  <si>
    <t>株式会社エベ冷凍空調機器</t>
  </si>
  <si>
    <t>駿東郡</t>
  </si>
  <si>
    <t>長泉町上土狩74－12</t>
  </si>
  <si>
    <t>055-986-4201</t>
  </si>
  <si>
    <t>第１－３０３号</t>
  </si>
  <si>
    <t>第１－３０４号</t>
  </si>
  <si>
    <t>東京冷暖房サービス　株式会社</t>
  </si>
  <si>
    <t>東京冷暖房サービス株式会社</t>
  </si>
  <si>
    <t>板橋区</t>
  </si>
  <si>
    <t>上板橋二丁目16番3号</t>
  </si>
  <si>
    <t>03-6281-0885</t>
  </si>
  <si>
    <t>第１－３０５号</t>
  </si>
  <si>
    <t>見留　英雄</t>
  </si>
  <si>
    <t>横浜空調システム</t>
  </si>
  <si>
    <t>西区西戸部町2-239</t>
  </si>
  <si>
    <t>045-262-1083</t>
  </si>
  <si>
    <t>第１－３０６号</t>
  </si>
  <si>
    <t>港冷暖房設備工業　有限会社</t>
  </si>
  <si>
    <t>港冷暖房設備工業有限会社</t>
  </si>
  <si>
    <t>東葛西5丁目50番10号</t>
  </si>
  <si>
    <t>第１－３０７号</t>
  </si>
  <si>
    <t>日本電化工機　株式会社</t>
  </si>
  <si>
    <t>日本電化工機株式会社　ＭＡＣ冷熱品改造センター</t>
  </si>
  <si>
    <t>八潮市</t>
  </si>
  <si>
    <t>大字浮塚585</t>
  </si>
  <si>
    <t>048-998-2100</t>
  </si>
  <si>
    <t>第１－３０９号</t>
  </si>
  <si>
    <t>有限会社　藤沢空調</t>
  </si>
  <si>
    <t>有限会社藤沢空調</t>
  </si>
  <si>
    <t>さいたま市</t>
  </si>
  <si>
    <t>桜区西堀4-7-1-326</t>
  </si>
  <si>
    <t>048-839-1497</t>
  </si>
  <si>
    <t>第１－３１０号</t>
  </si>
  <si>
    <t>東京瓦斯　株式会社</t>
  </si>
  <si>
    <t>東京瓦斯株式会社　商品サービス部</t>
  </si>
  <si>
    <t>03-5400-7939</t>
  </si>
  <si>
    <t>第１－３１１号</t>
  </si>
  <si>
    <t>株式会社　誠和実業</t>
  </si>
  <si>
    <t>株式会社誠和実業</t>
  </si>
  <si>
    <t>草加市</t>
  </si>
  <si>
    <t>西町483番地16</t>
  </si>
  <si>
    <t>048-925-8361</t>
  </si>
  <si>
    <t>第１－３１２号</t>
  </si>
  <si>
    <t>東武テクノ　株式会社</t>
  </si>
  <si>
    <t>東武テクノ株式会社</t>
  </si>
  <si>
    <t>春日部市</t>
  </si>
  <si>
    <t>下蛭田417番地2</t>
  </si>
  <si>
    <t>048-763-2306</t>
  </si>
  <si>
    <t>第１－３１３号</t>
  </si>
  <si>
    <t>新菱冷熱工業　株式会社</t>
  </si>
  <si>
    <t>新菱冷熱工業株式会社　機器設備事業部</t>
  </si>
  <si>
    <t>四谷二丁目8番地</t>
  </si>
  <si>
    <t>03-3357-2361</t>
  </si>
  <si>
    <t>第１－３１４号</t>
  </si>
  <si>
    <t>菱友冷熱　株式会社</t>
  </si>
  <si>
    <t>菱友冷熱株式会社</t>
  </si>
  <si>
    <t>岡宮1378番地の22</t>
  </si>
  <si>
    <t>055-923-0070</t>
  </si>
  <si>
    <t>第１－３１６号</t>
  </si>
  <si>
    <t>株式会社　尾崎設備工業</t>
  </si>
  <si>
    <t>株式会社尾崎設備工業</t>
  </si>
  <si>
    <t>東領家三丁目1番17号</t>
  </si>
  <si>
    <t>第１－３１７号</t>
  </si>
  <si>
    <t>株式会社　アートエヤコン</t>
  </si>
  <si>
    <t>株式会社アートエヤコン</t>
  </si>
  <si>
    <t>緑二丁目14番2号</t>
  </si>
  <si>
    <t>03-3634-0291</t>
  </si>
  <si>
    <t>第１－３１８号</t>
  </si>
  <si>
    <t>株式会社　右近冷暖房</t>
  </si>
  <si>
    <t>株式会社右近冷暖房</t>
  </si>
  <si>
    <t>中延1丁目6番18号</t>
  </si>
  <si>
    <t>03-5750-2391</t>
  </si>
  <si>
    <t>第１－３１９号</t>
  </si>
  <si>
    <t>有限会社　志村機工</t>
  </si>
  <si>
    <t>有限会社志村機工</t>
  </si>
  <si>
    <t>志村1-23-10</t>
  </si>
  <si>
    <t>03-3965-3382</t>
  </si>
  <si>
    <t>第１－３２０号</t>
  </si>
  <si>
    <t>千代田設備工業　株式会社</t>
  </si>
  <si>
    <t>千代田設備工業株式会社</t>
  </si>
  <si>
    <t>祐天寺二丁目5番1号</t>
  </si>
  <si>
    <t>03-3792-9521</t>
  </si>
  <si>
    <t>第１－３２１号</t>
  </si>
  <si>
    <t>株式会社　細川商会</t>
  </si>
  <si>
    <t>株式会社細川商会</t>
  </si>
  <si>
    <t>南品川4丁目17番11号</t>
  </si>
  <si>
    <t>03-3471-1055</t>
  </si>
  <si>
    <t>第１－３２２号</t>
  </si>
  <si>
    <t>有限会社　亜細亜機械製作所</t>
  </si>
  <si>
    <t>有限会社亜細亜機械製作所</t>
  </si>
  <si>
    <t>南大井4-3-15</t>
  </si>
  <si>
    <t>03-3761-0745</t>
  </si>
  <si>
    <t>第１－３２３号</t>
  </si>
  <si>
    <t>有限会社　渡邉冷機工業</t>
  </si>
  <si>
    <t>有限会社渡邉冷機工業</t>
  </si>
  <si>
    <t>白金3-16-7</t>
  </si>
  <si>
    <t>第１－３２４号</t>
  </si>
  <si>
    <t>株式会社　馬込冷凍機製作所</t>
  </si>
  <si>
    <t>株式会社馬込冷凍機製作所</t>
  </si>
  <si>
    <t>中馬込3丁目25番11号</t>
  </si>
  <si>
    <t>03-3771-2126</t>
  </si>
  <si>
    <t>第１－３２５号</t>
  </si>
  <si>
    <t>株式会社　協和空調システム</t>
  </si>
  <si>
    <t>株式会社協和空調システム</t>
  </si>
  <si>
    <t>小平市</t>
  </si>
  <si>
    <t>学園西町3丁目23番37号サンライズマンション1階</t>
  </si>
  <si>
    <t>042-346-9705</t>
  </si>
  <si>
    <t>第１－３２６号</t>
  </si>
  <si>
    <t>向島空調工業　株式会社</t>
  </si>
  <si>
    <t>向島空調工業株式会社</t>
  </si>
  <si>
    <t>墨田2-43-3</t>
  </si>
  <si>
    <t>03-3619-0317</t>
  </si>
  <si>
    <t>第１－３２７号</t>
  </si>
  <si>
    <t>株式会社　三冷社</t>
  </si>
  <si>
    <t>株式会社三冷社　東京支社</t>
  </si>
  <si>
    <t>菊川2丁目21番地4号　四国菊川第一ビル</t>
  </si>
  <si>
    <t>03-5624-1073</t>
  </si>
  <si>
    <t>第１－３２８号</t>
  </si>
  <si>
    <t>広布設備工業　株式会社</t>
  </si>
  <si>
    <t>広布設備工業株式会社</t>
  </si>
  <si>
    <t>川越市</t>
  </si>
  <si>
    <t>菅間236-1</t>
  </si>
  <si>
    <t>049-228-0550</t>
  </si>
  <si>
    <t>第１－３２９号</t>
  </si>
  <si>
    <t>有限会社　創学</t>
  </si>
  <si>
    <t>有限会社創学</t>
  </si>
  <si>
    <t>049-226-8503</t>
  </si>
  <si>
    <t>第１－３３０号</t>
  </si>
  <si>
    <t>株式会社　沖原工務所</t>
  </si>
  <si>
    <t>株式会社沖原工務所</t>
  </si>
  <si>
    <t>西大井6丁目8番18号</t>
  </si>
  <si>
    <t>03-3773-2311</t>
  </si>
  <si>
    <t>第１－３３１号</t>
  </si>
  <si>
    <t>株式会社　リバティ</t>
  </si>
  <si>
    <t>株式会社リバティ</t>
  </si>
  <si>
    <t>南区文蔵4-27-2</t>
  </si>
  <si>
    <t>048-866-8743</t>
  </si>
  <si>
    <t>第１－３３３号</t>
  </si>
  <si>
    <t>三沢電機　株式会社</t>
  </si>
  <si>
    <t>三沢電機株式会社</t>
  </si>
  <si>
    <t>西区戸部町四丁目158番地</t>
  </si>
  <si>
    <t>045-241-1622</t>
  </si>
  <si>
    <t>第１－３３６号</t>
  </si>
  <si>
    <t>有限会社　システム空調</t>
  </si>
  <si>
    <t>有限会社システム空調</t>
  </si>
  <si>
    <t>千住東1-8-3</t>
  </si>
  <si>
    <t>03-3870-5001</t>
  </si>
  <si>
    <t>第１－３３７号</t>
  </si>
  <si>
    <t>三葉電機　株式会社</t>
  </si>
  <si>
    <t>三葉電機株式会社</t>
  </si>
  <si>
    <t>大沼町4-43-25</t>
  </si>
  <si>
    <t>042-345-1723</t>
  </si>
  <si>
    <t>第１－３３９号</t>
  </si>
  <si>
    <t>株式会社　三省</t>
  </si>
  <si>
    <t>株式会社三省</t>
  </si>
  <si>
    <t>長淵6-498-4</t>
  </si>
  <si>
    <t>0428-23-8264</t>
  </si>
  <si>
    <t>第１－３４０号</t>
  </si>
  <si>
    <t>ライト工業　株式会社</t>
  </si>
  <si>
    <t>ライト工業株式会社</t>
  </si>
  <si>
    <t>杉並区</t>
  </si>
  <si>
    <t>和泉4丁目15-3</t>
  </si>
  <si>
    <t>03-5376-6581</t>
  </si>
  <si>
    <t>第１－３４２号</t>
  </si>
  <si>
    <t>株式会社　エイシークリエイト</t>
  </si>
  <si>
    <t>株式会社エイシークリエイト</t>
  </si>
  <si>
    <t>港北区新吉田町6043-1</t>
  </si>
  <si>
    <t>045-590-4721</t>
  </si>
  <si>
    <t>第１－３４４号</t>
  </si>
  <si>
    <t>有限会社　大友工業所</t>
  </si>
  <si>
    <t>有限会社大友工業所</t>
  </si>
  <si>
    <t>麻生区上麻生5-35-10</t>
  </si>
  <si>
    <t>044-981-5252</t>
  </si>
  <si>
    <t>第１－３４７号</t>
  </si>
  <si>
    <t>株式会社　エアテクニカ</t>
  </si>
  <si>
    <t>株式会社エアテクニカ</t>
  </si>
  <si>
    <t>追分町22番1号</t>
  </si>
  <si>
    <t>042-626-2401</t>
  </si>
  <si>
    <t>第１－３５０号</t>
  </si>
  <si>
    <t>幸和設備　株式会社</t>
  </si>
  <si>
    <t>幸和設備株式会社</t>
  </si>
  <si>
    <t>千石四丁目21番1号　フレールビル</t>
  </si>
  <si>
    <t>03-3941-6173</t>
  </si>
  <si>
    <t>第１－３５３号</t>
  </si>
  <si>
    <t>有限会社　三浦設備</t>
  </si>
  <si>
    <t>有限会社三浦設備</t>
  </si>
  <si>
    <t>旭区三反田町203-4</t>
  </si>
  <si>
    <t>045-383-7048</t>
  </si>
  <si>
    <t>第１－３５５号</t>
  </si>
  <si>
    <t>ヤマザキ・シー・エー　株式会社</t>
  </si>
  <si>
    <t>ヤマザキ・シー・エー株式会社　横浜支店</t>
  </si>
  <si>
    <t>中区扇町三丁目8番11</t>
  </si>
  <si>
    <t>045-227-9222</t>
  </si>
  <si>
    <t>ヤマザキ・シー・エー株式会社　厚木営業所</t>
  </si>
  <si>
    <t>岡田三丁目8番30号</t>
  </si>
  <si>
    <t>046-220-1451</t>
  </si>
  <si>
    <t>第１－３５７号</t>
  </si>
  <si>
    <t>株式会社　北斗サービス</t>
  </si>
  <si>
    <t>株式会社北斗サービス</t>
  </si>
  <si>
    <t>田柄3-17-25</t>
  </si>
  <si>
    <t>03-5241-9441</t>
  </si>
  <si>
    <t>第１－３５８号</t>
  </si>
  <si>
    <t>株式会社　長谷部機工</t>
  </si>
  <si>
    <t>株式会社長谷部機工</t>
  </si>
  <si>
    <t>鶴見区小野町12-3</t>
  </si>
  <si>
    <t>第１－３６５号</t>
  </si>
  <si>
    <t>株式会社　豊隆機器サービス</t>
  </si>
  <si>
    <t>株式会社豊隆機器サービス</t>
  </si>
  <si>
    <t>徳丸6-37-2</t>
  </si>
  <si>
    <t>03-5922-3085</t>
  </si>
  <si>
    <t>第１－３６７号</t>
  </si>
  <si>
    <t>日神工業　株式会社</t>
  </si>
  <si>
    <t>日神工業株式会社</t>
  </si>
  <si>
    <t>栃木県</t>
  </si>
  <si>
    <t>宇都宮市</t>
  </si>
  <si>
    <t>東塙田二丁目8番41号</t>
  </si>
  <si>
    <t>028-627-7571</t>
  </si>
  <si>
    <t>日神工業株式会社　真岡営業所</t>
  </si>
  <si>
    <t>真岡市</t>
  </si>
  <si>
    <t>長田四丁目5番地1</t>
  </si>
  <si>
    <t>0285-83-1351</t>
  </si>
  <si>
    <t>日神工業株式会社　栃木支店</t>
  </si>
  <si>
    <t>栃木市</t>
  </si>
  <si>
    <t>大平町西野田366番地1</t>
  </si>
  <si>
    <t>0282-43-6371</t>
  </si>
  <si>
    <t>日神工業株式会社　両毛支店</t>
  </si>
  <si>
    <t>足利市</t>
  </si>
  <si>
    <t>寺岡町440-2</t>
  </si>
  <si>
    <t>0284-91-1121</t>
  </si>
  <si>
    <t>第１－３７０号</t>
  </si>
  <si>
    <t>有限会社　グローイング</t>
  </si>
  <si>
    <t>有限会社グローイング</t>
  </si>
  <si>
    <t>昭島市</t>
  </si>
  <si>
    <t>郷地町1-5-16</t>
  </si>
  <si>
    <t>042-541-5767</t>
  </si>
  <si>
    <t>第１－３７３号</t>
  </si>
  <si>
    <t>有限会社　サクラシステム</t>
  </si>
  <si>
    <t>有限会社サクラシステム</t>
  </si>
  <si>
    <t>石川町463番地の5</t>
  </si>
  <si>
    <t>第１－３７８号</t>
  </si>
  <si>
    <t>株式会社　エレコ</t>
  </si>
  <si>
    <t>株式会社エレコ</t>
  </si>
  <si>
    <t>中落合3-5-2</t>
  </si>
  <si>
    <t>03-6908-1801</t>
  </si>
  <si>
    <t>第１－３７９号</t>
  </si>
  <si>
    <t>有限会社　栄光設備</t>
  </si>
  <si>
    <t>有限会社栄光設備</t>
  </si>
  <si>
    <t>都筑区東山田町84番地</t>
  </si>
  <si>
    <t>045-593-0781</t>
  </si>
  <si>
    <t>第１－３８０号</t>
  </si>
  <si>
    <t>ハイエスト総合設備　株式会社</t>
  </si>
  <si>
    <t>ハイエスト総合設備株式会社</t>
  </si>
  <si>
    <t>小川六丁目22番8号</t>
  </si>
  <si>
    <t>042-799-3577</t>
  </si>
  <si>
    <t>第１－３８１号</t>
  </si>
  <si>
    <t>有限会社　ケー・エムサービス</t>
  </si>
  <si>
    <t>有限会社ケー・エムサービス</t>
  </si>
  <si>
    <t>等々力8-7-12</t>
  </si>
  <si>
    <t>第１－３８２号</t>
  </si>
  <si>
    <t>有限会社　東海空調</t>
  </si>
  <si>
    <t>有限会社東海空調</t>
  </si>
  <si>
    <t>忠生3丁目19番11号</t>
  </si>
  <si>
    <t>042-792-0430</t>
  </si>
  <si>
    <t>第１－３８４号</t>
  </si>
  <si>
    <t>有限会社　精工冷熱</t>
  </si>
  <si>
    <t>有限会社精工冷熱</t>
  </si>
  <si>
    <t>旭区川島町2060-18</t>
  </si>
  <si>
    <t>045-373-2470</t>
  </si>
  <si>
    <t>第１－３８８号</t>
  </si>
  <si>
    <t>筑豊設備　有限会社</t>
  </si>
  <si>
    <t>筑豊設備有限会社</t>
  </si>
  <si>
    <t>河原塚165番地の32</t>
  </si>
  <si>
    <t>047-392-2493</t>
  </si>
  <si>
    <t>第１－３８９号</t>
  </si>
  <si>
    <t>有限会社　森冷機</t>
  </si>
  <si>
    <t>有限会社森冷機</t>
  </si>
  <si>
    <t>仲六郷2丁目25番8号</t>
  </si>
  <si>
    <t>03-3734-8281</t>
  </si>
  <si>
    <t>第１－３９０号</t>
  </si>
  <si>
    <t>株式会社　エステム</t>
  </si>
  <si>
    <t>株式会社エステム</t>
  </si>
  <si>
    <t>保土ヶ谷区今井町1322番地1</t>
  </si>
  <si>
    <t>045-520-4377</t>
  </si>
  <si>
    <t>第１－３９１号</t>
  </si>
  <si>
    <t>株式会社　はんれい</t>
  </si>
  <si>
    <t>株式会社はんれい</t>
  </si>
  <si>
    <t>常盤二丁目3番5号芦谷荘101</t>
  </si>
  <si>
    <t>03-6659-3032</t>
  </si>
  <si>
    <t>第１－３９５号</t>
  </si>
  <si>
    <t>南部空調　株式会社</t>
  </si>
  <si>
    <t>南部空調株式会社</t>
  </si>
  <si>
    <t>東村山市</t>
  </si>
  <si>
    <t>恩多町5丁目27番地4</t>
  </si>
  <si>
    <t>042-393-8390</t>
  </si>
  <si>
    <t>第１－３９７号</t>
  </si>
  <si>
    <t>日本ユニテック　株式会社</t>
  </si>
  <si>
    <t>日本ユニテック株式会社</t>
  </si>
  <si>
    <t>大森北1丁目17番2号　大森センタービル5階</t>
  </si>
  <si>
    <t>03-6436-8456</t>
  </si>
  <si>
    <t>第１－３９８号</t>
  </si>
  <si>
    <t>応用冷機　株式会社</t>
  </si>
  <si>
    <t>応用冷機株式会社</t>
  </si>
  <si>
    <t>亀戸7-45-2</t>
  </si>
  <si>
    <t>03-3638-0671</t>
  </si>
  <si>
    <t>第１－４００号</t>
  </si>
  <si>
    <t>株式会社　保坂製作所</t>
  </si>
  <si>
    <t>株式会社保坂製作所</t>
  </si>
  <si>
    <t>台東区</t>
  </si>
  <si>
    <t>寿2-10-16</t>
  </si>
  <si>
    <t>03-3841-3026</t>
  </si>
  <si>
    <t>株式会社保坂製作所　津久井工場</t>
  </si>
  <si>
    <t>相模原市</t>
  </si>
  <si>
    <t>緑区太井811</t>
  </si>
  <si>
    <t>042-784-1216</t>
  </si>
  <si>
    <t>第１－４０１号</t>
  </si>
  <si>
    <t>菱熱サービス　株式会社</t>
  </si>
  <si>
    <t>菱熱サービス株式会社</t>
  </si>
  <si>
    <t>山王4-17-4</t>
  </si>
  <si>
    <t>03-3778-2261</t>
  </si>
  <si>
    <t>第１－４０５号</t>
  </si>
  <si>
    <t>有限会社　セルフ</t>
  </si>
  <si>
    <t>有限会社セルフ</t>
  </si>
  <si>
    <t>保土ケ谷区仏向町1180-49</t>
  </si>
  <si>
    <t>第１－４０６号</t>
  </si>
  <si>
    <t>日研空調　株式会社</t>
  </si>
  <si>
    <t>日研空調株式会社</t>
  </si>
  <si>
    <t>堀切8-6-4</t>
  </si>
  <si>
    <t>03-3690-6030</t>
  </si>
  <si>
    <t>第１－４０７号</t>
  </si>
  <si>
    <t>株式会社　タイレイクリエイション</t>
  </si>
  <si>
    <t>株式会社タイレイクリエイション</t>
  </si>
  <si>
    <t>旭区川島町1928-10</t>
  </si>
  <si>
    <t>045-370-1370</t>
  </si>
  <si>
    <t>第１－４１０号</t>
  </si>
  <si>
    <t>株式会社　ウエーブ</t>
  </si>
  <si>
    <t>株式会社ウエーブ</t>
  </si>
  <si>
    <t>北葛飾郡</t>
  </si>
  <si>
    <t>杉戸町大字木野川118-3</t>
  </si>
  <si>
    <t>0480-38-2910</t>
  </si>
  <si>
    <t>第１－４１４号</t>
  </si>
  <si>
    <t>株式会社　サンエム</t>
  </si>
  <si>
    <t>株式会社サンエム</t>
  </si>
  <si>
    <t>小泉一丁目4番地8</t>
  </si>
  <si>
    <t>048-729-7777</t>
  </si>
  <si>
    <t>第１－４１５号</t>
  </si>
  <si>
    <t>大冷工業　株式会社</t>
  </si>
  <si>
    <t>大冷工業株式会社</t>
  </si>
  <si>
    <t>戸塚区平戸町1097番地121</t>
  </si>
  <si>
    <t>045-824-1121</t>
  </si>
  <si>
    <t>第１－４１７号</t>
  </si>
  <si>
    <t>有限会社　ダイワ空調</t>
  </si>
  <si>
    <t>有限会社ダイワ空調</t>
  </si>
  <si>
    <t>稲城市</t>
  </si>
  <si>
    <t>長峰1-2-48</t>
  </si>
  <si>
    <t>第１－４１８号</t>
  </si>
  <si>
    <t>株式会社　三凌商事</t>
  </si>
  <si>
    <t>株式会社三凌商事　相模原支社</t>
  </si>
  <si>
    <t>緑区橋本台一丁目14番13号</t>
  </si>
  <si>
    <t>042-774-3231</t>
  </si>
  <si>
    <t>株式会社三凌商事　三凌愛川リサイクルセンター第4工場</t>
  </si>
  <si>
    <t>愛甲郡</t>
  </si>
  <si>
    <t>愛川町中津字大塚下6897番2</t>
  </si>
  <si>
    <t>046-284-5566</t>
  </si>
  <si>
    <t>第１－４２０号</t>
  </si>
  <si>
    <t>株式会社　日電</t>
  </si>
  <si>
    <t>株式会社日電</t>
  </si>
  <si>
    <t>三宿2-35-9</t>
  </si>
  <si>
    <t>03-3795-3040</t>
  </si>
  <si>
    <t>第１－４２３号</t>
  </si>
  <si>
    <t>中央三洋設備　株式会社</t>
  </si>
  <si>
    <t>中央三洋設備株式会社</t>
  </si>
  <si>
    <t>上野5丁目3番1号</t>
  </si>
  <si>
    <t>03-3839-2211</t>
  </si>
  <si>
    <t>第１－４２４号</t>
  </si>
  <si>
    <t>株式会社　アリガ</t>
  </si>
  <si>
    <t>株式会社アリガ</t>
  </si>
  <si>
    <t>北新宿4-17-6</t>
  </si>
  <si>
    <t>03-3364-2571</t>
  </si>
  <si>
    <t>第１－４３２号</t>
  </si>
  <si>
    <t>信井電機工業　株式会社</t>
  </si>
  <si>
    <t>信井電機工業株式会社</t>
  </si>
  <si>
    <t>上野一丁目1番12号</t>
  </si>
  <si>
    <t>03-3837-6701</t>
  </si>
  <si>
    <t>第１－４３４号</t>
  </si>
  <si>
    <t>テクノス工業　株式会社</t>
  </si>
  <si>
    <t>テクノス工業株式会社</t>
  </si>
  <si>
    <t>神奈川区羽沢町1740-1-102</t>
  </si>
  <si>
    <t>045-373-3595</t>
  </si>
  <si>
    <t>第１－４３７号</t>
  </si>
  <si>
    <t>株式会社　日栄電機工業</t>
  </si>
  <si>
    <t>株式会社日栄電機工業</t>
  </si>
  <si>
    <t>東久留米市</t>
  </si>
  <si>
    <t>前沢1-9-23</t>
  </si>
  <si>
    <t>042-475-8009</t>
  </si>
  <si>
    <t>第１－４４０号</t>
  </si>
  <si>
    <t>㑹田　達男</t>
  </si>
  <si>
    <t>港南エアコンサービス</t>
  </si>
  <si>
    <t>栄区犬山町9-11</t>
  </si>
  <si>
    <t>045-893-1292</t>
  </si>
  <si>
    <t>第１－４４２号</t>
  </si>
  <si>
    <t>株式会社　朝日機器エンジニアリング</t>
  </si>
  <si>
    <t>株式会社朝日機器エンジニアリング　東京支店</t>
  </si>
  <si>
    <t>南葛西三丁目15番3号</t>
  </si>
  <si>
    <t>03-3878-9871</t>
  </si>
  <si>
    <t>第１－４４６号</t>
  </si>
  <si>
    <t>株式会社　テック・エアサービス</t>
  </si>
  <si>
    <t>株式会社テック・エアサービス</t>
  </si>
  <si>
    <t>三軒茶屋1-17-11</t>
  </si>
  <si>
    <t>03-5433-3493</t>
  </si>
  <si>
    <t>第１－４４７号</t>
  </si>
  <si>
    <t>鑽升産業　株式会社</t>
  </si>
  <si>
    <t>鑽升産業株式会社</t>
  </si>
  <si>
    <t>等々力3-32-9　ＡＢＳビル201号</t>
  </si>
  <si>
    <t>03-3701-0198</t>
  </si>
  <si>
    <t>第１－４４８号</t>
  </si>
  <si>
    <t>有限会社　サンエアシステム</t>
  </si>
  <si>
    <t>有限会社サンエアシステム</t>
  </si>
  <si>
    <t>青葉区市ケ尾町1628-5</t>
  </si>
  <si>
    <t>045-342-7982</t>
  </si>
  <si>
    <t>第１－４４９号</t>
  </si>
  <si>
    <t>大和冷機工業　株式会社</t>
  </si>
  <si>
    <t>大和冷機工業株式会社　横浜西営業所</t>
  </si>
  <si>
    <t>西区中央1-36-2　産和ビル5F</t>
  </si>
  <si>
    <t>045-321-6071</t>
  </si>
  <si>
    <t>大和冷機工業株式会社　相模原営業所</t>
  </si>
  <si>
    <t>南区相模大野7-1-6　相模大野第一生命ビル3F</t>
  </si>
  <si>
    <t>042-747-5261</t>
  </si>
  <si>
    <t>大和冷機工業株式会社　横浜北営業所</t>
  </si>
  <si>
    <t>都筑区仲町台1-32-10　アーベイン仲町台202号室</t>
  </si>
  <si>
    <t>045-945-3417</t>
  </si>
  <si>
    <t>大和冷機工業株式会社　横浜南営業所</t>
  </si>
  <si>
    <t>港南区上大岡西1-13-8　大樹生命ビル7F</t>
  </si>
  <si>
    <t>045-843-0577</t>
  </si>
  <si>
    <t>大和冷機工業株式会社　藤沢営業所</t>
  </si>
  <si>
    <t>藤沢966-3　毛利ビル302</t>
  </si>
  <si>
    <t>0466-24-8367</t>
  </si>
  <si>
    <t>大和冷機工業株式会社　川崎営業所</t>
  </si>
  <si>
    <t>川崎区小川町11-10　第10平沼ビル3階（A室）</t>
  </si>
  <si>
    <t>044-246-5477</t>
  </si>
  <si>
    <t>大和冷機工業株式会社　平塚営業所</t>
  </si>
  <si>
    <t>八重咲町2-8　エクセルブルービル2F</t>
  </si>
  <si>
    <t>0463-21-0843</t>
  </si>
  <si>
    <t>大和冷機工業株式会社　横須賀営業所</t>
  </si>
  <si>
    <t>日の出町2-4-11　グリーンパーク横須賀中央102号</t>
  </si>
  <si>
    <t>046-825-5253</t>
  </si>
  <si>
    <t>大和冷機工業株式会社　神奈川サービスセンター</t>
  </si>
  <si>
    <t>大和冷機工業株式会社　大船営業所</t>
  </si>
  <si>
    <t>鎌倉市</t>
  </si>
  <si>
    <t>岡本2-5-11　第2大観ビル304号室</t>
  </si>
  <si>
    <t>0467-42-7191</t>
  </si>
  <si>
    <t>大和冷機工業株式会社　ＤＮＳ東京営業所</t>
  </si>
  <si>
    <t>台東2-4-3　大和冷機秋葉原ＤＲＫビル7F</t>
  </si>
  <si>
    <t>03-5816-5254</t>
  </si>
  <si>
    <t>第１－４５０号</t>
  </si>
  <si>
    <t>株式会社　アーバンテクノ</t>
  </si>
  <si>
    <t>株式会社アーバンテクノ</t>
  </si>
  <si>
    <t>石島17-2</t>
  </si>
  <si>
    <t>03-5606-5839</t>
  </si>
  <si>
    <t>第１－４５２号</t>
  </si>
  <si>
    <t>小原　幸雄</t>
  </si>
  <si>
    <t>タナカテクノス</t>
  </si>
  <si>
    <t>北砂4-28-11</t>
  </si>
  <si>
    <t>03-3637-8952</t>
  </si>
  <si>
    <t>第１－４５５号</t>
  </si>
  <si>
    <t>株式会社　水興社</t>
  </si>
  <si>
    <t>株式会社水興社</t>
  </si>
  <si>
    <t>深川二丁目8番16号</t>
  </si>
  <si>
    <t>03-3630-7121</t>
  </si>
  <si>
    <t>第１－４５７号</t>
  </si>
  <si>
    <t>株式会社　東冷蔵工業所</t>
  </si>
  <si>
    <t>株式会社東冷蔵工業所</t>
  </si>
  <si>
    <t>南蒲田1-21-14</t>
  </si>
  <si>
    <t>03-3735-0346</t>
  </si>
  <si>
    <t>第１－４５８号</t>
  </si>
  <si>
    <t>株式会社　サンコー冷機</t>
  </si>
  <si>
    <t>株式会社サンコー冷機</t>
  </si>
  <si>
    <t>本行徳31番14号</t>
  </si>
  <si>
    <t>047-358-3478</t>
  </si>
  <si>
    <t>第１－４５９号</t>
  </si>
  <si>
    <t>石川　隆啓</t>
  </si>
  <si>
    <t>ＴＩＡＣエンジニアリング</t>
  </si>
  <si>
    <t>上荻3-6-18</t>
  </si>
  <si>
    <t>03-3390-4198</t>
  </si>
  <si>
    <t>第１－４６４号</t>
  </si>
  <si>
    <t>株式会社　ダイトーフジテック</t>
  </si>
  <si>
    <t>株式会社ダイトーフジテック</t>
  </si>
  <si>
    <t>金沢区福浦一丁目15番地12</t>
  </si>
  <si>
    <t>045-781-6611</t>
  </si>
  <si>
    <t>第１－４６５号</t>
  </si>
  <si>
    <t>株式会社　ニッテク</t>
  </si>
  <si>
    <t>株式会社ニッテク</t>
  </si>
  <si>
    <t>東砂6-6-4</t>
  </si>
  <si>
    <t>03-6810-5515</t>
  </si>
  <si>
    <t>第１－４６８号</t>
  </si>
  <si>
    <t>リケン・セッテ　有限会社</t>
  </si>
  <si>
    <t>リケン・セッテ有限会社</t>
  </si>
  <si>
    <t>金森4-19-15</t>
  </si>
  <si>
    <t>042-795-0007</t>
  </si>
  <si>
    <t>第１－４７３号</t>
  </si>
  <si>
    <t>有限会社　エアテック</t>
  </si>
  <si>
    <t>有限会社エアテック</t>
  </si>
  <si>
    <t>都筑区北山田5-3-5</t>
  </si>
  <si>
    <t>045-548-4883</t>
  </si>
  <si>
    <t>第１－４７５号</t>
  </si>
  <si>
    <t>渡邉　三郎</t>
  </si>
  <si>
    <t>渡辺電設</t>
  </si>
  <si>
    <t>瑞江4-46-3</t>
  </si>
  <si>
    <t>第１－４７８号</t>
  </si>
  <si>
    <t>有限会社　ライブアップ</t>
  </si>
  <si>
    <t>有限会社ライブアップ</t>
  </si>
  <si>
    <t>栄区鍛冶ヶ谷1-20-20</t>
  </si>
  <si>
    <t>045-894-0745</t>
  </si>
  <si>
    <t>第１－４７９号</t>
  </si>
  <si>
    <t>有限会社　誠空調</t>
  </si>
  <si>
    <t>有限会社誠空調</t>
  </si>
  <si>
    <t>神奈川区松見町3-933</t>
  </si>
  <si>
    <t>045-401-1180</t>
  </si>
  <si>
    <t>第１－４８１号</t>
  </si>
  <si>
    <t>有限会社　渡辺冷熱</t>
  </si>
  <si>
    <t>有限会社渡辺冷熱</t>
  </si>
  <si>
    <t>鹿浜4-17-21</t>
  </si>
  <si>
    <t>03-3897-0498</t>
  </si>
  <si>
    <t>第１－４８２号</t>
  </si>
  <si>
    <t>有限会社　尾山台電機</t>
  </si>
  <si>
    <t>有限会社尾山台電機</t>
  </si>
  <si>
    <t>等々力4-9-2</t>
  </si>
  <si>
    <t>03-3701-5338</t>
  </si>
  <si>
    <t>第１－４８７号</t>
  </si>
  <si>
    <t>有限会社　ヨシキ冷熱</t>
  </si>
  <si>
    <t>有限会社ヨシキ冷熱</t>
  </si>
  <si>
    <t>町屋6-1-7</t>
  </si>
  <si>
    <t>03-3819-0929</t>
  </si>
  <si>
    <t>第１－４８９号</t>
  </si>
  <si>
    <t>株式会社　ワールドエアコン</t>
  </si>
  <si>
    <t>株式会社ワールドエアコン</t>
  </si>
  <si>
    <t>代田3-26-6</t>
  </si>
  <si>
    <t>03-3419-2551</t>
  </si>
  <si>
    <t>第１－４９１号</t>
  </si>
  <si>
    <t>枩原　幸夫</t>
  </si>
  <si>
    <t>ダイトー冷熱</t>
  </si>
  <si>
    <t>西糀谷1-23-16</t>
  </si>
  <si>
    <t>第１－４９３号</t>
  </si>
  <si>
    <t>株式会社　田中協業</t>
  </si>
  <si>
    <t>株式会社田中協業</t>
  </si>
  <si>
    <t>仲町82-4　TKビル</t>
  </si>
  <si>
    <t>042-341-7716</t>
  </si>
  <si>
    <t>第１－４９４号</t>
  </si>
  <si>
    <t>東京信技　株式会社</t>
  </si>
  <si>
    <t>東京信技株式会社</t>
  </si>
  <si>
    <t>菊川三丁目5番1号</t>
  </si>
  <si>
    <t>03-5624-5911</t>
  </si>
  <si>
    <t>第１－４９５号</t>
  </si>
  <si>
    <t>有限会社　テクニカルエアサービス</t>
  </si>
  <si>
    <t>有限会社テクニカルエアサービス</t>
  </si>
  <si>
    <t>大杉一丁目22番2-407号</t>
  </si>
  <si>
    <t>第１－４９９号</t>
  </si>
  <si>
    <t>テクノ空調　株式会社</t>
  </si>
  <si>
    <t>テクノ空調株式会社</t>
  </si>
  <si>
    <t>豊玉南1-21-16</t>
  </si>
  <si>
    <t>03-3948-4918</t>
  </si>
  <si>
    <t>第１－５００号</t>
  </si>
  <si>
    <t>有限会社　玉川製作所</t>
  </si>
  <si>
    <t>有限会社玉川製作所</t>
  </si>
  <si>
    <t>伊東市</t>
  </si>
  <si>
    <t>宇佐美717番地</t>
  </si>
  <si>
    <t>0557-48-8427</t>
  </si>
  <si>
    <t>第１－５０２号</t>
  </si>
  <si>
    <t>株式会社　折茂熱学</t>
  </si>
  <si>
    <t>株式会社折茂熱学</t>
  </si>
  <si>
    <t>東大泉1-37-13　和田第2ビル4F</t>
  </si>
  <si>
    <t>03-5387-8100</t>
  </si>
  <si>
    <t>第１－５０４号</t>
  </si>
  <si>
    <t>清水工業　株式会社</t>
  </si>
  <si>
    <t>清水工業株式会社</t>
  </si>
  <si>
    <t>東小岩1丁目21番1号</t>
  </si>
  <si>
    <t>03-3672-6771</t>
  </si>
  <si>
    <t>第１－５０７号</t>
  </si>
  <si>
    <t>寿産業　株式会社</t>
  </si>
  <si>
    <t>寿産業株式会社</t>
  </si>
  <si>
    <t>牡丹3-33-9</t>
  </si>
  <si>
    <t>03-3642-2131</t>
  </si>
  <si>
    <t>第１－５０９号</t>
  </si>
  <si>
    <t>有限会社　伊藤電工社</t>
  </si>
  <si>
    <t>有限会社伊藤電工社</t>
  </si>
  <si>
    <t>原町田1丁目16番15号</t>
  </si>
  <si>
    <t>042-726-0110</t>
  </si>
  <si>
    <t>第１－５１１号</t>
  </si>
  <si>
    <t>株式会社　ラックランド</t>
  </si>
  <si>
    <t>株式会社ラックランド　横浜メンテナンスステーション</t>
  </si>
  <si>
    <t>青葉区千草台46-8</t>
  </si>
  <si>
    <t>045-973-6733</t>
  </si>
  <si>
    <t>第１－５１２号</t>
  </si>
  <si>
    <t>株式会社　渡商会</t>
  </si>
  <si>
    <t>株式会社渡商会</t>
  </si>
  <si>
    <t>神奈川区子安通二丁目234番地</t>
  </si>
  <si>
    <t>045-441-1321</t>
  </si>
  <si>
    <t>第１－５１３号</t>
  </si>
  <si>
    <t>株式会社　東洋</t>
  </si>
  <si>
    <t>株式会社東洋</t>
  </si>
  <si>
    <t>多摩市</t>
  </si>
  <si>
    <t>聖ケ丘1-28-24</t>
  </si>
  <si>
    <t>042-376-0005</t>
  </si>
  <si>
    <t>第１－５１４号</t>
  </si>
  <si>
    <t>京浜エアコン　株式会社</t>
  </si>
  <si>
    <t>京浜エアコン株式会社</t>
  </si>
  <si>
    <t>宮前区菅生5-20-11</t>
  </si>
  <si>
    <t>044-982-9420</t>
  </si>
  <si>
    <t>第１－５１８号</t>
  </si>
  <si>
    <t>松本電機　株式会社</t>
  </si>
  <si>
    <t>松本電機株式会社</t>
  </si>
  <si>
    <t>中野区</t>
  </si>
  <si>
    <t>松が丘1丁目26番3号</t>
  </si>
  <si>
    <t>03-3387-3931</t>
  </si>
  <si>
    <t>第１－５１９号</t>
  </si>
  <si>
    <t>有限会社　シンワ空調</t>
  </si>
  <si>
    <t>有限会社シンワ空調</t>
  </si>
  <si>
    <t>根岸台6-10-33</t>
  </si>
  <si>
    <t>048-467-9061</t>
  </si>
  <si>
    <t>第１－５２０号</t>
  </si>
  <si>
    <t>有限会社　イレイエンジニアリング</t>
  </si>
  <si>
    <t>有限会社イレイエンジニアリング</t>
  </si>
  <si>
    <t>麻生区王禅寺東3-50-2</t>
  </si>
  <si>
    <t>044-989-0661</t>
  </si>
  <si>
    <t>第１－５２３号</t>
  </si>
  <si>
    <t>有限会社　フジテック</t>
  </si>
  <si>
    <t>有限会社フジテック</t>
  </si>
  <si>
    <t>南小岩1-13-16</t>
  </si>
  <si>
    <t>03-3657-4091</t>
  </si>
  <si>
    <t>第１－５２５号</t>
  </si>
  <si>
    <t>株式会社　東晃エンジニアリング</t>
  </si>
  <si>
    <t>株式会社東晃エンジニアリング</t>
  </si>
  <si>
    <t>松江七丁目11番5号</t>
  </si>
  <si>
    <t>03-6231-5975</t>
  </si>
  <si>
    <t>第１－５２８号</t>
  </si>
  <si>
    <t>東京熱学　株式会社</t>
  </si>
  <si>
    <t>東京熱学株式会社</t>
  </si>
  <si>
    <t>北千束2-2-1</t>
  </si>
  <si>
    <t>03-3786-6111</t>
  </si>
  <si>
    <t>第１－５２９号</t>
  </si>
  <si>
    <t>有限会社　東江空調</t>
  </si>
  <si>
    <t>有限会社東江空調</t>
  </si>
  <si>
    <t>宮前区初山1丁目16番12号</t>
  </si>
  <si>
    <t>044-742-6021</t>
  </si>
  <si>
    <t>第１－５３０号</t>
  </si>
  <si>
    <t>拓水工業　株式会社</t>
  </si>
  <si>
    <t>拓水工業株式会社</t>
  </si>
  <si>
    <t>中葛西7-26-14</t>
  </si>
  <si>
    <t>03-3675-2731</t>
  </si>
  <si>
    <t>第１－５３２号</t>
  </si>
  <si>
    <t>有限会社　桂山工業</t>
  </si>
  <si>
    <t>有限会社桂山工業</t>
  </si>
  <si>
    <t>神明1丁目7番3号</t>
  </si>
  <si>
    <t>第１－５３３号</t>
  </si>
  <si>
    <t>有限会社　ジャスティス</t>
  </si>
  <si>
    <t>有限会社ジャスティス</t>
  </si>
  <si>
    <t>蓮根3-11-27</t>
  </si>
  <si>
    <t>03-3960-0171</t>
  </si>
  <si>
    <t>第１－５３４号</t>
  </si>
  <si>
    <t>日菱インテリジェンス　株式会社</t>
  </si>
  <si>
    <t>日菱インテリジェンス株式会社</t>
  </si>
  <si>
    <t>下目黒2-19-7</t>
  </si>
  <si>
    <t>第１－５３５号</t>
  </si>
  <si>
    <t>有限会社　川和技研</t>
  </si>
  <si>
    <t>有限会社川和技研</t>
  </si>
  <si>
    <t>緑区白山3-9-7</t>
  </si>
  <si>
    <t>045-934-1504</t>
  </si>
  <si>
    <t>第１－５３６号</t>
  </si>
  <si>
    <t>日産設備　株式会社</t>
  </si>
  <si>
    <t>日産設備株式会社</t>
  </si>
  <si>
    <t>南区井土ケ谷下町1番1号</t>
  </si>
  <si>
    <t>045-712-2321</t>
  </si>
  <si>
    <t>第１－５３７号</t>
  </si>
  <si>
    <t>メルコヤマイチ　株式会社</t>
  </si>
  <si>
    <t>メルコヤマイチ株式会社</t>
  </si>
  <si>
    <t>神田東松下町34</t>
  </si>
  <si>
    <t>03-5298-0021</t>
  </si>
  <si>
    <t>第１－５３９号</t>
  </si>
  <si>
    <t>株式会社　ヨコレイ</t>
  </si>
  <si>
    <t>株式会社ヨコレイ</t>
  </si>
  <si>
    <t>保土ケ谷区新井町657</t>
  </si>
  <si>
    <t>045-381-4501</t>
  </si>
  <si>
    <t>第１－５４０号</t>
  </si>
  <si>
    <t>ユタカ設備工業　株式会社</t>
  </si>
  <si>
    <t>ユタカ設備工業株式会社</t>
  </si>
  <si>
    <t>篠崎町4丁目23番1号</t>
  </si>
  <si>
    <t>第１－５４１号</t>
  </si>
  <si>
    <t>有限会社　服部空調サービス</t>
  </si>
  <si>
    <t>有限会社服部空調サービス</t>
  </si>
  <si>
    <t>金沢区大道2-14-19-704</t>
  </si>
  <si>
    <t>045-785-8283</t>
  </si>
  <si>
    <t>第１－５４３号</t>
  </si>
  <si>
    <t>有限会社　ワイケーエアシステム</t>
  </si>
  <si>
    <t>有限会社ワイケーエアシステム</t>
  </si>
  <si>
    <t>図師町520-15</t>
  </si>
  <si>
    <t>042-792-3623</t>
  </si>
  <si>
    <t>第１－５４９号</t>
  </si>
  <si>
    <t>所沢市</t>
  </si>
  <si>
    <t>第１－５５１号</t>
  </si>
  <si>
    <t>第１－５５５号</t>
  </si>
  <si>
    <t>株式会社　日本サーマル</t>
  </si>
  <si>
    <t>株式会社日本サーマル</t>
  </si>
  <si>
    <t>千鳥1-6-7</t>
  </si>
  <si>
    <t>03-3753-6111</t>
  </si>
  <si>
    <t>第１－５５６号</t>
  </si>
  <si>
    <t>株式会社　三機サービス</t>
  </si>
  <si>
    <t>株式会社三機サービス　東京センター</t>
  </si>
  <si>
    <t>亀戸2丁目26番10号</t>
  </si>
  <si>
    <t>03-5609-4411</t>
  </si>
  <si>
    <t>株式会社三機サービス　横浜センター</t>
  </si>
  <si>
    <t>多摩区西生田2-3-1</t>
  </si>
  <si>
    <t>044-954-4500</t>
  </si>
  <si>
    <t>第１－５５８号</t>
  </si>
  <si>
    <t>株式会社　ヒロテック・ジャパン</t>
  </si>
  <si>
    <t>株式会社ヒロテック・ジャパン</t>
  </si>
  <si>
    <t>宮前区有馬一丁目1番11号　パストラル鷺沼101</t>
  </si>
  <si>
    <t>第１－５６５号</t>
  </si>
  <si>
    <t>有限会社　明伸工業</t>
  </si>
  <si>
    <t>有限会社明伸工業</t>
  </si>
  <si>
    <t>多摩区南生田2-8-9-2</t>
  </si>
  <si>
    <t>044-386-0565</t>
  </si>
  <si>
    <t>第１－５７４号</t>
  </si>
  <si>
    <t>株式会社　アプロ</t>
  </si>
  <si>
    <t>株式会社アプロ</t>
  </si>
  <si>
    <t>東池袋1丁目47番12号　東光ビル1号館8階</t>
  </si>
  <si>
    <t>03-5969-8401</t>
  </si>
  <si>
    <t>第１－５７６号</t>
  </si>
  <si>
    <t>株式会社　船橋電気工事</t>
  </si>
  <si>
    <t>株式会社船橋電気工事</t>
  </si>
  <si>
    <t>南本町30番14号</t>
  </si>
  <si>
    <t>047-434-0522</t>
  </si>
  <si>
    <t>第１－５７７号</t>
  </si>
  <si>
    <t>株式会社　日章冷凍</t>
  </si>
  <si>
    <t>株式会社日章冷凍</t>
  </si>
  <si>
    <t>上青木5-19-8</t>
  </si>
  <si>
    <t>048-261-0961</t>
  </si>
  <si>
    <t>株式会社日章冷凍　厚木出張所</t>
  </si>
  <si>
    <t>上依知上ノ原3034　日本フルハーフ株式会社厚木工場内　</t>
  </si>
  <si>
    <t>046-285-7529</t>
  </si>
  <si>
    <t>第１－５７９号</t>
  </si>
  <si>
    <t>有限会社　ビリーフ</t>
  </si>
  <si>
    <t>有限会社ビリーフ　豊島営業所</t>
  </si>
  <si>
    <t>南長崎1-13-9　小黒ビル1F</t>
  </si>
  <si>
    <t>03-5996-5420</t>
  </si>
  <si>
    <t>第１－５８０号</t>
  </si>
  <si>
    <t>有限会社　森設備</t>
  </si>
  <si>
    <t>有限会社森設備</t>
  </si>
  <si>
    <t>西沢田103-6</t>
  </si>
  <si>
    <t>055-921-0725</t>
  </si>
  <si>
    <t>第１－５８１号</t>
  </si>
  <si>
    <t>ミナト矢崎サービス　株式会社</t>
  </si>
  <si>
    <t>ミナト矢崎サービス株式会社</t>
  </si>
  <si>
    <t>宮前5丁目16番4号</t>
  </si>
  <si>
    <t>03-3332-1173</t>
  </si>
  <si>
    <t>第１－５８２号</t>
  </si>
  <si>
    <t>中央電器住設　株式会社</t>
  </si>
  <si>
    <t>中央電器住設株式会社</t>
  </si>
  <si>
    <t>西区中央1-21-8 セントラルハイツ2F</t>
  </si>
  <si>
    <t>045-322-0020</t>
  </si>
  <si>
    <t>045-365-0664</t>
  </si>
  <si>
    <t>東上野2-14-1</t>
  </si>
  <si>
    <t>03-6806-0390</t>
  </si>
  <si>
    <t>第１－５８６号</t>
  </si>
  <si>
    <t>株式会社　テクノ菱和</t>
  </si>
  <si>
    <t>株式会社テクノ菱和　横浜支店</t>
  </si>
  <si>
    <t>都筑区大棚町3001-2</t>
  </si>
  <si>
    <t>045-595-0174</t>
  </si>
  <si>
    <t>株式会社テクノ菱和　横浜支店厚木営業所</t>
  </si>
  <si>
    <t>旭町5-43-16　アネーロ厚木Ⅱ6階</t>
  </si>
  <si>
    <t>046-229-8313</t>
  </si>
  <si>
    <t>第１－５９０号</t>
  </si>
  <si>
    <t>日本レイダン　株式会社</t>
  </si>
  <si>
    <t>日本レイダン株式会社</t>
  </si>
  <si>
    <t>旭区市沢町564-31</t>
  </si>
  <si>
    <t>045-352-4171</t>
  </si>
  <si>
    <t>第１－５９２号</t>
  </si>
  <si>
    <t>株式会社　石井電機工業所</t>
  </si>
  <si>
    <t>株式会社石井電機工業所</t>
  </si>
  <si>
    <t>西六郷2-36-1</t>
  </si>
  <si>
    <t>03-3738-6201</t>
  </si>
  <si>
    <t>第１－５９３号</t>
  </si>
  <si>
    <t>有限会社　三興冷暖工業</t>
  </si>
  <si>
    <t>有限会社三興冷暖工業</t>
  </si>
  <si>
    <t>本町1-2-11</t>
  </si>
  <si>
    <t>第１－５９６号</t>
  </si>
  <si>
    <t>株式会社　ヒマラヤ産業</t>
  </si>
  <si>
    <t>株式会社ヒマラヤ産業</t>
  </si>
  <si>
    <t>大森東3丁目26番5号</t>
  </si>
  <si>
    <t>03-5471-1771</t>
  </si>
  <si>
    <t>第１－５９９号</t>
  </si>
  <si>
    <t>東金属　株式会社</t>
  </si>
  <si>
    <t>東金属株式会社　群馬第一工場</t>
  </si>
  <si>
    <t>群馬県</t>
  </si>
  <si>
    <t>太田市</t>
  </si>
  <si>
    <t>新田反町町131番地</t>
  </si>
  <si>
    <t>0276-56-1121</t>
  </si>
  <si>
    <t>東金属株式会社　埼玉第一工場</t>
  </si>
  <si>
    <t>羽生市</t>
  </si>
  <si>
    <t>大字下川崎字下252番地</t>
  </si>
  <si>
    <t>048-563-1580</t>
  </si>
  <si>
    <t>第１－６００号</t>
  </si>
  <si>
    <t>株式会社　政和工業所</t>
  </si>
  <si>
    <t>株式会社政和工業所</t>
  </si>
  <si>
    <t>鶴見区駒岡四丁目21番55号パティオ駒岡1号館103号室</t>
  </si>
  <si>
    <t>045-575-3805</t>
  </si>
  <si>
    <t>第１－６０１号</t>
  </si>
  <si>
    <t>有限会社　大谷エンジニアリング</t>
  </si>
  <si>
    <t>有限会社大谷エンジニアリング</t>
  </si>
  <si>
    <t>北方町4-2097-6</t>
  </si>
  <si>
    <t>047-339-0166</t>
  </si>
  <si>
    <t>第１－６０４号</t>
  </si>
  <si>
    <t>ホシザキ湘南　株式会社</t>
  </si>
  <si>
    <t>ホシザキ湘南株式会社</t>
  </si>
  <si>
    <t>中区桜木町2-2-5　ホシザキ湘南ビル4F</t>
  </si>
  <si>
    <t>045-650-6257</t>
  </si>
  <si>
    <t>ホシザキ湘南株式会社　川崎営業所</t>
  </si>
  <si>
    <t>川崎区砂子1-5-1　ケイ・ジェイ砂子ビル2F</t>
  </si>
  <si>
    <t>044-246-6211</t>
  </si>
  <si>
    <t>ホシザキ湘南株式会社　鷺沼営業所</t>
  </si>
  <si>
    <t>宮前区鷺沼3-1-26　増美屋ビル3F</t>
  </si>
  <si>
    <t>044-854-0211</t>
  </si>
  <si>
    <t>ホシザキ湘南株式会社　小杉営業所</t>
  </si>
  <si>
    <t>中原区新丸子町915-20　三井生命武蔵小杉ビル3F</t>
  </si>
  <si>
    <t>044-739-1220</t>
  </si>
  <si>
    <t>ホシザキ湘南株式会社　横浜営業所</t>
  </si>
  <si>
    <t>ホシザキ湘南株式会社　港北営業所</t>
  </si>
  <si>
    <t>都築区仲町台1-32-5　Ｋビルディング3F</t>
  </si>
  <si>
    <t>045-949-0075</t>
  </si>
  <si>
    <t>ホシザキ湘南株式会社　緑営業所</t>
  </si>
  <si>
    <t>緑区十日市場805-2　第二高久ビル5F</t>
  </si>
  <si>
    <t>045-989-2721</t>
  </si>
  <si>
    <t>ホシザキ湘南株式会社　二俣川営業所</t>
  </si>
  <si>
    <t>旭区二俣川2-85-1　ジブラルタ生命二俣川ビル4F</t>
  </si>
  <si>
    <t>045-365-7071</t>
  </si>
  <si>
    <t>ホシザキ湘南株式会社　関内営業所</t>
  </si>
  <si>
    <t>045-650-6247</t>
  </si>
  <si>
    <t>ホシザキ湘南株式会社　港南営業所</t>
  </si>
  <si>
    <t>南区井土ヶ谷下町31-7</t>
  </si>
  <si>
    <t>045-716-3481</t>
  </si>
  <si>
    <t>ホシザキ湘南株式会社　大船戸塚営業所</t>
  </si>
  <si>
    <t>栄区笠間3-44-1　メゾングランディオーズ1F</t>
  </si>
  <si>
    <t>045-890-5191</t>
  </si>
  <si>
    <t>ホシザキ湘南株式会社　横須賀営業所</t>
  </si>
  <si>
    <t>米ケ浜通1-7-2　サクマ横須賀ビル201号</t>
  </si>
  <si>
    <t>046-824-8871</t>
  </si>
  <si>
    <t>ホシザキ湘南株式会社　藤沢営業所</t>
  </si>
  <si>
    <t>南藤沢17-10　コア湘南1F A号</t>
  </si>
  <si>
    <t>0466-50-0601</t>
  </si>
  <si>
    <t>ホシザキ湘南株式会社　平塚営業所</t>
  </si>
  <si>
    <t>宮の前1-2　エバーズ第7平塚ビル 5F</t>
  </si>
  <si>
    <t>0463-23-7061</t>
  </si>
  <si>
    <t>ホシザキ湘南株式会社　小田原営業所</t>
  </si>
  <si>
    <t>南鴨宮3-44-1　湘風ビル 3F</t>
  </si>
  <si>
    <t>0465-45-3741</t>
  </si>
  <si>
    <t>ホシザキ湘南株式会社　相模原営業所</t>
  </si>
  <si>
    <t>中央区相模原5-5-3　いちご相模原ビル 2F</t>
  </si>
  <si>
    <t>042-759-0611</t>
  </si>
  <si>
    <t>ホシザキ湘南株式会社　大和営業所</t>
  </si>
  <si>
    <t>大和市</t>
  </si>
  <si>
    <t>046-262-9101</t>
  </si>
  <si>
    <t>ホシザキ湘南株式会社　厚木営業所</t>
  </si>
  <si>
    <t>中町3-9-15　厚木ＩＦビル 4F</t>
  </si>
  <si>
    <t>046-297-7311</t>
  </si>
  <si>
    <t>ホシザキ湘南株式会社　テクニカルサポート</t>
  </si>
  <si>
    <t>中区桜木町2-2-5　ホシザキ湘南ビル 4F</t>
  </si>
  <si>
    <t>045-650-6217</t>
  </si>
  <si>
    <t>第１－６０７号</t>
  </si>
  <si>
    <t>共栄機電　株式会社</t>
  </si>
  <si>
    <t>共栄機電株式会社　北営業所</t>
  </si>
  <si>
    <t>岡一色797</t>
  </si>
  <si>
    <t>055-925-8660</t>
  </si>
  <si>
    <t>第１－６１２号</t>
  </si>
  <si>
    <t>株式会社　エー・シー・フィックス</t>
  </si>
  <si>
    <t>株式会社エー・シー・フィックス</t>
  </si>
  <si>
    <t>新座市</t>
  </si>
  <si>
    <t>馬場2丁目8番10号</t>
  </si>
  <si>
    <t>第１－６１３号</t>
  </si>
  <si>
    <t>総合化工　株式会社</t>
  </si>
  <si>
    <t>総合化工株式会社</t>
  </si>
  <si>
    <t>和泉1-35-14　トヨトミビル201</t>
  </si>
  <si>
    <t>03-3322-3800</t>
  </si>
  <si>
    <t>第１－６１４号</t>
  </si>
  <si>
    <t>株式会社　菱華テック</t>
  </si>
  <si>
    <t>株式会社菱華テック</t>
  </si>
  <si>
    <t>北砂6丁目17番12号　</t>
  </si>
  <si>
    <t>03-3645-4161</t>
  </si>
  <si>
    <t>第１－６１９号</t>
  </si>
  <si>
    <t>株式会社　渡辺工業所</t>
  </si>
  <si>
    <t>株式会社渡辺工業所</t>
  </si>
  <si>
    <t>本町田3675番地1</t>
  </si>
  <si>
    <t>042-725-2281</t>
  </si>
  <si>
    <t>第１－６２２号</t>
  </si>
  <si>
    <t>ヒカワエアサービス　株式会社</t>
  </si>
  <si>
    <t>ヒカワエアサービス株式会社　分室</t>
  </si>
  <si>
    <t>中川3-21-4</t>
  </si>
  <si>
    <t>03-5616-0535</t>
  </si>
  <si>
    <t>第１－６２３号</t>
  </si>
  <si>
    <t>株式会社　エムワイテクノ</t>
  </si>
  <si>
    <t>株式会社エムワイテクノ</t>
  </si>
  <si>
    <t>下篠崎町21番12号</t>
  </si>
  <si>
    <t>第１－６２４号</t>
  </si>
  <si>
    <t>株式会社　松栄設備</t>
  </si>
  <si>
    <t>株式会社松栄設備</t>
  </si>
  <si>
    <t>和泉1丁目48番5号</t>
  </si>
  <si>
    <t>03-3327-8730</t>
  </si>
  <si>
    <t>第１－６２６号</t>
  </si>
  <si>
    <t>有限会社　平間電気設備</t>
  </si>
  <si>
    <t>有限会社平間電気設備</t>
  </si>
  <si>
    <t>幸区下平間214番地1</t>
  </si>
  <si>
    <t>044-520-0121</t>
  </si>
  <si>
    <t>第１－６２７号</t>
  </si>
  <si>
    <t>株式会社　扶桑冷熱工業</t>
  </si>
  <si>
    <t>株式会社扶桑冷熱工業</t>
  </si>
  <si>
    <t>東新小岩7-27-16</t>
  </si>
  <si>
    <t>03-3692-4502</t>
  </si>
  <si>
    <t>第１－６３３号</t>
  </si>
  <si>
    <t>日本ビルコン　株式会社</t>
  </si>
  <si>
    <t>日本ビルコン株式会社　城東サービスセンター</t>
  </si>
  <si>
    <t>立川2-11-10</t>
  </si>
  <si>
    <t>03-5600-2371</t>
  </si>
  <si>
    <t>日本ビルコン株式会社　大和サービスセンター</t>
  </si>
  <si>
    <t>草柳1-19-8</t>
  </si>
  <si>
    <t>046-200-3251</t>
  </si>
  <si>
    <t>日本ビルコン株式会社　相模原サービスセンター</t>
  </si>
  <si>
    <t>緑区東橋本2-12-9</t>
  </si>
  <si>
    <t>042-700-7110</t>
  </si>
  <si>
    <t>日本ビルコン株式会社　横浜サービスセンター</t>
  </si>
  <si>
    <t>神奈川区幸ケ谷15-9</t>
  </si>
  <si>
    <t>045-444-3017</t>
  </si>
  <si>
    <t>日本ビルコン株式会社　東日本テクニカルセンター</t>
  </si>
  <si>
    <t>十余二313-204</t>
  </si>
  <si>
    <t>04-7126-0614</t>
  </si>
  <si>
    <t>日本ビルコン株式会社　川崎サービスセンター</t>
  </si>
  <si>
    <t>幸区小向西町4-68-2</t>
  </si>
  <si>
    <t>044-542-3881</t>
  </si>
  <si>
    <t>日本ビルコン株式会社　小田原サービスセンター</t>
  </si>
  <si>
    <t>南足柄市</t>
  </si>
  <si>
    <t>塚原588-1</t>
  </si>
  <si>
    <t>0465-71-0078</t>
  </si>
  <si>
    <t>日本ビルコン株式会社　横須賀サービスセンター</t>
  </si>
  <si>
    <t>根岸町4-26-17</t>
  </si>
  <si>
    <t>046-838-6010</t>
  </si>
  <si>
    <t>第１－６３４号</t>
  </si>
  <si>
    <t>株式会社　ハチオウ</t>
  </si>
  <si>
    <t>株式会社ハチオウ</t>
  </si>
  <si>
    <t>朝日5-3-2</t>
  </si>
  <si>
    <t>048-446-7183</t>
  </si>
  <si>
    <t>第１－６３５号</t>
  </si>
  <si>
    <t>八洲ファシリティサービス　株式会社</t>
  </si>
  <si>
    <t>八洲ファシリティサービス株式会社</t>
  </si>
  <si>
    <t>東日暮里三丁目11番17号</t>
  </si>
  <si>
    <t>03-4243-1100</t>
  </si>
  <si>
    <t>八洲ファシリティサービス株式会社　西関東サービスセンター</t>
  </si>
  <si>
    <t>栄町二丁目5番3号</t>
  </si>
  <si>
    <t>046-297-3160</t>
  </si>
  <si>
    <t>第１－６３６号</t>
  </si>
  <si>
    <t>株式会社　ニチレイ・ロジスティクスエンジニアリング</t>
  </si>
  <si>
    <t>株式会社ニチレイ・ロジスティクスエンジニアリング　関東プラントエンジニアリング営業所</t>
  </si>
  <si>
    <t>神田三崎町三丁目3番23号　ニチレイ水道橋ビル　　</t>
  </si>
  <si>
    <t>03-6378-7205</t>
  </si>
  <si>
    <t>第１－６３７号</t>
  </si>
  <si>
    <t>日鉄工業　株式会社</t>
  </si>
  <si>
    <t>日鉄工業株式会社</t>
  </si>
  <si>
    <t>岩本町2-2-10</t>
  </si>
  <si>
    <t>03-5809-1211</t>
  </si>
  <si>
    <t>第１－６３８号</t>
  </si>
  <si>
    <t>東和プラント　株式会社</t>
  </si>
  <si>
    <t>東和プラント株式会社</t>
  </si>
  <si>
    <t>志村1-33-14志村ＪＫヒルズ2Ｆ</t>
  </si>
  <si>
    <t>03-3558-1048</t>
  </si>
  <si>
    <t>第１－６４２号</t>
  </si>
  <si>
    <t>株式会社　加瀬興業</t>
  </si>
  <si>
    <t>株式会社加瀬興業</t>
  </si>
  <si>
    <t>都筑区早渕三丁目32番11</t>
  </si>
  <si>
    <t>045-595-2237</t>
  </si>
  <si>
    <t>第１－６４３号</t>
  </si>
  <si>
    <t>株式会社　エアコンサービス</t>
  </si>
  <si>
    <t>株式会社エアコンサービス</t>
  </si>
  <si>
    <t>三田1-4-28　三田国際ビル1F</t>
  </si>
  <si>
    <t>03-3453-8171</t>
  </si>
  <si>
    <t>第１－６４８号</t>
  </si>
  <si>
    <t>有限会社　中山冷機製作所</t>
  </si>
  <si>
    <t>有限会社中山冷機製作所</t>
  </si>
  <si>
    <t>渋谷区</t>
  </si>
  <si>
    <t>本町2-33-17</t>
  </si>
  <si>
    <t>03-3376-6863</t>
  </si>
  <si>
    <t>第１－６４９号</t>
  </si>
  <si>
    <t>リペア　株式会社</t>
  </si>
  <si>
    <t>リペア株式会社　横浜サービスセンター</t>
  </si>
  <si>
    <t>保土ケ谷区新井町49-1</t>
  </si>
  <si>
    <t>045-373-2450</t>
  </si>
  <si>
    <t>第１－６５７号</t>
  </si>
  <si>
    <t>株式会社　トーレイ</t>
  </si>
  <si>
    <t>株式会社トーレイ</t>
  </si>
  <si>
    <t>岩本町1丁目2番13号</t>
  </si>
  <si>
    <t>03-3865-3561</t>
  </si>
  <si>
    <t>第１－６６１号</t>
  </si>
  <si>
    <t>有限会社　第一空調サービス</t>
  </si>
  <si>
    <t>有限会社第一空調サービス</t>
  </si>
  <si>
    <t>若葉区大宮台6-18-2</t>
  </si>
  <si>
    <t>043-266-6851</t>
  </si>
  <si>
    <t>第１－６６５号</t>
  </si>
  <si>
    <t>株式会社　イワサワ冷熱</t>
  </si>
  <si>
    <t>株式会社イワサワ冷熱</t>
  </si>
  <si>
    <t>浦安市</t>
  </si>
  <si>
    <t>堀江5丁目1番16号</t>
  </si>
  <si>
    <t>第１－６６６号</t>
  </si>
  <si>
    <t>有限会社　ニシノ冷熱</t>
  </si>
  <si>
    <t>有限会社ニシノ冷熱</t>
  </si>
  <si>
    <t>中和泉一丁目20番12号</t>
  </si>
  <si>
    <t>03-3488-2025</t>
  </si>
  <si>
    <t>第１－６７０号</t>
  </si>
  <si>
    <t>株式会社　ＭＥＩＨＯＵ</t>
  </si>
  <si>
    <t>株式会社ＭＥＩＨＯＵ</t>
  </si>
  <si>
    <t>高松六丁目31番15号</t>
  </si>
  <si>
    <t>03-6913-1217</t>
  </si>
  <si>
    <t>第１－６７５号</t>
  </si>
  <si>
    <t>東豊冷工　株式会社</t>
  </si>
  <si>
    <t>東豊冷工株式会社</t>
  </si>
  <si>
    <t>辻134-1</t>
  </si>
  <si>
    <t>048-282-6341</t>
  </si>
  <si>
    <t>第１－６７６号</t>
  </si>
  <si>
    <t>有限会社　東京保守工事</t>
  </si>
  <si>
    <t>有限会社東京保守工事</t>
  </si>
  <si>
    <t>和光市</t>
  </si>
  <si>
    <t>南1-21-37</t>
  </si>
  <si>
    <t>048-464-0163</t>
  </si>
  <si>
    <t>第１－６７９号</t>
  </si>
  <si>
    <t>東急技術センター　株式会社　</t>
  </si>
  <si>
    <t>東急技術センター株式会社</t>
  </si>
  <si>
    <t>青葉台3-17-13</t>
  </si>
  <si>
    <t>03-5457-3151</t>
  </si>
  <si>
    <t>第１－６８３号</t>
  </si>
  <si>
    <t>東京理化器械　株式会社</t>
  </si>
  <si>
    <t>東京理化器械株式会社　神奈川営業所</t>
  </si>
  <si>
    <t>東八幡2-9-21</t>
  </si>
  <si>
    <t>0463-21-4321</t>
  </si>
  <si>
    <t>東京理化器械株式会社　横浜営業所</t>
  </si>
  <si>
    <t>港北区新横浜2-7-4</t>
  </si>
  <si>
    <t>045-473-5477</t>
  </si>
  <si>
    <t>第１－６８５号</t>
  </si>
  <si>
    <t>菊井　隆幸</t>
  </si>
  <si>
    <t>菊井電設</t>
  </si>
  <si>
    <t>戸塚区平戸一丁目20番1-303号</t>
  </si>
  <si>
    <t>045-823-0244</t>
  </si>
  <si>
    <t>第１－６８９号</t>
  </si>
  <si>
    <t>有限会社　朝日冷熱</t>
  </si>
  <si>
    <t>有限会社朝日冷熱</t>
  </si>
  <si>
    <t>磯子区杉田坪呑3-2-102</t>
  </si>
  <si>
    <t>第１－６９１号</t>
  </si>
  <si>
    <t>サンセイ冷熱　株式会社</t>
  </si>
  <si>
    <t>サンセイ冷熱株式会社</t>
  </si>
  <si>
    <t>静岡市</t>
  </si>
  <si>
    <t>清水区庵原町583番地の6</t>
  </si>
  <si>
    <t>054-367-7090</t>
  </si>
  <si>
    <t>第１－６９２号</t>
  </si>
  <si>
    <t>温調エコシステムズ　株式会社</t>
  </si>
  <si>
    <t>温調エコシステムズ株式会社</t>
  </si>
  <si>
    <t>大井一丁目49番10号</t>
  </si>
  <si>
    <t>03-3774-1122</t>
  </si>
  <si>
    <t>第１－６９４号</t>
  </si>
  <si>
    <t>株式会社　三ツ星工業</t>
  </si>
  <si>
    <t>株式会社三ツ星工業</t>
  </si>
  <si>
    <t>上宿町9-15</t>
  </si>
  <si>
    <t>0557-81-8211</t>
  </si>
  <si>
    <t>第１－６９５号</t>
  </si>
  <si>
    <t>株式会社　大岩マシナリー</t>
  </si>
  <si>
    <t>株式会社大岩マシナリー　東京支社　</t>
  </si>
  <si>
    <t>大森南三丁目10番18号</t>
  </si>
  <si>
    <t>03-5735-8100</t>
  </si>
  <si>
    <t>第１－６９６号</t>
  </si>
  <si>
    <t>東光電設工業　株式会社</t>
  </si>
  <si>
    <t>東光電設工業株式会社</t>
  </si>
  <si>
    <t>北町3丁目17番1号　ライオンズマンション下赤塚102</t>
  </si>
  <si>
    <t>03-3936-6782</t>
  </si>
  <si>
    <t>第１－６９７号</t>
  </si>
  <si>
    <t>有限会社　城南電機設備</t>
  </si>
  <si>
    <t>有限会社城南電機設備</t>
  </si>
  <si>
    <t>宮前区有馬9-2-14</t>
  </si>
  <si>
    <t>044-854-1371</t>
  </si>
  <si>
    <t>第１－６９８号</t>
  </si>
  <si>
    <t>有限会社　エイコーエンジニアリング</t>
  </si>
  <si>
    <t>有限会社エイコーエンジニアリング</t>
  </si>
  <si>
    <t>都筑区北山田四丁目8番19号　クレスト石原205</t>
  </si>
  <si>
    <t>045-912-8510</t>
  </si>
  <si>
    <t>第１－６９９号</t>
  </si>
  <si>
    <t>有限会社　福田設備</t>
  </si>
  <si>
    <t>有限会社福田設備</t>
  </si>
  <si>
    <t>大字安行567番地の4</t>
  </si>
  <si>
    <t>048-295-8220</t>
  </si>
  <si>
    <t>第１－７００号</t>
  </si>
  <si>
    <t>有限会社　清水設備</t>
  </si>
  <si>
    <t>有限会社清水設備</t>
  </si>
  <si>
    <t>中原区木月四丁目46番30号</t>
  </si>
  <si>
    <t>044-422-2732</t>
  </si>
  <si>
    <t>第１－７０４号</t>
  </si>
  <si>
    <t>東芝コンシューママーケティング　株式会社</t>
  </si>
  <si>
    <t>東芝コンシューママーケティング株式会社　横浜サービスステーション</t>
  </si>
  <si>
    <t>旭区さちが丘44-11</t>
  </si>
  <si>
    <t>東芝コンシューママーケティング株式会社　横須賀サービスステーション</t>
  </si>
  <si>
    <t>根岸町3-15-5</t>
  </si>
  <si>
    <t>東芝コンシューママーケティング株式会社　横浜北サービスステーション</t>
  </si>
  <si>
    <t>都筑区仲町台4-1-17</t>
  </si>
  <si>
    <t>東芝コンシューママーケティング株式会社　厚木サービスステーション</t>
  </si>
  <si>
    <t>恩名2-3-12</t>
  </si>
  <si>
    <t>東芝コンシューママーケティング株式会社　多摩サービスステーション</t>
  </si>
  <si>
    <t>北野町565-15</t>
  </si>
  <si>
    <t>東芝コンシューママーケティング株式会社　東京南サービスステーション</t>
  </si>
  <si>
    <t>矢口2-20-22</t>
  </si>
  <si>
    <t>第１－７０５号</t>
  </si>
  <si>
    <t>有限会社　トシ空調電設</t>
  </si>
  <si>
    <t>有限会社トシ空調電設</t>
  </si>
  <si>
    <t>流山市</t>
  </si>
  <si>
    <t>04-7159-9619</t>
  </si>
  <si>
    <t>第１－７１１号</t>
  </si>
  <si>
    <t>伊丹ダイキン空調　株式会社</t>
  </si>
  <si>
    <t>伊丹ダイキン空調株式会社　大宮営業所</t>
  </si>
  <si>
    <t>見沼区東大宮4-12-1　第五千代本ビル</t>
  </si>
  <si>
    <t>048-668-0118</t>
  </si>
  <si>
    <t>第１－７１６号</t>
  </si>
  <si>
    <t>レイテック　株式会社</t>
  </si>
  <si>
    <t>レイテック株式会社</t>
  </si>
  <si>
    <t>中央区</t>
  </si>
  <si>
    <t>日本橋蛎殻町二丁目8番6号</t>
  </si>
  <si>
    <t>03-3669-1150</t>
  </si>
  <si>
    <t>第１－７１９号</t>
  </si>
  <si>
    <t>関東冷熱工業　株式会社</t>
  </si>
  <si>
    <t>関東冷熱工業株式会社</t>
  </si>
  <si>
    <t>太子堂2丁目14-20</t>
  </si>
  <si>
    <t>03-5779-7650</t>
  </si>
  <si>
    <t>第１－７２０号</t>
  </si>
  <si>
    <t>ヤマセ工販　株式会社</t>
  </si>
  <si>
    <t>ヤマセ工販株式会社</t>
  </si>
  <si>
    <t>佐倉市</t>
  </si>
  <si>
    <t>染井野二丁目17番地8</t>
  </si>
  <si>
    <t>043-487-6577</t>
  </si>
  <si>
    <t>第１－７２１号</t>
  </si>
  <si>
    <t>株式会社　三光電気</t>
  </si>
  <si>
    <t>株式会社三光電気</t>
  </si>
  <si>
    <t>緑区長津田2-5-18</t>
  </si>
  <si>
    <t>第１－７２５号</t>
  </si>
  <si>
    <t>株式会社　日静冷熱サービス</t>
  </si>
  <si>
    <t>株式会社日静冷熱サービス</t>
  </si>
  <si>
    <t>岡1374-107</t>
  </si>
  <si>
    <t>0557-36-6888</t>
  </si>
  <si>
    <t>第１－７２６号</t>
  </si>
  <si>
    <t>株式会社　ホームテック</t>
  </si>
  <si>
    <t>株式会社ホームテック</t>
  </si>
  <si>
    <t>都筑区川和台12番5号</t>
  </si>
  <si>
    <t>045-941-1161</t>
  </si>
  <si>
    <t>第１－７２９号</t>
  </si>
  <si>
    <t>東日エアコンサービス　株式会社</t>
  </si>
  <si>
    <t>東日エアコンサービス株式会社</t>
  </si>
  <si>
    <t>神奈川区菅田町1548番地56</t>
  </si>
  <si>
    <t>045-472-4250</t>
  </si>
  <si>
    <t>第１－７３０号</t>
  </si>
  <si>
    <t>菱東産業　株式会社</t>
  </si>
  <si>
    <t>菱東産業株式会社</t>
  </si>
  <si>
    <t>東神田3-4-4</t>
  </si>
  <si>
    <t>03-5825-0048</t>
  </si>
  <si>
    <t>第１－７３１号</t>
  </si>
  <si>
    <t>株式会社　ネツケン</t>
  </si>
  <si>
    <t>株式会社ネツケン</t>
  </si>
  <si>
    <t>泉区中田南四丁目34番33号</t>
  </si>
  <si>
    <t>第１－７３２号</t>
  </si>
  <si>
    <t>株式会社　日立ビルシステム</t>
  </si>
  <si>
    <t>株式会社日立ビルシステム　横浜支社</t>
  </si>
  <si>
    <t>西区高島一丁目1番2号</t>
  </si>
  <si>
    <t>045-201-9551</t>
  </si>
  <si>
    <t>第１－７３８号</t>
  </si>
  <si>
    <t>株式会社　奥野技術研究所</t>
  </si>
  <si>
    <t>株式会社奥野技術研究所　東京本社</t>
  </si>
  <si>
    <t>志茂3-16-5</t>
  </si>
  <si>
    <t>03-3901-3384</t>
  </si>
  <si>
    <t>第１－７３９号</t>
  </si>
  <si>
    <t>中央冷熱工業　株式会社</t>
  </si>
  <si>
    <t>中央冷熱工業株式会社</t>
  </si>
  <si>
    <t>三宿1-4-4</t>
  </si>
  <si>
    <t>03-3413-3821</t>
  </si>
  <si>
    <t>第１－７４０号</t>
  </si>
  <si>
    <t>株式会社　アイコス</t>
  </si>
  <si>
    <t>株式会社アイコス</t>
  </si>
  <si>
    <t>西新宿4-29-6 WISビル5階</t>
  </si>
  <si>
    <t>第１－７４２号</t>
  </si>
  <si>
    <t>株式会社　タクリツ</t>
  </si>
  <si>
    <t>株式会社タクリツ</t>
  </si>
  <si>
    <t>亀戸6丁目47番5号</t>
  </si>
  <si>
    <t>03-3636-3869</t>
  </si>
  <si>
    <t>第１－７４７号</t>
  </si>
  <si>
    <t>三誠企業　株式会社</t>
  </si>
  <si>
    <t>三誠企業株式会社</t>
  </si>
  <si>
    <t>旭区上川井町1257番地</t>
  </si>
  <si>
    <t>045-922-5623</t>
  </si>
  <si>
    <t>第１－７４９号</t>
  </si>
  <si>
    <t>株式会社　宮本冷機</t>
  </si>
  <si>
    <t>株式会社宮本冷機</t>
  </si>
  <si>
    <t>茨城県</t>
  </si>
  <si>
    <t>ひたちなか市</t>
  </si>
  <si>
    <t>山崎30</t>
  </si>
  <si>
    <t>029-200-4181</t>
  </si>
  <si>
    <t>株式会社宮本冷機　横浜営業所</t>
  </si>
  <si>
    <t>都筑区佐江戸町2140-2</t>
  </si>
  <si>
    <t>045-482-4041</t>
  </si>
  <si>
    <t>第１－７５０号</t>
  </si>
  <si>
    <t>加藤　幸男</t>
  </si>
  <si>
    <t>渡田空調設備</t>
  </si>
  <si>
    <t>川崎区大島1丁目23番14-3号</t>
  </si>
  <si>
    <t>044-201-7355</t>
  </si>
  <si>
    <t>第１－７５１号</t>
  </si>
  <si>
    <t>有限会社　南稜</t>
  </si>
  <si>
    <t>有限会社南稜</t>
  </si>
  <si>
    <t>本町3-4-4</t>
  </si>
  <si>
    <t>048-776-6134</t>
  </si>
  <si>
    <t>第１－７５３号</t>
  </si>
  <si>
    <t>株式会社　ＡＩＲＡ</t>
  </si>
  <si>
    <t>株式会社ＡＩＲＡ</t>
  </si>
  <si>
    <t>清川2丁目9番10号</t>
  </si>
  <si>
    <t>03-6802-4357</t>
  </si>
  <si>
    <t>第１－７５７号</t>
  </si>
  <si>
    <t>有限会社　タチバナ電設</t>
  </si>
  <si>
    <t>有限会社タチバナ電設</t>
  </si>
  <si>
    <t>緑区東本郷四丁目27番24号</t>
  </si>
  <si>
    <t>045-474-1278</t>
  </si>
  <si>
    <t>第１－７６５号</t>
  </si>
  <si>
    <t>日本ダスト　株式会社</t>
  </si>
  <si>
    <t>日本ダスト株式会社　ＮＤＫ資源化リサイクル工場</t>
  </si>
  <si>
    <t>川崎区白石町3-44</t>
  </si>
  <si>
    <t>044-329-0290</t>
  </si>
  <si>
    <t>第１－７６６号</t>
  </si>
  <si>
    <t>カルピジャーニ・ジャパン　株式会社</t>
  </si>
  <si>
    <t>カルピジャーニ・ジャパン株式会社</t>
  </si>
  <si>
    <t>三宿1-13-1　東映三宿ビル</t>
  </si>
  <si>
    <t>03-5779-8850</t>
  </si>
  <si>
    <t>第１－７６７号</t>
  </si>
  <si>
    <t>菱信工業　株式会社</t>
  </si>
  <si>
    <t>菱信工業株式会社　中部支社</t>
  </si>
  <si>
    <t>愛知県</t>
  </si>
  <si>
    <t>名古屋市</t>
  </si>
  <si>
    <t>西区十方町10番地</t>
  </si>
  <si>
    <t>052-509-5100</t>
  </si>
  <si>
    <t>菱信工業株式会社　静岡営業所</t>
  </si>
  <si>
    <t>駿河区下川原2丁目23-7</t>
  </si>
  <si>
    <t>054-258-8558</t>
  </si>
  <si>
    <t>菱信工業株式会社　東京営業所</t>
  </si>
  <si>
    <t>高島平9丁目24-8　第二巴ビル102号</t>
  </si>
  <si>
    <t>03-3932-0258</t>
  </si>
  <si>
    <t>第１－７６８号</t>
  </si>
  <si>
    <t>有限会社　八月</t>
  </si>
  <si>
    <t>有限会社八月</t>
  </si>
  <si>
    <t>中央区大森町533-20</t>
  </si>
  <si>
    <t>043-268-9490</t>
  </si>
  <si>
    <t>第１－７７２号</t>
  </si>
  <si>
    <t>朝日ライフサイエンス　株式会社</t>
  </si>
  <si>
    <t>朝日ライフサイエンス株式会社　所沢事業所</t>
  </si>
  <si>
    <t>新郷212番地</t>
  </si>
  <si>
    <t>04-2951-7155</t>
  </si>
  <si>
    <t>第１－７７３号</t>
  </si>
  <si>
    <t>日信工業　株式会社</t>
  </si>
  <si>
    <t>日信工業株式会社</t>
  </si>
  <si>
    <t>西巣鴨2-19-9</t>
  </si>
  <si>
    <t>03-3918-5671</t>
  </si>
  <si>
    <t>第１－７７７号</t>
  </si>
  <si>
    <t>三澤　恒司</t>
  </si>
  <si>
    <t>三澤設備新小岩</t>
  </si>
  <si>
    <t>東新小岩七丁目22番17号</t>
  </si>
  <si>
    <t>第１－７８７号</t>
  </si>
  <si>
    <t>ムラタ冷熱工業　株式会社</t>
  </si>
  <si>
    <t>ムラタ冷熱工業株式会社</t>
  </si>
  <si>
    <t>吉川市</t>
  </si>
  <si>
    <t>木売3-4-15</t>
  </si>
  <si>
    <t>048-981-4383</t>
  </si>
  <si>
    <t>第１－７８９号</t>
  </si>
  <si>
    <t>株式会社　ダイキンアプライドシステムズ</t>
  </si>
  <si>
    <t>株式会社ダイキンアプライドシステムズ　横浜営業所</t>
  </si>
  <si>
    <t>都筑区荏田南4-24-24</t>
  </si>
  <si>
    <t>045-942-3134</t>
  </si>
  <si>
    <t>株式会社ダイキンアプライドシステムズ　三島営業所</t>
  </si>
  <si>
    <t>長泉町下土狩33-8</t>
  </si>
  <si>
    <t>055-980-5101</t>
  </si>
  <si>
    <t>株式会社ダイキンアプライドシステムズ　市原出張所</t>
  </si>
  <si>
    <t>市原市</t>
  </si>
  <si>
    <t>五井西4丁目2-4</t>
  </si>
  <si>
    <t>0436-20-1511</t>
  </si>
  <si>
    <t>株式会社ダイキンアプライドシステムズ　関東サービスセンター</t>
  </si>
  <si>
    <t>戸田市</t>
  </si>
  <si>
    <t>笹目4-34-12</t>
  </si>
  <si>
    <t>048-449-8133</t>
  </si>
  <si>
    <t>第１－７９７号</t>
  </si>
  <si>
    <t>株式会社　東通エアエース</t>
  </si>
  <si>
    <t>株式会社東通エアエース</t>
  </si>
  <si>
    <t>春日町3-7-5</t>
  </si>
  <si>
    <t>03-3998-1212</t>
  </si>
  <si>
    <t>第１－７９８号</t>
  </si>
  <si>
    <t>鐘ケ江　裕二</t>
  </si>
  <si>
    <t>アメックスプランニング</t>
  </si>
  <si>
    <t>木曽西3-23-19</t>
  </si>
  <si>
    <t>042-791-4468</t>
  </si>
  <si>
    <t>第１－８００号</t>
  </si>
  <si>
    <t>富士冷熱　株式会社</t>
  </si>
  <si>
    <t>富士冷熱株式会社</t>
  </si>
  <si>
    <t>入谷2丁目33番1号</t>
  </si>
  <si>
    <t>03-3874-8741</t>
  </si>
  <si>
    <t>第１－８０１号</t>
  </si>
  <si>
    <t>株式会社　テイオン</t>
  </si>
  <si>
    <t>株式会社テイオン</t>
  </si>
  <si>
    <t>千石1丁目5番32号</t>
  </si>
  <si>
    <t>03-3640-9994</t>
  </si>
  <si>
    <t>第１－８０２号</t>
  </si>
  <si>
    <t>株式会社　多摩技工</t>
  </si>
  <si>
    <t>株式会社多摩技工</t>
  </si>
  <si>
    <t>多摩区中野島4-4-46</t>
  </si>
  <si>
    <t>044-911-5190</t>
  </si>
  <si>
    <t>第１－８１１号</t>
  </si>
  <si>
    <t>株式会社　町田冷熱</t>
  </si>
  <si>
    <t>株式会社町田冷熱</t>
  </si>
  <si>
    <t>常盤町3513番地2</t>
  </si>
  <si>
    <t>042-798-0365</t>
  </si>
  <si>
    <t>第１－８１４号</t>
  </si>
  <si>
    <t>株式会社　藤原ホイスト技研</t>
  </si>
  <si>
    <t>株式会社藤原ホイスト技研</t>
  </si>
  <si>
    <t>川崎区塩浜3-26-3</t>
  </si>
  <si>
    <t>第１－８２０号</t>
  </si>
  <si>
    <t>有限会社　ハヤシ設備</t>
  </si>
  <si>
    <t>有限会社ハヤシ設備</t>
  </si>
  <si>
    <t>南花畑1-17-14</t>
  </si>
  <si>
    <t>03-3860-0443</t>
  </si>
  <si>
    <t>第１－８２７号</t>
  </si>
  <si>
    <t>三ツ和産業　株式会社</t>
  </si>
  <si>
    <t>三ツ和産業株式会社</t>
  </si>
  <si>
    <t>要町三丁目18番1号</t>
  </si>
  <si>
    <t>03-3959-2501</t>
  </si>
  <si>
    <t>第１－８２８号</t>
  </si>
  <si>
    <t>創英興業　株式会社</t>
  </si>
  <si>
    <t>創英興業株式会社</t>
  </si>
  <si>
    <t>前沢3-2-3</t>
  </si>
  <si>
    <t>042-473-8466</t>
  </si>
  <si>
    <t>第１－８３０号</t>
  </si>
  <si>
    <t>株式会社　戸塚工業所</t>
  </si>
  <si>
    <t>株式会社戸塚工業所</t>
  </si>
  <si>
    <t>泉区中田北1丁目25番6号</t>
  </si>
  <si>
    <t>045-802-4356</t>
  </si>
  <si>
    <t>第１－８３８号</t>
  </si>
  <si>
    <t>有限会社　フォルテサービス</t>
  </si>
  <si>
    <t>有限会社フォルテサービス</t>
  </si>
  <si>
    <t>多摩区中野島2-14-27パンテール中野島1Ｆ</t>
  </si>
  <si>
    <t>044-271-8930</t>
  </si>
  <si>
    <t>第１－８４０号</t>
  </si>
  <si>
    <t>有限会社　小出電気商会</t>
  </si>
  <si>
    <t>有限会社小出電気商会</t>
  </si>
  <si>
    <t>南区六ツ川2-41-61</t>
  </si>
  <si>
    <t>045-741-7823</t>
  </si>
  <si>
    <t>第１－８５２号</t>
  </si>
  <si>
    <t>エアコンシステム東宏　株式会社</t>
  </si>
  <si>
    <t>エアコンシステム東宏株式会社</t>
  </si>
  <si>
    <t>等々力二丁目22番9号　等々力ビル1F</t>
  </si>
  <si>
    <t>03-3702-7682</t>
  </si>
  <si>
    <t>第１－８５３号</t>
  </si>
  <si>
    <t>有限会社　バン・システム</t>
  </si>
  <si>
    <t>有限会社バン・システム</t>
  </si>
  <si>
    <t>港北区新吉田東5-73-32　ハイムセザンＡ</t>
  </si>
  <si>
    <t>045-544-7016</t>
  </si>
  <si>
    <t>第１－８５６号</t>
  </si>
  <si>
    <t>有限会社　エムエス工営</t>
  </si>
  <si>
    <t>有限会社エムエス工営</t>
  </si>
  <si>
    <t>高津区上作延1-5-1-106</t>
  </si>
  <si>
    <t>044-865-0174</t>
  </si>
  <si>
    <t>第１－８５７号</t>
  </si>
  <si>
    <t>有限会社　東海冷機</t>
  </si>
  <si>
    <t>有限会社東海冷機</t>
  </si>
  <si>
    <t>戸塚区平戸町1137－62</t>
  </si>
  <si>
    <t>045-824-6426</t>
  </si>
  <si>
    <t>第１－８６１号</t>
  </si>
  <si>
    <t>有限会社　坪井冷機サービス</t>
  </si>
  <si>
    <t>有限会社坪井冷機サービス</t>
  </si>
  <si>
    <t>松ヶ崎396-3</t>
  </si>
  <si>
    <t>04-7133-5059</t>
  </si>
  <si>
    <t>第１－８６６号</t>
  </si>
  <si>
    <t>富士工業　株式会社</t>
  </si>
  <si>
    <t>富士工業株式会社</t>
  </si>
  <si>
    <t>川崎区藤崎四丁目5番11号</t>
  </si>
  <si>
    <t>044-233-6771</t>
  </si>
  <si>
    <t>第１－８６８号</t>
  </si>
  <si>
    <t>有限会社　カワカミ</t>
  </si>
  <si>
    <t>有限会社カワカミ</t>
  </si>
  <si>
    <t>桜区栄和5-20-15</t>
  </si>
  <si>
    <t>048-852-4334</t>
  </si>
  <si>
    <t>第１－８６９号</t>
  </si>
  <si>
    <t>有限会社　石井冷機工業所</t>
  </si>
  <si>
    <t>有限会社石井冷機工業所</t>
  </si>
  <si>
    <t>中町4-6-10</t>
  </si>
  <si>
    <t>042-727-2634</t>
  </si>
  <si>
    <t>第１－８７１号</t>
  </si>
  <si>
    <t>株式会社　中央温調</t>
  </si>
  <si>
    <t>株式会社中央温調</t>
  </si>
  <si>
    <t>深大寺元町2-16-2</t>
  </si>
  <si>
    <t>042-486-0685</t>
  </si>
  <si>
    <t>第１－８７２号</t>
  </si>
  <si>
    <t>永田電装　有限会社</t>
  </si>
  <si>
    <t>永田電装有限会社</t>
  </si>
  <si>
    <t>川崎区大島3丁目32番5号</t>
  </si>
  <si>
    <t>044-233-1119</t>
  </si>
  <si>
    <t>第１－８７３号</t>
  </si>
  <si>
    <t>株式会社　アール・シー</t>
  </si>
  <si>
    <t>株式会社アール・シー</t>
  </si>
  <si>
    <t>東日暮里1-25-9-1F</t>
  </si>
  <si>
    <t>第１－８７８号</t>
  </si>
  <si>
    <t>株式会社　太陽設備</t>
  </si>
  <si>
    <t>株式会社太陽設備</t>
  </si>
  <si>
    <t>南馬込1丁目5番1号</t>
  </si>
  <si>
    <t>03-3773-3911</t>
  </si>
  <si>
    <t>第１－８８０号</t>
  </si>
  <si>
    <t>株式会社　ヘルツ</t>
  </si>
  <si>
    <t>株式会社ヘルツ</t>
  </si>
  <si>
    <t>港南区東芹が谷10-5</t>
  </si>
  <si>
    <t>045-825-8356</t>
  </si>
  <si>
    <t>第１－８８３号</t>
  </si>
  <si>
    <t>株式会社　東洋社</t>
  </si>
  <si>
    <t>株式会社東洋社　横浜支店</t>
  </si>
  <si>
    <t>都筑区川向町1288-5</t>
  </si>
  <si>
    <t>第１－８８４号</t>
  </si>
  <si>
    <t>株式会社　瑞穂</t>
  </si>
  <si>
    <t>株式会社瑞穂</t>
  </si>
  <si>
    <t>本駒込二丁目28番8号</t>
  </si>
  <si>
    <t>03-6850-9906</t>
  </si>
  <si>
    <t>第１－８８９号</t>
  </si>
  <si>
    <t>積田冷熱工事　株式会社</t>
  </si>
  <si>
    <t>積田冷熱工事株式会社</t>
  </si>
  <si>
    <t>緑区大門2619</t>
  </si>
  <si>
    <t>048-767-6051</t>
  </si>
  <si>
    <t>第１－８９０号</t>
  </si>
  <si>
    <t>酒井電設工業　株式会社</t>
  </si>
  <si>
    <t>酒井電設工業株式会社</t>
  </si>
  <si>
    <t>鶴見区駒岡四丁目12番30号</t>
  </si>
  <si>
    <t>045-572-6305</t>
  </si>
  <si>
    <t>第１－８９５号</t>
  </si>
  <si>
    <t>武蔵野電設　株式会社</t>
  </si>
  <si>
    <t>武蔵野電設株式会社</t>
  </si>
  <si>
    <t>都筑区勝田町1326番地</t>
  </si>
  <si>
    <t>045-350-2933</t>
  </si>
  <si>
    <t>第１－９００号</t>
  </si>
  <si>
    <t>岡部　泰成</t>
  </si>
  <si>
    <t>岡電</t>
  </si>
  <si>
    <t>旭区若葉台3丁目6-404</t>
  </si>
  <si>
    <t>090-8874-5494</t>
  </si>
  <si>
    <t>第１－９０１号</t>
  </si>
  <si>
    <t>有限会社　末広金属</t>
  </si>
  <si>
    <t>有限会社末広金属　和泉工場</t>
  </si>
  <si>
    <t>泉区和泉が丘2-37-5</t>
  </si>
  <si>
    <t>第１－９０７号</t>
  </si>
  <si>
    <t>株式会社　デスポ</t>
  </si>
  <si>
    <t>株式会社デスポ</t>
  </si>
  <si>
    <t>神奈川区菅田町1116番地</t>
  </si>
  <si>
    <t>045-473-5500</t>
  </si>
  <si>
    <t>第１－９０９号</t>
  </si>
  <si>
    <t>銅鉄商事　株式会社</t>
  </si>
  <si>
    <t>銅鉄商事株式会社</t>
  </si>
  <si>
    <t>朝日4-21-38</t>
  </si>
  <si>
    <t>048-222-4568</t>
  </si>
  <si>
    <t>第１－９１０号</t>
  </si>
  <si>
    <t>ダイキンエアテクノ　株式会社</t>
  </si>
  <si>
    <t>ダイキンエアテクノ株式会社　東京支店神奈川営業所</t>
  </si>
  <si>
    <t>045-914-8535</t>
  </si>
  <si>
    <t>ダイキンエアテクノ株式会社　東京支店ファシリティ部横浜営業所</t>
  </si>
  <si>
    <t>045-914-8538</t>
  </si>
  <si>
    <t>ダイキンエアテクノ株式会社　東京支店ファシリティ部埼玉営業所</t>
  </si>
  <si>
    <t>中央区下落合1071-1</t>
  </si>
  <si>
    <t>048-822-2441</t>
  </si>
  <si>
    <t>ダイキンエアテクノ株式会社　東京支店ファシリティ部多摩営業所</t>
  </si>
  <si>
    <t>府中町2-21-4</t>
  </si>
  <si>
    <t>042-336-3431</t>
  </si>
  <si>
    <t>第１－９１２号</t>
  </si>
  <si>
    <t>丸長空調設備　株式会社</t>
  </si>
  <si>
    <t>丸長空調設備株式会社</t>
  </si>
  <si>
    <t>都筑区仲町台4-26-9</t>
  </si>
  <si>
    <t>045-943-2525</t>
  </si>
  <si>
    <t>第１－９１４号</t>
  </si>
  <si>
    <t>有限会社　野崎空調</t>
  </si>
  <si>
    <t>有限会社野崎空調</t>
  </si>
  <si>
    <t>宮前区東有馬2-9-21-2</t>
  </si>
  <si>
    <t>044-861-8104</t>
  </si>
  <si>
    <t>第１－９１５号</t>
  </si>
  <si>
    <t>高速道路トールテクノロジー　株式会社</t>
  </si>
  <si>
    <t>高速道路トールテクノロジー株式会社　関東テクノセンター　南横浜テクノショップ</t>
  </si>
  <si>
    <t>金沢区朝比奈町172-15</t>
  </si>
  <si>
    <t>045-784-6234</t>
  </si>
  <si>
    <t>高速道路トールテクノロジー株式会社　東京テクノセンター　御殿場テクノショップ</t>
  </si>
  <si>
    <t>御殿場市</t>
  </si>
  <si>
    <t>東田中1140</t>
  </si>
  <si>
    <t>0550-84-0153</t>
  </si>
  <si>
    <t>高速道路トールテクノロジー株式会社　八王子テクノセンター　八王子テクノショップ</t>
  </si>
  <si>
    <t>宇津木町287-1</t>
  </si>
  <si>
    <t>042-691-0199</t>
  </si>
  <si>
    <t>第１－９１６号</t>
  </si>
  <si>
    <t>株式会社　光徳電設</t>
  </si>
  <si>
    <t>株式会社光徳電設</t>
  </si>
  <si>
    <t>鶴見区馬場三丁目16番25号</t>
  </si>
  <si>
    <t>045-586-1901</t>
  </si>
  <si>
    <t>第１－９１７号</t>
  </si>
  <si>
    <t>有限会社　桶仲</t>
  </si>
  <si>
    <t>有限会社桶仲</t>
  </si>
  <si>
    <t>木曽西5-27-6</t>
  </si>
  <si>
    <t>042-794-3568</t>
  </si>
  <si>
    <t>第１－９１８号</t>
  </si>
  <si>
    <t>有限会社　川路電機商会</t>
  </si>
  <si>
    <t>有限会社川路電機商会</t>
  </si>
  <si>
    <t>戸塚区戸塚町4361-24</t>
  </si>
  <si>
    <t>045-864-1316</t>
  </si>
  <si>
    <t>第１－９２１号</t>
  </si>
  <si>
    <t>株式会社　湘工冷熱</t>
  </si>
  <si>
    <t>株式会社湘工冷熱</t>
  </si>
  <si>
    <t>磯子区森5-20-23</t>
  </si>
  <si>
    <t>045-761-2414</t>
  </si>
  <si>
    <t>第１－９２３号</t>
  </si>
  <si>
    <t>鈴木　省吾</t>
  </si>
  <si>
    <t>すずき電機</t>
  </si>
  <si>
    <t>鶴見区獅子ケ谷2丁目10番6号</t>
  </si>
  <si>
    <t>045-582-0945</t>
  </si>
  <si>
    <t>第１－９２７号</t>
  </si>
  <si>
    <t>有限会社　千葉電機</t>
  </si>
  <si>
    <t>有限会社千葉電機</t>
  </si>
  <si>
    <t>宮城1-6-28</t>
  </si>
  <si>
    <t>03-5390-0951</t>
  </si>
  <si>
    <t>第１－９２９号</t>
  </si>
  <si>
    <t>有限会社　ミツオ電気</t>
  </si>
  <si>
    <t>有限会社ミツオ電気</t>
  </si>
  <si>
    <t>中央3-14-1</t>
  </si>
  <si>
    <t>03-3775-4006</t>
  </si>
  <si>
    <t>第１－９３７号</t>
  </si>
  <si>
    <t>有限会社　電空サービス</t>
  </si>
  <si>
    <t>有限会社電空サービス</t>
  </si>
  <si>
    <t>麻生区王禅寺1154-1</t>
  </si>
  <si>
    <t>044-966-9741</t>
  </si>
  <si>
    <t>第１－９３８号</t>
  </si>
  <si>
    <t>株式会社　エヌケーエス</t>
  </si>
  <si>
    <t>株式会社エヌケーエス</t>
  </si>
  <si>
    <t>大阪府</t>
  </si>
  <si>
    <t>大阪市</t>
  </si>
  <si>
    <t>淀川区新高1-8-17</t>
  </si>
  <si>
    <t>06-6396-7414</t>
  </si>
  <si>
    <t>株式会社エヌケーエス　東京営業所</t>
  </si>
  <si>
    <t>西糀谷1-25-5</t>
  </si>
  <si>
    <t>03-5735-7500</t>
  </si>
  <si>
    <t>第１－９４７号</t>
  </si>
  <si>
    <t>株式会社　コーセイ</t>
  </si>
  <si>
    <t>株式会社コーセイ</t>
  </si>
  <si>
    <t>武蔵村山市</t>
  </si>
  <si>
    <t>伊奈平2-59-4</t>
  </si>
  <si>
    <t>第１－９５１号</t>
  </si>
  <si>
    <t>日新興業　株式会社</t>
  </si>
  <si>
    <t>日新興業株式会社　三崎出張所</t>
  </si>
  <si>
    <t>三浦市</t>
  </si>
  <si>
    <t>三崎5丁目245番7号　三浦市三崎水産物地方卸売場管理棟5階1号室</t>
  </si>
  <si>
    <t>046-881-7263</t>
  </si>
  <si>
    <t>第１－９５８号</t>
  </si>
  <si>
    <t>有限会社　平和冷機</t>
  </si>
  <si>
    <t>有限会社平和冷機</t>
  </si>
  <si>
    <t>平和台一丁目24番14号</t>
  </si>
  <si>
    <t>03-3931-7612</t>
  </si>
  <si>
    <t>第１－９５９号</t>
  </si>
  <si>
    <t>株式会社　システムジャパン</t>
  </si>
  <si>
    <t>株式会社システムジャパン　市川事業部</t>
  </si>
  <si>
    <t>田尻1丁目3-10</t>
  </si>
  <si>
    <t>047-320-3770</t>
  </si>
  <si>
    <t>第１－９６６号</t>
  </si>
  <si>
    <t>株式会社　ミナト電気商会</t>
  </si>
  <si>
    <t>株式会社ミナト電気商会</t>
  </si>
  <si>
    <t>南区井土ケ谷上町22-21</t>
  </si>
  <si>
    <t>第１－９８７号</t>
  </si>
  <si>
    <t>積水工業　株式会社</t>
  </si>
  <si>
    <t>積水工業株式会社</t>
  </si>
  <si>
    <t>中町2-32-5</t>
  </si>
  <si>
    <t>03-3793-5711</t>
  </si>
  <si>
    <t>第１－９８８号</t>
  </si>
  <si>
    <t>角守　敏男</t>
  </si>
  <si>
    <t>横浜空設</t>
  </si>
  <si>
    <t>栄区鍛冶ケ谷1-22-7　角守方</t>
  </si>
  <si>
    <t>070-6514-0780</t>
  </si>
  <si>
    <t>第１－９９３号</t>
  </si>
  <si>
    <t>株式会社　大平エアロシステム</t>
  </si>
  <si>
    <t>株式会社大平エアロシステム</t>
  </si>
  <si>
    <t>都筑区川向町854-1</t>
  </si>
  <si>
    <t>第１－９９８号</t>
  </si>
  <si>
    <t>株式会社　菊池冷機工業</t>
  </si>
  <si>
    <t>株式会社菊池冷機工業</t>
  </si>
  <si>
    <t>矢口2丁目11番8号</t>
  </si>
  <si>
    <t>第１－１０００号</t>
  </si>
  <si>
    <t>コウニチ空調　有限会社</t>
  </si>
  <si>
    <t>コウニチ空調有限会社</t>
  </si>
  <si>
    <t>萩山町3-5-28</t>
  </si>
  <si>
    <t>042-397-5581</t>
  </si>
  <si>
    <t>第１－１００２号</t>
  </si>
  <si>
    <t>有限会社　フルセ空調設備</t>
  </si>
  <si>
    <t>有限会社フルセ空調設備</t>
  </si>
  <si>
    <t>金沢区釜利谷東7-23-14</t>
  </si>
  <si>
    <t>045-786-0476</t>
  </si>
  <si>
    <t>第１－１００４号</t>
  </si>
  <si>
    <t>有限会社　東京熱学</t>
  </si>
  <si>
    <t>有限会社東京熱学</t>
  </si>
  <si>
    <t>旭区下川井町2212-3</t>
  </si>
  <si>
    <t>045-953-8926</t>
  </si>
  <si>
    <t>第１－１００６号</t>
  </si>
  <si>
    <t>有限会社　坂口電気店</t>
  </si>
  <si>
    <t>有限会社坂口電気店　新吉田支店</t>
  </si>
  <si>
    <t>港北区新吉田東5-61-6</t>
  </si>
  <si>
    <t>第１－１００９号</t>
  </si>
  <si>
    <t>トーネツ　株式会社</t>
  </si>
  <si>
    <t>トーネツ株式会社</t>
  </si>
  <si>
    <t>稲毛区天台3-1-34</t>
  </si>
  <si>
    <t>043-256-1151</t>
  </si>
  <si>
    <t>第１－１０１１号</t>
  </si>
  <si>
    <t>株式会社　空調技研</t>
  </si>
  <si>
    <t>株式会社空調技研</t>
  </si>
  <si>
    <t>東駒形4丁目19番15号</t>
  </si>
  <si>
    <t>03-3626-0136</t>
  </si>
  <si>
    <t>第１－１０１３号</t>
  </si>
  <si>
    <t>株式会社　暖冷設備</t>
  </si>
  <si>
    <t>株式会社暖冷設備</t>
  </si>
  <si>
    <t>中原区北谷町93-1</t>
  </si>
  <si>
    <t>044-533-8202</t>
  </si>
  <si>
    <t>第１－１０２６号</t>
  </si>
  <si>
    <t>有限会社　長谷川</t>
  </si>
  <si>
    <t>有限会社長谷川</t>
  </si>
  <si>
    <t>西中延一丁目2番28号</t>
  </si>
  <si>
    <t>03-3782-1895</t>
  </si>
  <si>
    <t>第１－１０２９号</t>
  </si>
  <si>
    <t>有限会社　横浜空調サービス</t>
  </si>
  <si>
    <t>有限会社横浜空調サービス</t>
  </si>
  <si>
    <t>神奈川区菅田町2302-2</t>
  </si>
  <si>
    <t>第１－１０３２号</t>
  </si>
  <si>
    <t>環境システム設備機器　株式会社</t>
  </si>
  <si>
    <t>環境システム設備機器株式会社</t>
  </si>
  <si>
    <t>柿の木坂3-8-12</t>
  </si>
  <si>
    <t>03-3411-7227</t>
  </si>
  <si>
    <t>第１－１０３５号</t>
  </si>
  <si>
    <t>有限会社　沖冷熱工業</t>
  </si>
  <si>
    <t>有限会社沖冷熱工業</t>
  </si>
  <si>
    <t>川崎区旭町1-17-3</t>
  </si>
  <si>
    <t>044-211-1731</t>
  </si>
  <si>
    <t>第１－１０３６号</t>
  </si>
  <si>
    <t>株式会社　アクアエアー</t>
  </si>
  <si>
    <t>株式会社アクアエアー</t>
  </si>
  <si>
    <t>菊野台1-54-1</t>
  </si>
  <si>
    <t>042-485-4197</t>
  </si>
  <si>
    <t>第１－１０３８号</t>
  </si>
  <si>
    <t>エスコスモ企画　株式会社</t>
  </si>
  <si>
    <t>エスコスモ企画株式会社</t>
  </si>
  <si>
    <t>多摩区宿河原6-19-19</t>
  </si>
  <si>
    <t>044-932-1631</t>
  </si>
  <si>
    <t>第１－１０４０号</t>
  </si>
  <si>
    <t>株式会社　山森建設</t>
  </si>
  <si>
    <t>株式会社山森建設</t>
  </si>
  <si>
    <t>西尾久七丁目17番12号</t>
  </si>
  <si>
    <t>03-5692-7171</t>
  </si>
  <si>
    <t>第１－１０４５号</t>
  </si>
  <si>
    <t>カナレイ　株式会社</t>
  </si>
  <si>
    <t>カナレイ株式会社</t>
  </si>
  <si>
    <t>中区長者町2-5-18</t>
  </si>
  <si>
    <t>045-222-0140</t>
  </si>
  <si>
    <t>第１－１０５１号</t>
  </si>
  <si>
    <t>株式会社　エバジツ</t>
  </si>
  <si>
    <t>株式会社エバジツ</t>
  </si>
  <si>
    <t>北嶺町4番18号</t>
  </si>
  <si>
    <t>03-3720-4161</t>
  </si>
  <si>
    <t>第１－１０５３号</t>
  </si>
  <si>
    <t>株式会社　セントラル設備テクニカ</t>
  </si>
  <si>
    <t>株式会社セントラル設備テクニカ</t>
  </si>
  <si>
    <t>泉区岡津町164-3</t>
  </si>
  <si>
    <t>045-813-0959</t>
  </si>
  <si>
    <t>第１－１０５７号</t>
  </si>
  <si>
    <t>共信冷熱　株式会社</t>
  </si>
  <si>
    <t>共信冷熱株式会社</t>
  </si>
  <si>
    <t>甲府市</t>
  </si>
  <si>
    <t>大里町1094番地</t>
  </si>
  <si>
    <t>055-241-4711</t>
  </si>
  <si>
    <t>共信冷熱株式会社西東京支店</t>
  </si>
  <si>
    <t>大和田町1-14-8</t>
  </si>
  <si>
    <t>042-660-1321</t>
  </si>
  <si>
    <t>第１－１０５８号</t>
  </si>
  <si>
    <t>有限会社　テクノエース</t>
  </si>
  <si>
    <t>有限会社テクノエース</t>
  </si>
  <si>
    <t>東馬込一丁目24番3号</t>
  </si>
  <si>
    <t>03-5743-5950</t>
  </si>
  <si>
    <t>第１－１０５９号</t>
  </si>
  <si>
    <t>株式会社　邦栄</t>
  </si>
  <si>
    <t>株式会社邦栄</t>
  </si>
  <si>
    <t>港北区大豆戸町664番2号</t>
  </si>
  <si>
    <t>045-540-1036</t>
  </si>
  <si>
    <t>第１－１０７０号</t>
  </si>
  <si>
    <t>京浜蓄電池工業　株式会社</t>
  </si>
  <si>
    <t>京浜蓄電池工業株式会社</t>
  </si>
  <si>
    <t>鶴見区小野町56-4</t>
  </si>
  <si>
    <t>045-521-2915</t>
  </si>
  <si>
    <t>第１－１０７３号</t>
  </si>
  <si>
    <t>株式会社　キョーエイテクノ</t>
  </si>
  <si>
    <t>株式会社キョーエイテクノ</t>
  </si>
  <si>
    <t>保土ケ谷区今井町596-10</t>
  </si>
  <si>
    <t>045-352-9635</t>
  </si>
  <si>
    <t>第１－１０７４号</t>
  </si>
  <si>
    <t>志村電気　有限会社</t>
  </si>
  <si>
    <t>志村電気有限会社</t>
  </si>
  <si>
    <t>青葉区若草台5-38</t>
  </si>
  <si>
    <t>045-962-3685</t>
  </si>
  <si>
    <t>第１－１０８１号</t>
  </si>
  <si>
    <t>大内　道男</t>
  </si>
  <si>
    <t>ビッグウェイ</t>
  </si>
  <si>
    <t>川崎区鋼管通2丁目11番13号</t>
  </si>
  <si>
    <t>第１－１０８３号</t>
  </si>
  <si>
    <t>株式会社　パッケージサービス</t>
  </si>
  <si>
    <t>株式会社パッケージサービス</t>
  </si>
  <si>
    <t>藤塚2810番地</t>
  </si>
  <si>
    <t>第１－１０８４号</t>
  </si>
  <si>
    <t>荏原冷熱システム　株式会社</t>
  </si>
  <si>
    <t>荏原冷熱システム株式会社　神奈川営業所</t>
  </si>
  <si>
    <t>港北区新横浜1-9-1</t>
  </si>
  <si>
    <t>050-3416-0898</t>
  </si>
  <si>
    <t>荏原冷熱システム株式会社　本社事務所</t>
  </si>
  <si>
    <t>羽田旭町11番1号</t>
  </si>
  <si>
    <t>03-3743-6511</t>
  </si>
  <si>
    <t>荏原冷熱システム株式会社　冷凍機藤沢工場</t>
  </si>
  <si>
    <t>本藤沢4-2-1</t>
  </si>
  <si>
    <t>050-3416-6930</t>
  </si>
  <si>
    <t>第１－１０８６号</t>
  </si>
  <si>
    <t>株式会社　丸進</t>
  </si>
  <si>
    <t>株式会社丸進</t>
  </si>
  <si>
    <t>鶴見区市場富士見町8番10号</t>
  </si>
  <si>
    <t>045-501-0551</t>
  </si>
  <si>
    <t>第１－１０８７号</t>
  </si>
  <si>
    <t>横山空調サービス　有限会社</t>
  </si>
  <si>
    <t>横山空調サービス有限会社</t>
  </si>
  <si>
    <t>裾野市</t>
  </si>
  <si>
    <t>伊豆島田816-7</t>
  </si>
  <si>
    <t>055-993-0489</t>
  </si>
  <si>
    <t>第１－１０８９号</t>
  </si>
  <si>
    <t>日栄電設　株式会社</t>
  </si>
  <si>
    <t>日栄電設株式会社</t>
  </si>
  <si>
    <t>深大寺北町6丁目10番地14</t>
  </si>
  <si>
    <t>042-483-9134</t>
  </si>
  <si>
    <t>第１－１０９４号</t>
  </si>
  <si>
    <t>不二熱学工業　株式会社</t>
  </si>
  <si>
    <t>不二熱学工業株式会社　東京支店　サービス事業部</t>
  </si>
  <si>
    <t>山王二丁目5番9号</t>
  </si>
  <si>
    <t>03-6429-3601</t>
  </si>
  <si>
    <t>第１－１０９６号</t>
  </si>
  <si>
    <t>株式会社　ネオテック</t>
  </si>
  <si>
    <t>株式会社ネオテック</t>
  </si>
  <si>
    <t>あきる野市</t>
  </si>
  <si>
    <t>草花1441-4</t>
  </si>
  <si>
    <t>042-532-7425</t>
  </si>
  <si>
    <t>第１－１０９７号</t>
  </si>
  <si>
    <t>日本空調サービス　株式会社</t>
  </si>
  <si>
    <t>日本空調サービス株式会社　横浜支店　横浜営業所</t>
  </si>
  <si>
    <t>瀬谷区二ツ橋町532-15</t>
  </si>
  <si>
    <t>045-366-1091</t>
  </si>
  <si>
    <t>日本空調サービス株式会社　横浜支店　川崎営業所</t>
  </si>
  <si>
    <t>宮前区菅生2-26-11</t>
  </si>
  <si>
    <t>044-977-9946</t>
  </si>
  <si>
    <t>日本空調サービス株式会社　横浜支店　京浜営業所</t>
  </si>
  <si>
    <t>045-440-1129</t>
  </si>
  <si>
    <t>日本空調サービス株式会社　東京支店</t>
  </si>
  <si>
    <t>潮見2-1-7</t>
  </si>
  <si>
    <t>03-3615-5051</t>
  </si>
  <si>
    <t>日本空調サービス株式会社　関東支店</t>
  </si>
  <si>
    <t>明神町2-22-7</t>
  </si>
  <si>
    <t>042-639-0811</t>
  </si>
  <si>
    <t>日本空調サービス株式会社　ＦＭ管理部</t>
  </si>
  <si>
    <t>03-5857-5344</t>
  </si>
  <si>
    <t>日本空調サービス株式会社　静岡支店三島営業所</t>
  </si>
  <si>
    <t>三島市</t>
  </si>
  <si>
    <t>萩378-2</t>
  </si>
  <si>
    <t>055-955-9440</t>
  </si>
  <si>
    <t>第１－１０９９号</t>
  </si>
  <si>
    <t>株式会社　天野工務所</t>
  </si>
  <si>
    <t>株式会社天野工務所</t>
  </si>
  <si>
    <t>川崎区日ノ出2丁目1番18号</t>
  </si>
  <si>
    <t>044-280-1331</t>
  </si>
  <si>
    <t>第１－１１００号</t>
  </si>
  <si>
    <t>株式会社　デンソーソリューション</t>
  </si>
  <si>
    <t>株式会社デンソーソリューション　横浜支店</t>
  </si>
  <si>
    <t>都筑区東方町340-1</t>
  </si>
  <si>
    <t>045-470-1177</t>
  </si>
  <si>
    <t>株式会社デンソーソリューション　関東支社</t>
  </si>
  <si>
    <t>舟渡1-3-29</t>
  </si>
  <si>
    <t>03-4213-1177</t>
  </si>
  <si>
    <t>第１－１１０２号</t>
  </si>
  <si>
    <t>有限会社　エクセル</t>
  </si>
  <si>
    <t>有限会社エクセル</t>
  </si>
  <si>
    <t>南区永田北1-30-12</t>
  </si>
  <si>
    <t>045-716-1911</t>
  </si>
  <si>
    <t>第１－１１０３号</t>
  </si>
  <si>
    <t>株式会社　協雄電設</t>
  </si>
  <si>
    <t>株式会社協雄電設</t>
  </si>
  <si>
    <t>五香西5-40-1</t>
  </si>
  <si>
    <t>047-384-7288</t>
  </si>
  <si>
    <t>第１－１１０４号</t>
  </si>
  <si>
    <t>有限会社　大西冷熱</t>
  </si>
  <si>
    <t>有限会社大西冷熱</t>
  </si>
  <si>
    <t>比企郡</t>
  </si>
  <si>
    <t>鳩山町大字大豆戸892-4</t>
  </si>
  <si>
    <t>049-296-5907</t>
  </si>
  <si>
    <t>第１－１１０６号</t>
  </si>
  <si>
    <t>コマジャパン　株式会社</t>
  </si>
  <si>
    <t>コマジャパン株式会社</t>
  </si>
  <si>
    <t>西蒲田8-9-8</t>
  </si>
  <si>
    <t>03-5710-2701</t>
  </si>
  <si>
    <t>第１－１１０９号</t>
  </si>
  <si>
    <t>進和サービス　株式会社</t>
  </si>
  <si>
    <t>進和サービス株式会社</t>
  </si>
  <si>
    <t>桜区道場2丁目4番10号</t>
  </si>
  <si>
    <t>048-855-3511</t>
  </si>
  <si>
    <t>第１－１１１０号</t>
  </si>
  <si>
    <t>八巧機電設備　株式会社</t>
  </si>
  <si>
    <t>八巧機電設備株式会社　プラントメンテナンス部</t>
  </si>
  <si>
    <t>川崎区扇島1-1　（ＪＦＥスチール（株）東日本製鉄所京浜地区構内）</t>
  </si>
  <si>
    <t>044-277-3177</t>
  </si>
  <si>
    <t>八巧機電設備株式会社</t>
  </si>
  <si>
    <t>川崎区鋼管通5丁目4番2号</t>
  </si>
  <si>
    <t>044-333-2850</t>
  </si>
  <si>
    <t>第１－１１１５号</t>
  </si>
  <si>
    <t>イズミインダストリー　株式会社</t>
  </si>
  <si>
    <t>イズミインダストリー株式会社</t>
  </si>
  <si>
    <t>南区宿町4-70-1</t>
  </si>
  <si>
    <t>045-715-7775</t>
  </si>
  <si>
    <t>第１－１１１６号</t>
  </si>
  <si>
    <t>リーテック　株式会社</t>
  </si>
  <si>
    <t>リーテック株式会社</t>
  </si>
  <si>
    <t>赤塚新町二丁目10番5号　ハイムMST　1F</t>
  </si>
  <si>
    <t>03-5904-4175</t>
  </si>
  <si>
    <t>第１－１１１７号</t>
  </si>
  <si>
    <t>株式会社　エアユニットサービス</t>
  </si>
  <si>
    <t>株式会社エアユニットサービス</t>
  </si>
  <si>
    <t>中台1-23-5-407</t>
  </si>
  <si>
    <t>03-5945-0888</t>
  </si>
  <si>
    <t>第１－１１１８号</t>
  </si>
  <si>
    <t>有限会社　ジェット</t>
  </si>
  <si>
    <t>有限会社ジェット</t>
  </si>
  <si>
    <t>都筑区折本町1261番地1</t>
  </si>
  <si>
    <t>045-620-2321</t>
  </si>
  <si>
    <t>第１－１１１９号</t>
  </si>
  <si>
    <t>有限会社　藤冷暖房</t>
  </si>
  <si>
    <t>有限会社藤冷暖房</t>
  </si>
  <si>
    <t>青葉区鴨志田町442-10</t>
  </si>
  <si>
    <t>045-962-2110</t>
  </si>
  <si>
    <t>第１－１１２１号</t>
  </si>
  <si>
    <t>有限会社　三愛システム</t>
  </si>
  <si>
    <t>有限会社三愛システム</t>
  </si>
  <si>
    <t>富里市</t>
  </si>
  <si>
    <t>七栄647番地306</t>
  </si>
  <si>
    <t>0476-35-3236</t>
  </si>
  <si>
    <t>第１－１１２２号</t>
  </si>
  <si>
    <t>川崎空調設備　株式会社</t>
  </si>
  <si>
    <t>川崎空調設備株式会社</t>
  </si>
  <si>
    <t>川崎区東門前1丁目12-14</t>
  </si>
  <si>
    <t>044-270-2211</t>
  </si>
  <si>
    <t>第１－１１２４号</t>
  </si>
  <si>
    <t>ヤマト物流　株式会社</t>
  </si>
  <si>
    <t>ヤマト物流株式会社　本社営業所</t>
  </si>
  <si>
    <t>田尻1-11-1</t>
  </si>
  <si>
    <t>047-377-7595</t>
  </si>
  <si>
    <t>第１－１１２５号</t>
  </si>
  <si>
    <t>株式会社　アステック</t>
  </si>
  <si>
    <t>株式会社アステック</t>
  </si>
  <si>
    <t>桜区道場字拾石田709-1</t>
  </si>
  <si>
    <t>048-857-5757</t>
  </si>
  <si>
    <t>第１－１１２９号</t>
  </si>
  <si>
    <t>技研サービス　株式会社</t>
  </si>
  <si>
    <t>技研サービス株式会社　大阪営業所</t>
  </si>
  <si>
    <t>守口市</t>
  </si>
  <si>
    <t>大日町1-15-4</t>
  </si>
  <si>
    <t>06-6906-3100</t>
  </si>
  <si>
    <t>第１－１１３０号</t>
  </si>
  <si>
    <t>有限会社　清水ホームサービス</t>
  </si>
  <si>
    <t>有限会社清水ホームサービス</t>
  </si>
  <si>
    <t>西東京市</t>
  </si>
  <si>
    <t>西原町2-5-35</t>
  </si>
  <si>
    <t>第１－１１３２号</t>
  </si>
  <si>
    <t>ナガノサイエンス　株式会社</t>
  </si>
  <si>
    <t>ナガノサイエンス株式会社</t>
  </si>
  <si>
    <t>高槻市</t>
  </si>
  <si>
    <t>安満新町1-10</t>
  </si>
  <si>
    <t>06-6836-2658</t>
  </si>
  <si>
    <t>第１－１１３４号</t>
  </si>
  <si>
    <t>新日東空調　株式会社</t>
  </si>
  <si>
    <t>新日東空調株式会社</t>
  </si>
  <si>
    <t>03-3446-5997</t>
  </si>
  <si>
    <t>第１－１１３８号</t>
  </si>
  <si>
    <t>株式会社　ＮＡＯＳ</t>
  </si>
  <si>
    <t>株式会社ＮＡＯＳ　東京支店</t>
  </si>
  <si>
    <t>南大井3-20-8</t>
  </si>
  <si>
    <t>03-3766-3919</t>
  </si>
  <si>
    <t>第１－１１４０号</t>
  </si>
  <si>
    <t>フジメタルリサイクル　株式会社</t>
  </si>
  <si>
    <t>フジメタルリサイクル株式会社　厚木工場</t>
  </si>
  <si>
    <t>酒井1747</t>
  </si>
  <si>
    <t>046-228-5111</t>
  </si>
  <si>
    <t>フジメタルリサイクル株式会社　川崎工場</t>
  </si>
  <si>
    <t>川崎区浅野町1-15</t>
  </si>
  <si>
    <t>044-366-3722</t>
  </si>
  <si>
    <t>第１－１１４２号</t>
  </si>
  <si>
    <t>株式会社　トーセツ</t>
  </si>
  <si>
    <t>株式会社トーセツ</t>
  </si>
  <si>
    <t>北篠崎2-4-34</t>
  </si>
  <si>
    <t>03-3676-0007</t>
  </si>
  <si>
    <t>第１－１１４６号</t>
  </si>
  <si>
    <t>永井　栄一</t>
  </si>
  <si>
    <t>永井設備</t>
  </si>
  <si>
    <t>港南区芹が谷4-5-27</t>
  </si>
  <si>
    <t>045-825-0810</t>
  </si>
  <si>
    <t>第１－１１４７号</t>
  </si>
  <si>
    <t>竹島　忍</t>
  </si>
  <si>
    <t>ＴＫ設備</t>
  </si>
  <si>
    <t>宮前区梶ケ谷1373-24</t>
  </si>
  <si>
    <t>044-866-0067</t>
  </si>
  <si>
    <t>第１－１１４８号</t>
  </si>
  <si>
    <t>有限会社　大成空調</t>
  </si>
  <si>
    <t>有限会社大成空調</t>
  </si>
  <si>
    <t>瀬谷区阿久和東3-2-11</t>
  </si>
  <si>
    <t>045-367-3850</t>
  </si>
  <si>
    <t>第１－１１４９号</t>
  </si>
  <si>
    <t>有限会社　野村商店</t>
  </si>
  <si>
    <t>有限会社野村商店</t>
  </si>
  <si>
    <t>西多摩郡</t>
  </si>
  <si>
    <t>瑞穂町長岡三丁目7番地8</t>
  </si>
  <si>
    <t>第１－１１５８号</t>
  </si>
  <si>
    <t>有限会社　新成空調</t>
  </si>
  <si>
    <t>有限会社新成空調</t>
  </si>
  <si>
    <t>磯子区氷取沢町640-6</t>
  </si>
  <si>
    <t>045-353-7486</t>
  </si>
  <si>
    <t>第１－１１６１号</t>
  </si>
  <si>
    <t>有限会社　メルコ</t>
  </si>
  <si>
    <t>有限会社メルコ</t>
  </si>
  <si>
    <t>旭区金が谷二丁目21番9号</t>
  </si>
  <si>
    <t>045-953-0359</t>
  </si>
  <si>
    <t>第１－１１６４号</t>
  </si>
  <si>
    <t>渡邉　直文</t>
  </si>
  <si>
    <t>渡辺冷機工業所</t>
  </si>
  <si>
    <t>緑町3丁目1-26</t>
  </si>
  <si>
    <t>042-541-6260</t>
  </si>
  <si>
    <t>第１－１１７８号</t>
  </si>
  <si>
    <t>福島　勉</t>
  </si>
  <si>
    <t>福島設備</t>
  </si>
  <si>
    <t>安行慈林482-49</t>
  </si>
  <si>
    <t>048-290-8191</t>
  </si>
  <si>
    <t>第１－１１８５号</t>
  </si>
  <si>
    <t>株式会社　日本テクニカルサポート</t>
  </si>
  <si>
    <t>株式会社日本テクニカルサポート</t>
  </si>
  <si>
    <t>南品川4-10-11</t>
  </si>
  <si>
    <t>03-5460-8822</t>
  </si>
  <si>
    <t>第１－１１９４号</t>
  </si>
  <si>
    <t>瀧澤　英敏</t>
  </si>
  <si>
    <t>タキザワエアコン</t>
  </si>
  <si>
    <t>川崎区出来野8番16-406号 ジェントル川崎大師</t>
  </si>
  <si>
    <t>044-201-4056</t>
  </si>
  <si>
    <t>第１－１２０２号</t>
  </si>
  <si>
    <t>東海冷凍工事　株式会社</t>
  </si>
  <si>
    <t>東海冷凍工事株式会社</t>
  </si>
  <si>
    <t>044-829-3241</t>
  </si>
  <si>
    <t>第１－１２０５号</t>
  </si>
  <si>
    <t>有限会社　大竹空調設備</t>
  </si>
  <si>
    <t>有限会社大竹空調設備</t>
  </si>
  <si>
    <t>碑文谷2-9-9</t>
  </si>
  <si>
    <t>03-3792-8350</t>
  </si>
  <si>
    <t>第１－１２０９号</t>
  </si>
  <si>
    <t>株式会社　森商会</t>
  </si>
  <si>
    <t>株式会社森商会</t>
  </si>
  <si>
    <t>川崎区白石町5-4</t>
  </si>
  <si>
    <t>044-329-1868</t>
  </si>
  <si>
    <t>コーキ　株式会社</t>
  </si>
  <si>
    <t>コーキ株式会社</t>
  </si>
  <si>
    <t>井口2-12-19</t>
  </si>
  <si>
    <t>第１－１２１３号</t>
  </si>
  <si>
    <t>株式会社　山昇冷機製作所</t>
  </si>
  <si>
    <t>株式会社山昇冷機製作所</t>
  </si>
  <si>
    <t>048-536-6771</t>
  </si>
  <si>
    <t>第１－１２１５号</t>
  </si>
  <si>
    <t>有限会社　富士総業</t>
  </si>
  <si>
    <t>有限会社富士総業</t>
  </si>
  <si>
    <t>高津区東野川2-25-9</t>
  </si>
  <si>
    <t>044-755-7568</t>
  </si>
  <si>
    <t>第１－１２１８号</t>
  </si>
  <si>
    <t>株式会社　日新</t>
  </si>
  <si>
    <t>株式会社日新</t>
  </si>
  <si>
    <t>03-6231-5472</t>
  </si>
  <si>
    <t>有限会社　豊空調設備</t>
  </si>
  <si>
    <t>有限会社豊空調設備</t>
  </si>
  <si>
    <t>第１－１２２２号</t>
  </si>
  <si>
    <t>有限会社　一空調</t>
  </si>
  <si>
    <t>有限会社一空調</t>
  </si>
  <si>
    <t>保土ケ谷区峰沢町258-42</t>
  </si>
  <si>
    <t>045-442-3971</t>
  </si>
  <si>
    <t>第１－１２２３号</t>
  </si>
  <si>
    <t>三菱重工冷熱　株式会社</t>
  </si>
  <si>
    <t>三菱重工冷熱株式会社　東京第一事業所</t>
  </si>
  <si>
    <t>03-5735-7636</t>
  </si>
  <si>
    <t>三菱重工冷熱株式会社　東京第二事業所</t>
  </si>
  <si>
    <t>03-5735-7639</t>
  </si>
  <si>
    <t>三菱重工冷熱株式会社　大和事業所</t>
  </si>
  <si>
    <t>中央林間七丁目8番1号</t>
  </si>
  <si>
    <t>046-272-3032</t>
  </si>
  <si>
    <t>旭区二俣川2-85-3</t>
  </si>
  <si>
    <t>第１－１２３５号</t>
  </si>
  <si>
    <t>株式会社　エイリイ・エンジニアリング</t>
  </si>
  <si>
    <t>株式会社エイリイ・エンジニアリング</t>
  </si>
  <si>
    <t>飯能市</t>
  </si>
  <si>
    <t>大字双柳1054番地</t>
  </si>
  <si>
    <t>042-983-1701</t>
  </si>
  <si>
    <t>第１－１２３８号</t>
  </si>
  <si>
    <t>丸石テクノ　株式会社</t>
  </si>
  <si>
    <t>丸石テクノ株式会社　東京支店</t>
  </si>
  <si>
    <t>03-5698-7214</t>
  </si>
  <si>
    <t>第１－１２３９号</t>
  </si>
  <si>
    <t>山三電機　株式会社</t>
  </si>
  <si>
    <t>山三電機株式会社　神奈川支店</t>
  </si>
  <si>
    <t>中央区田名4048-55</t>
  </si>
  <si>
    <t>042-713-3591</t>
  </si>
  <si>
    <t>第１－１２４０号</t>
  </si>
  <si>
    <t>有限会社　中山空調設備</t>
  </si>
  <si>
    <t>有限会社中山空調設備</t>
  </si>
  <si>
    <t>旭区善部町8-13</t>
  </si>
  <si>
    <t>045-362-6473</t>
  </si>
  <si>
    <t>第１－１２４４号</t>
  </si>
  <si>
    <t>有限会社　幸凌冷熱</t>
  </si>
  <si>
    <t>有限会社幸凌冷熱</t>
  </si>
  <si>
    <t>里1066-3</t>
  </si>
  <si>
    <t>第１－１２４６号</t>
  </si>
  <si>
    <t>株式会社　神奈川産業</t>
  </si>
  <si>
    <t>株式会社神奈川産業</t>
  </si>
  <si>
    <t>南区井土ケ谷下町22番地7</t>
  </si>
  <si>
    <t>045-716-1350</t>
  </si>
  <si>
    <t>第１－１２５０号</t>
  </si>
  <si>
    <t>庄司　信和</t>
  </si>
  <si>
    <t>司冷暖サービス</t>
  </si>
  <si>
    <t>武蔵野2丁目24-13</t>
  </si>
  <si>
    <t>042-511-3954</t>
  </si>
  <si>
    <t>第１－１２５１号</t>
  </si>
  <si>
    <t>北菱冷熱　株式会社</t>
  </si>
  <si>
    <t>北菱冷熱株式会社</t>
  </si>
  <si>
    <t>赤坂2-16-9</t>
  </si>
  <si>
    <t>03-3584-7110</t>
  </si>
  <si>
    <t>第１－１２５４号</t>
  </si>
  <si>
    <t>有限会社　エアライズ</t>
  </si>
  <si>
    <t>有限会社エアライズ</t>
  </si>
  <si>
    <t>つくば市</t>
  </si>
  <si>
    <t>平沢617番地</t>
  </si>
  <si>
    <t>029-867-2658</t>
  </si>
  <si>
    <t>第１－１２５７号</t>
  </si>
  <si>
    <t>有限会社　サンキュー</t>
  </si>
  <si>
    <t>有限会社サンキュー</t>
  </si>
  <si>
    <t>芝塚原2-21-15</t>
  </si>
  <si>
    <t>048-268-1895</t>
  </si>
  <si>
    <t>第１－１２５８号</t>
  </si>
  <si>
    <t>株式会社　環境研二十一</t>
  </si>
  <si>
    <t>株式会社環境研二十一</t>
  </si>
  <si>
    <t>新宿4-3-11</t>
  </si>
  <si>
    <t>03-5660-0617</t>
  </si>
  <si>
    <t>第１－１２５９号</t>
  </si>
  <si>
    <t>株式会社　関東日立</t>
  </si>
  <si>
    <t>株式会社関東日立　板橋サービスセンター</t>
  </si>
  <si>
    <t>舟渡1丁目18番17号</t>
  </si>
  <si>
    <t>03-3969-4551</t>
  </si>
  <si>
    <t>株式会社関東日立　山梨支社</t>
  </si>
  <si>
    <t>上今井町753番地</t>
  </si>
  <si>
    <t>055-241-5111</t>
  </si>
  <si>
    <t>株式会社関東日立　神奈川サービスセンター</t>
  </si>
  <si>
    <t>鶴見区駒岡5-18-15</t>
  </si>
  <si>
    <t>045-572-8712</t>
  </si>
  <si>
    <t>株式会社関東日立　北関東支社別館</t>
  </si>
  <si>
    <t>北区宮原町4丁目58番地8</t>
  </si>
  <si>
    <t>048-651-0600</t>
  </si>
  <si>
    <t>第１－１２６１号</t>
  </si>
  <si>
    <t>日野金属産業　株式会社</t>
  </si>
  <si>
    <t>日野金属産業株式会社　神奈川事業所</t>
  </si>
  <si>
    <t>愛川町中津6827-1</t>
  </si>
  <si>
    <t>046-284-3545</t>
  </si>
  <si>
    <t>第１－１２６４号</t>
  </si>
  <si>
    <t>有限会社　南冷暖</t>
  </si>
  <si>
    <t>有限会社南冷暖</t>
  </si>
  <si>
    <t>港南区野庭町395番地2</t>
  </si>
  <si>
    <t>045-842-6608</t>
  </si>
  <si>
    <t>第１－１２７５号</t>
  </si>
  <si>
    <t>有限会社　名越空調工業</t>
  </si>
  <si>
    <t>有限会社名越空調工業</t>
  </si>
  <si>
    <t>神奈川区神大寺2-33-22</t>
  </si>
  <si>
    <t>045-481-6385</t>
  </si>
  <si>
    <t>第１－１２７６号</t>
  </si>
  <si>
    <t>沼田　和美</t>
  </si>
  <si>
    <t>沼田平和商会</t>
  </si>
  <si>
    <t>栄区野七里1-2-25-2533</t>
  </si>
  <si>
    <t>第１－１２７７号</t>
  </si>
  <si>
    <t>ヤマト科学　株式会社</t>
  </si>
  <si>
    <t>ヤマト科学株式会社</t>
  </si>
  <si>
    <t>愛川町中津4008番</t>
  </si>
  <si>
    <t>046-285-6831</t>
  </si>
  <si>
    <t>第１－１２８０号</t>
  </si>
  <si>
    <t>株式会社　アクアテック</t>
  </si>
  <si>
    <t>株式会社アクアテック</t>
  </si>
  <si>
    <t>中巨摩郡</t>
  </si>
  <si>
    <t>昭和町河西1639番地10</t>
  </si>
  <si>
    <t>055-275-0900</t>
  </si>
  <si>
    <t>株式会社アクアテック　東京支店</t>
  </si>
  <si>
    <t>西新宿4-13-7　ﾗｲｵﾝｽﾞﾏﾝｼｮﾝ西新宿第六　1階</t>
  </si>
  <si>
    <t>03-3379-8122</t>
  </si>
  <si>
    <t>第１－１２８１号</t>
  </si>
  <si>
    <t>株式会社　ヤマト環境技術研究所</t>
  </si>
  <si>
    <t>株式会社ヤマト環境技術研究所</t>
  </si>
  <si>
    <t>愛川町中津4008番地</t>
  </si>
  <si>
    <t>046-285-8861</t>
  </si>
  <si>
    <t>第１－１２８２号</t>
  </si>
  <si>
    <t>株式会社　共栄商会</t>
  </si>
  <si>
    <t>株式会社共栄商会</t>
  </si>
  <si>
    <t>南区永田台17-10</t>
  </si>
  <si>
    <t>045-741-5553</t>
  </si>
  <si>
    <t>第１－１２８３号</t>
  </si>
  <si>
    <t>有限会社　エーワイサービス</t>
  </si>
  <si>
    <t>有限会社エーワイサービス</t>
  </si>
  <si>
    <t>中央区都町5-26-46</t>
  </si>
  <si>
    <t>043-214-7055</t>
  </si>
  <si>
    <t>第１－１２８５号</t>
  </si>
  <si>
    <t>株式会社　新日本空調サービス東京</t>
  </si>
  <si>
    <t>株式会社新日本空調サービス東京</t>
  </si>
  <si>
    <t>三田4丁目10番4号</t>
  </si>
  <si>
    <t>株式会社新日本空調サービス東京　横浜営業所</t>
  </si>
  <si>
    <t>神奈川区子安通3‐393　新子安ダイヤモンドマンション102号室</t>
  </si>
  <si>
    <t>第１－１２８６号</t>
  </si>
  <si>
    <t>エクセレント・リペア　株式会社</t>
  </si>
  <si>
    <t>エクセレント・リペア株式会社</t>
  </si>
  <si>
    <t>緑一丁目1番13号</t>
  </si>
  <si>
    <t>03-6659-6353</t>
  </si>
  <si>
    <t>第１－１２９１号</t>
  </si>
  <si>
    <t>株式会社　冷研エンジニアリング</t>
  </si>
  <si>
    <t>株式会社冷研エンジニアリング</t>
  </si>
  <si>
    <t>花見川区大日町1275</t>
  </si>
  <si>
    <t>043-257-1480</t>
  </si>
  <si>
    <t>第１－１２９４号</t>
  </si>
  <si>
    <t>有限会社　トークリン</t>
  </si>
  <si>
    <t>有限会社トークリン</t>
  </si>
  <si>
    <t>池上5-6-12</t>
  </si>
  <si>
    <t>第１－１２９６号</t>
  </si>
  <si>
    <t>株式会社　菊池空調</t>
  </si>
  <si>
    <t>株式会社菊池空調</t>
  </si>
  <si>
    <t>瀬崎2丁目6番18号　サラギクビル</t>
  </si>
  <si>
    <t>第１－１２９７号</t>
  </si>
  <si>
    <t>株式会社　ハイテック</t>
  </si>
  <si>
    <t>株式会社ハイテック　町田事業所</t>
  </si>
  <si>
    <t>鶴間6-25-11</t>
  </si>
  <si>
    <t>042-706-8109</t>
  </si>
  <si>
    <t>第１－１２９８号</t>
  </si>
  <si>
    <t>株式会社　八起エンジニアリングサービス</t>
  </si>
  <si>
    <t>株式会社八起エンジニアリングサービス</t>
  </si>
  <si>
    <t>栄区長沼町284番地1</t>
  </si>
  <si>
    <t>045-865-6400</t>
  </si>
  <si>
    <t>第１－１２９９号</t>
  </si>
  <si>
    <t>株式会社　エコ・プラン</t>
  </si>
  <si>
    <t>株式会社エコ・プラン　杉並ＣＫテクニカルセンター</t>
  </si>
  <si>
    <t>高円寺北2-29-14伊藤第二ビル1Ｆ</t>
  </si>
  <si>
    <t>050-5519-3305</t>
  </si>
  <si>
    <t>株式会社エコ・プラン　多摩ＣＫテクニカルセンター</t>
  </si>
  <si>
    <t>東長沼197-1Ｋビル1,2Ｆ</t>
  </si>
  <si>
    <t>050-5519-3311</t>
  </si>
  <si>
    <t>株式会社エコ・プラン　三郷ＣＫテクニカルセンター</t>
  </si>
  <si>
    <t>三郷市</t>
  </si>
  <si>
    <t>谷口523-11</t>
  </si>
  <si>
    <t>050-5519-3310</t>
  </si>
  <si>
    <t>株式会社エコ・プラン　横浜ＣＫテクニカルセンター</t>
  </si>
  <si>
    <t>保土ケ谷区今井町537相企第5ビル</t>
  </si>
  <si>
    <t>050-5519-3307</t>
  </si>
  <si>
    <t>第１－１３００号</t>
  </si>
  <si>
    <t>飯塚　松夫</t>
  </si>
  <si>
    <t>飯塚　松夫</t>
  </si>
  <si>
    <t>下丸子3-27-19</t>
  </si>
  <si>
    <t>03-3759-2786</t>
  </si>
  <si>
    <t>第１－１３０７号</t>
  </si>
  <si>
    <t>有限会社　プライムス</t>
  </si>
  <si>
    <t>有限会社プライムス</t>
  </si>
  <si>
    <t>大蛇町581番地18</t>
  </si>
  <si>
    <t>043-483-2179</t>
  </si>
  <si>
    <t>第１－１３０９号</t>
  </si>
  <si>
    <t>有限会社　オサデン</t>
  </si>
  <si>
    <t>有限会社オサデン</t>
  </si>
  <si>
    <t>中原区上新城2－12－22ドエルパープルⅡ　B1</t>
  </si>
  <si>
    <t>044-798-8511</t>
  </si>
  <si>
    <t>第１－１３１３号</t>
  </si>
  <si>
    <t>環境機器サービス　有限会社</t>
  </si>
  <si>
    <t>環境機器サービス有限会社</t>
  </si>
  <si>
    <t>大字新曽2245番地の6</t>
  </si>
  <si>
    <t>048-420-7811</t>
  </si>
  <si>
    <t>第１－１３１４号</t>
  </si>
  <si>
    <t>リジョー　株式会社</t>
  </si>
  <si>
    <t>リジョー株式会社　横浜営業所</t>
  </si>
  <si>
    <t>港北区小机町560</t>
  </si>
  <si>
    <t>045-473-4428</t>
  </si>
  <si>
    <t>第１－１３１６号</t>
  </si>
  <si>
    <t>株式会社　クリエイト</t>
  </si>
  <si>
    <t>株式会社クリエイト</t>
  </si>
  <si>
    <t>久喜市</t>
  </si>
  <si>
    <t>間鎌314番地１</t>
  </si>
  <si>
    <t>0480-52-7831</t>
  </si>
  <si>
    <t>第１－１３１９号</t>
  </si>
  <si>
    <t>有限会社　後藤設備</t>
  </si>
  <si>
    <t>有限会社後藤設備</t>
  </si>
  <si>
    <t>緑区三保町885番地4</t>
  </si>
  <si>
    <t>045-939-3298</t>
  </si>
  <si>
    <t>第１－１３２２号</t>
  </si>
  <si>
    <t>竹内　明人</t>
  </si>
  <si>
    <t>竹之内工業所</t>
  </si>
  <si>
    <t>多摩区菅仙谷3-5-7</t>
  </si>
  <si>
    <t>第１－１３２３号</t>
  </si>
  <si>
    <t>有限会社　アート空調工業</t>
  </si>
  <si>
    <t>有限会社アート空調工業</t>
  </si>
  <si>
    <t>緑区鴨居4-55-1-605</t>
  </si>
  <si>
    <t>045-929-5607</t>
  </si>
  <si>
    <t>第１－１３２４号</t>
  </si>
  <si>
    <t>有限会社　北山冷熱</t>
  </si>
  <si>
    <t>有限会社北山冷熱</t>
  </si>
  <si>
    <t>中台2-18-4</t>
  </si>
  <si>
    <t>第１－１３２５号</t>
  </si>
  <si>
    <t>株式会社　エム・ゼット</t>
  </si>
  <si>
    <t>株式会社エム・ゼット</t>
  </si>
  <si>
    <t>越谷市</t>
  </si>
  <si>
    <t>南荻島1512番地1</t>
  </si>
  <si>
    <t>048-970-7077</t>
  </si>
  <si>
    <t>第１－１３２６号</t>
  </si>
  <si>
    <t>藤野空調　株式会社</t>
  </si>
  <si>
    <t>藤野空調株式会社</t>
  </si>
  <si>
    <t>福住1-5-2</t>
  </si>
  <si>
    <t>03-3641-5494</t>
  </si>
  <si>
    <t>第１－１３２９号</t>
  </si>
  <si>
    <t>株式会社　ユウサービス</t>
  </si>
  <si>
    <t>株式会社ユウサービス</t>
  </si>
  <si>
    <t>保土ヶ谷区新井町165-3</t>
  </si>
  <si>
    <t>045-827-3228</t>
  </si>
  <si>
    <t>第１－１３３４号</t>
  </si>
  <si>
    <t>有限会社　横浜リョウユウ設備</t>
  </si>
  <si>
    <t>有限会社横浜リョウユウ設備</t>
  </si>
  <si>
    <t>瀬谷区二ツ橋町386-4 マルヤスビル501号</t>
  </si>
  <si>
    <t>045-489-9041</t>
  </si>
  <si>
    <t>第１－１３３５号</t>
  </si>
  <si>
    <t>株式会社　カンレイ工業</t>
  </si>
  <si>
    <t>株式会社カンレイ工業</t>
  </si>
  <si>
    <t>花畑1-3-7</t>
  </si>
  <si>
    <t>03-3883-3034</t>
  </si>
  <si>
    <t>第１－１３３６号</t>
  </si>
  <si>
    <t>株式会社　サイテック</t>
  </si>
  <si>
    <t>株式会社サイテック</t>
  </si>
  <si>
    <t>旭区小高町10番地1</t>
  </si>
  <si>
    <t>045-371-9305</t>
  </si>
  <si>
    <t>第１－１３３７号</t>
  </si>
  <si>
    <t>日本フリーザー　株式会社</t>
  </si>
  <si>
    <t>日本フリーザー株式会社　埼玉工場</t>
  </si>
  <si>
    <t>青柳4丁目29番6号</t>
  </si>
  <si>
    <t>048-933-2755</t>
  </si>
  <si>
    <t>日本フリーザー株式会社　神奈川営業所</t>
  </si>
  <si>
    <t>鵠沼神明2丁目1-2　神明商事ビル3階</t>
  </si>
  <si>
    <t>0466-29-0701</t>
  </si>
  <si>
    <t>第１－１３３９号</t>
  </si>
  <si>
    <t>蟹井　伸章</t>
  </si>
  <si>
    <t>カニイ空調工業</t>
  </si>
  <si>
    <t>栄町28-6</t>
  </si>
  <si>
    <t>03-3927-9517</t>
  </si>
  <si>
    <t>第１－１３４０号</t>
  </si>
  <si>
    <t>株式会社　冷空サービス</t>
  </si>
  <si>
    <t>株式会社冷空サービス</t>
  </si>
  <si>
    <t>富士宮市</t>
  </si>
  <si>
    <t>小泉2410-21</t>
  </si>
  <si>
    <t>0544-26-4285</t>
  </si>
  <si>
    <t>第１－１３４１号</t>
  </si>
  <si>
    <t>有限会社　セイワ空調</t>
  </si>
  <si>
    <t>有限会社セイワ空調</t>
  </si>
  <si>
    <t>保土ケ谷区保土ケ谷町1-44</t>
  </si>
  <si>
    <t>045-714-6077</t>
  </si>
  <si>
    <t>第１－１３４２号</t>
  </si>
  <si>
    <t>城西冷暖工業　株式会社</t>
  </si>
  <si>
    <t>城西冷暖工業株式会社</t>
  </si>
  <si>
    <t>本町5-26-4</t>
  </si>
  <si>
    <t>03-3370-5777</t>
  </si>
  <si>
    <t>第１－１３４３号</t>
  </si>
  <si>
    <t>ゼネラルヒートポンプ工業　株式会社</t>
  </si>
  <si>
    <t>ゼネラルヒートポンプ工業株式会社</t>
  </si>
  <si>
    <t>緑区大高町字己新田121番地</t>
  </si>
  <si>
    <t>052-624-6368</t>
  </si>
  <si>
    <t>第１－１３４４号</t>
  </si>
  <si>
    <t>有限会社　ヒサヨシ企業</t>
  </si>
  <si>
    <t>有限会社ヒサヨシ企業</t>
  </si>
  <si>
    <t>港北区綱島東5-9-12</t>
  </si>
  <si>
    <t>045-543-8137</t>
  </si>
  <si>
    <t>第１－１３４５号</t>
  </si>
  <si>
    <t>株式会社　アクティ</t>
  </si>
  <si>
    <t>株式会社アクティ</t>
  </si>
  <si>
    <t>青葉区松風台46番12</t>
  </si>
  <si>
    <t>第１－１３４６号</t>
  </si>
  <si>
    <t>有限会社　エイデン</t>
  </si>
  <si>
    <t>有限会社エイデン</t>
  </si>
  <si>
    <t>戸塚区名瀬町2950-13</t>
  </si>
  <si>
    <t>045-812-6659</t>
  </si>
  <si>
    <t>第１－１３４７号</t>
  </si>
  <si>
    <t>トーケンサービス　株式会社</t>
  </si>
  <si>
    <t>トーケンサービス株式会社</t>
  </si>
  <si>
    <t>市川2-1-1-204</t>
  </si>
  <si>
    <t>047-329-3144</t>
  </si>
  <si>
    <t>第１－１３５２号</t>
  </si>
  <si>
    <t>有限会社　城北空調</t>
  </si>
  <si>
    <t>有限会社城北空調</t>
  </si>
  <si>
    <t>東十条5丁目14番12号</t>
  </si>
  <si>
    <t>03-5249-1541</t>
  </si>
  <si>
    <t>第１－１３５３号</t>
  </si>
  <si>
    <t>有限会社　アンリ空調設備</t>
  </si>
  <si>
    <t>有限会社アンリ空調設備</t>
  </si>
  <si>
    <t>南沢4丁目7番56号</t>
  </si>
  <si>
    <t>042-453-5300</t>
  </si>
  <si>
    <t>第１－１３５５号</t>
  </si>
  <si>
    <t>アシストテック　株式会社</t>
  </si>
  <si>
    <t>アシストテック株式会社</t>
  </si>
  <si>
    <t>潤井戸1354-8</t>
  </si>
  <si>
    <t>0436-76-7600</t>
  </si>
  <si>
    <t>第１－１３５８号</t>
  </si>
  <si>
    <t>株式会社　西尾電設</t>
  </si>
  <si>
    <t>株式会社西尾電設</t>
  </si>
  <si>
    <t>中区麦田町三丁目85番</t>
  </si>
  <si>
    <t>045-625-0304</t>
  </si>
  <si>
    <t>第１－１３５９号</t>
  </si>
  <si>
    <t>株式会社　明和エンジニアリング</t>
  </si>
  <si>
    <t>株式会社明和エンジニアリング</t>
  </si>
  <si>
    <t>ふじみ野市</t>
  </si>
  <si>
    <t>大井837-20</t>
  </si>
  <si>
    <t>049-278-5892</t>
  </si>
  <si>
    <t>第１－１３６０号</t>
  </si>
  <si>
    <t>藤田テクノ　株式会社</t>
  </si>
  <si>
    <t>藤田テクノ株式会社</t>
  </si>
  <si>
    <t>高崎市</t>
  </si>
  <si>
    <t>飯塚町1174-5</t>
  </si>
  <si>
    <t>027-361-8111</t>
  </si>
  <si>
    <t>藤田テクノ株式会社　太田支店</t>
  </si>
  <si>
    <t>小舞木町361-1</t>
  </si>
  <si>
    <t>0276-46-1348</t>
  </si>
  <si>
    <t>藤田テクノ株式会社　埼玉支店</t>
  </si>
  <si>
    <t>鶴ヶ島市</t>
  </si>
  <si>
    <t>上広谷799-48</t>
  </si>
  <si>
    <t>049-279-3011</t>
  </si>
  <si>
    <t>第１－１３６１号</t>
  </si>
  <si>
    <t>株式会社　中央</t>
  </si>
  <si>
    <t>株式会社中央</t>
  </si>
  <si>
    <t>成田東2丁目15番12号</t>
  </si>
  <si>
    <t>03-3313-7411</t>
  </si>
  <si>
    <t>第１－１３６２号</t>
  </si>
  <si>
    <t>株式会社　菅熱学社</t>
  </si>
  <si>
    <t>株式会社菅熱学社</t>
  </si>
  <si>
    <t>等々力3-7-1</t>
  </si>
  <si>
    <t>第１－１３６３号</t>
  </si>
  <si>
    <t>東名空調サービス　株式会社</t>
  </si>
  <si>
    <t>東名空調サービス株式会社　静岡営業所</t>
  </si>
  <si>
    <t>駿河区登呂6丁目15番19号</t>
  </si>
  <si>
    <t>054-654-5900</t>
  </si>
  <si>
    <t>第１－１３７４号</t>
  </si>
  <si>
    <t>株式会社　アクセル</t>
  </si>
  <si>
    <t>株式会社アクセル</t>
  </si>
  <si>
    <t>横川町1118-1　ウッドストーンⅡ-102</t>
  </si>
  <si>
    <t>第１－１３７５号</t>
  </si>
  <si>
    <t>株式会社　エムテック</t>
  </si>
  <si>
    <t>株式会社エムテック</t>
  </si>
  <si>
    <t>青柳八丁目14番32号</t>
  </si>
  <si>
    <t>048-931-0015</t>
  </si>
  <si>
    <t>第１－１３７６号</t>
  </si>
  <si>
    <t>有限会社　大竹冷機</t>
  </si>
  <si>
    <t>有限会社大竹冷機</t>
  </si>
  <si>
    <t>都筑区池辺町4707</t>
  </si>
  <si>
    <t>045-938-0775</t>
  </si>
  <si>
    <t>第１－１３７７号</t>
  </si>
  <si>
    <t>伯東　株式会社</t>
  </si>
  <si>
    <t>伯東株式会社　伊勢原事業所</t>
  </si>
  <si>
    <t>鈴川42</t>
  </si>
  <si>
    <t>0463-94-8910</t>
  </si>
  <si>
    <t>第１－１３７９号</t>
  </si>
  <si>
    <t>株式会社　のぼり</t>
  </si>
  <si>
    <t>株式会社のぼり</t>
  </si>
  <si>
    <t>港北区仲手原2-40-27</t>
  </si>
  <si>
    <t>045-432-7002</t>
  </si>
  <si>
    <t>第１－１３８０号</t>
  </si>
  <si>
    <t>中村　秀巳</t>
  </si>
  <si>
    <t>ナカムラ空調</t>
  </si>
  <si>
    <t>宮前区宮崎3-11-9 レイメイ宮崎台403</t>
  </si>
  <si>
    <t>044-866-9765</t>
  </si>
  <si>
    <t>第１－１３８１号</t>
  </si>
  <si>
    <t>有限会社　平成空調工業</t>
  </si>
  <si>
    <t>有限会社平成空調工業</t>
  </si>
  <si>
    <t>南葛西6-18-1-605</t>
  </si>
  <si>
    <t>03-3877-2084</t>
  </si>
  <si>
    <t>第１－１３８２号</t>
  </si>
  <si>
    <t>株式会社　アイジック</t>
  </si>
  <si>
    <t>株式会社アイジック</t>
  </si>
  <si>
    <t>松本1丁目13-14</t>
  </si>
  <si>
    <t>03-5879-4117</t>
  </si>
  <si>
    <t>第１－１３８３号</t>
  </si>
  <si>
    <t>有限会社　光和冷熱</t>
  </si>
  <si>
    <t>有限会社光和冷熱</t>
  </si>
  <si>
    <t>豊野町1-5-5</t>
  </si>
  <si>
    <t>048-797-6840</t>
  </si>
  <si>
    <t>第１－１３８５号</t>
  </si>
  <si>
    <t>中央　株式会社</t>
  </si>
  <si>
    <t>中央株式会社</t>
  </si>
  <si>
    <t>深大寺東町5-15-29</t>
  </si>
  <si>
    <t>042-441-6755</t>
  </si>
  <si>
    <t>第１－１３８７号</t>
  </si>
  <si>
    <t>株式会社　コールドサービス</t>
  </si>
  <si>
    <t>株式会社コールドサービス</t>
  </si>
  <si>
    <t>鶴見区鶴見中央5-4-10-602</t>
  </si>
  <si>
    <t>045-521-5033</t>
  </si>
  <si>
    <t>第１－１３８９号</t>
  </si>
  <si>
    <t>有限会社　クリーン空調</t>
  </si>
  <si>
    <t>有限会社クリーン空調</t>
  </si>
  <si>
    <t>田方郡</t>
  </si>
  <si>
    <t>函南町柏谷816番地の5</t>
  </si>
  <si>
    <t>055-970-2117</t>
  </si>
  <si>
    <t>第１－１３９０号</t>
  </si>
  <si>
    <t>株式会社　ＯＳ</t>
  </si>
  <si>
    <t>株式会社ＯＳ</t>
  </si>
  <si>
    <t>中央1-6-7</t>
  </si>
  <si>
    <t>048-999-1181</t>
  </si>
  <si>
    <t>第１－１３９１号</t>
  </si>
  <si>
    <t>有限会社　メイト空調サービス</t>
  </si>
  <si>
    <t>有限会社メイト空調サービス</t>
  </si>
  <si>
    <t>谷保7-18-12</t>
  </si>
  <si>
    <t>042-573-6789</t>
  </si>
  <si>
    <t>第１－１３９２号</t>
  </si>
  <si>
    <t>大倉商工　株式会社</t>
  </si>
  <si>
    <t>大倉商工株式会社　本社</t>
  </si>
  <si>
    <t>羽田1-7-12</t>
  </si>
  <si>
    <t>03-6311-9628</t>
  </si>
  <si>
    <t>第１－１３９５号</t>
  </si>
  <si>
    <t>有限会社　サンヨ空調</t>
  </si>
  <si>
    <t>有限会社サンヨ空調</t>
  </si>
  <si>
    <t>青葉台2丁目16-10</t>
  </si>
  <si>
    <t>第１－１３９８号</t>
  </si>
  <si>
    <t>三笠総業　株式会社</t>
  </si>
  <si>
    <t>三笠総業株式会社</t>
  </si>
  <si>
    <t>王子本町2丁目26番3号</t>
  </si>
  <si>
    <t>03-3905-1116</t>
  </si>
  <si>
    <t>第１－１４０２号</t>
  </si>
  <si>
    <t>三洋商事　株式会社</t>
  </si>
  <si>
    <t>三洋商事株式会社　大阪リサイクルセンター</t>
  </si>
  <si>
    <t>東大阪市</t>
  </si>
  <si>
    <t>菱江二丁目4番10号</t>
  </si>
  <si>
    <t>072-961-6043</t>
  </si>
  <si>
    <t>三洋商事株式会社　奈良リサイクルセンター</t>
  </si>
  <si>
    <t>奈良県</t>
  </si>
  <si>
    <t>奈良市</t>
  </si>
  <si>
    <t>藺生町432番1号</t>
  </si>
  <si>
    <t>0743-82-1162</t>
  </si>
  <si>
    <t>三洋商事株式会社　東京リサイクルセンター</t>
  </si>
  <si>
    <t>東葛西三丁目17番41号</t>
  </si>
  <si>
    <t>03-6808-2171</t>
  </si>
  <si>
    <t>三洋商事株式会社　仙台リサイクルセンター</t>
  </si>
  <si>
    <t>宮城県</t>
  </si>
  <si>
    <t>仙台市</t>
  </si>
  <si>
    <t>宮城野区蒲生3丁目8番地の1</t>
  </si>
  <si>
    <t>022-355-8068</t>
  </si>
  <si>
    <t>第１－１４０３号</t>
  </si>
  <si>
    <t>ジョンソンコントロールズ　株式会社</t>
  </si>
  <si>
    <t>ジョンソンコントロールズ株式会社</t>
  </si>
  <si>
    <t>笹塚1-50-1　笹塚ＮＡビル</t>
  </si>
  <si>
    <t>03-5738-6100</t>
  </si>
  <si>
    <t>ジョンソンコントロールズ株式会社　神戸事業所</t>
  </si>
  <si>
    <t>神戸市</t>
  </si>
  <si>
    <t>西区伊川谷町有瀬1136-1</t>
  </si>
  <si>
    <t>078-995-5893</t>
  </si>
  <si>
    <t>第１－１４０５号</t>
  </si>
  <si>
    <t>有限会社　塚原電機</t>
  </si>
  <si>
    <t>有限会社塚原電機</t>
  </si>
  <si>
    <t>徳川町280-1</t>
  </si>
  <si>
    <t>0276-52-4691</t>
  </si>
  <si>
    <t>第１－１４０９号</t>
  </si>
  <si>
    <t>有限会社　玉木冷機工業所</t>
  </si>
  <si>
    <t>有限会社玉木冷機工業所</t>
  </si>
  <si>
    <t>上一色3丁目27番1号</t>
  </si>
  <si>
    <t>03-3654-4374</t>
  </si>
  <si>
    <t>第１－１４１０号</t>
  </si>
  <si>
    <t>ウイスタリヤ冷凍機工業　有限会社</t>
  </si>
  <si>
    <t>ウイスタリヤ冷凍機工業有限会社</t>
  </si>
  <si>
    <t>荒川6丁目53番1号</t>
  </si>
  <si>
    <t>03-3892-4020</t>
  </si>
  <si>
    <t>第１－１４１１号</t>
  </si>
  <si>
    <t>有限会社　雅クラフト</t>
  </si>
  <si>
    <t>有限会社雅クラフト</t>
  </si>
  <si>
    <t>宮前区犬蔵1-37-30</t>
  </si>
  <si>
    <t>第１－１４１２号</t>
  </si>
  <si>
    <t>有限会社　多摩コールドサービス</t>
  </si>
  <si>
    <t>有限会社多摩コールドサービス</t>
  </si>
  <si>
    <t>中原1-22-1</t>
  </si>
  <si>
    <t>042-520-1896</t>
  </si>
  <si>
    <t>第１－１４１７号</t>
  </si>
  <si>
    <t>株式会社　トライ</t>
  </si>
  <si>
    <t>株式会社トライ</t>
  </si>
  <si>
    <t>東上野五丁目1番3号　第2稲荷町ビル3階</t>
  </si>
  <si>
    <t>03-6231-7407</t>
  </si>
  <si>
    <t>株式会社トライ　さいたま支店</t>
  </si>
  <si>
    <t>北区吉野町一丁目4番地4</t>
  </si>
  <si>
    <t>048-654-6603</t>
  </si>
  <si>
    <t>第１－１４２２号</t>
  </si>
  <si>
    <t>株式会社　Ｓａｎｓｅｉ</t>
  </si>
  <si>
    <t>株式会社Ｓａｎｓｅｉ</t>
  </si>
  <si>
    <t>都筑区南山田3-1-28</t>
  </si>
  <si>
    <t>045-594-3851</t>
  </si>
  <si>
    <t>第１－１４２７号</t>
  </si>
  <si>
    <t>望月　喜代治</t>
  </si>
  <si>
    <t>望月設備</t>
  </si>
  <si>
    <t>緑区三室981-22</t>
  </si>
  <si>
    <t>048-874-1299</t>
  </si>
  <si>
    <t>第１－１４３０号</t>
  </si>
  <si>
    <t>有限会社　青木空調設備</t>
  </si>
  <si>
    <t>有限会社青木空調設備</t>
  </si>
  <si>
    <t>豊島1丁目39番12号</t>
  </si>
  <si>
    <t>03-3912-6365</t>
  </si>
  <si>
    <t>第１－１４３１号</t>
  </si>
  <si>
    <t>エーワンエンジニアリング　株式会社</t>
  </si>
  <si>
    <t>エーワンエンジニアリング株式会社</t>
  </si>
  <si>
    <t>大泉町4-19-14</t>
  </si>
  <si>
    <t>03-3923-9251</t>
  </si>
  <si>
    <t>第１－１４３４号</t>
  </si>
  <si>
    <t>有限会社　協明電業社</t>
  </si>
  <si>
    <t>有限会社協明電業社</t>
  </si>
  <si>
    <t>江戸川3-19-70</t>
  </si>
  <si>
    <t>03-6638-6986</t>
  </si>
  <si>
    <t>第１－１４３６号</t>
  </si>
  <si>
    <t>クリスタルエンジニアリング　株式会社</t>
  </si>
  <si>
    <t>クリスタルエンジニアリング株式会社</t>
  </si>
  <si>
    <t>青葉区美しが丘一丁目11番地11　美しが丘マンションA-1</t>
  </si>
  <si>
    <t>045-905-1711</t>
  </si>
  <si>
    <t>第１－１４３９号</t>
  </si>
  <si>
    <t>株式会社　完山金属</t>
  </si>
  <si>
    <t>株式会社完山金属　町田営業所</t>
  </si>
  <si>
    <t>相原町4911</t>
  </si>
  <si>
    <t>042-783-5780</t>
  </si>
  <si>
    <t>第１－１４４０号</t>
  </si>
  <si>
    <t>ビィトップ　有限会社</t>
  </si>
  <si>
    <t>ビィトップ有限会社</t>
  </si>
  <si>
    <t>旭区今宿西町370番24</t>
  </si>
  <si>
    <t>第１－１４４３号</t>
  </si>
  <si>
    <t>株式会社　エコ・ベスト</t>
  </si>
  <si>
    <t>株式会社エコ・ベスト</t>
  </si>
  <si>
    <t>狭山市</t>
  </si>
  <si>
    <t>入間川3174-5</t>
  </si>
  <si>
    <t>04-2950-7711</t>
  </si>
  <si>
    <t>第１－１４４６号</t>
  </si>
  <si>
    <t>朋和技研工業　株式会社</t>
  </si>
  <si>
    <t>朋和技研工業株式会社</t>
  </si>
  <si>
    <t>中区金山五丁目10番18号</t>
  </si>
  <si>
    <t>052-882-3141</t>
  </si>
  <si>
    <t>第１－１４４８号</t>
  </si>
  <si>
    <t>小曳　浩志</t>
  </si>
  <si>
    <t>コビキ冷熱</t>
  </si>
  <si>
    <t>長栄4丁目35番地3</t>
  </si>
  <si>
    <t>048-943-4718</t>
  </si>
  <si>
    <t>第１－１４４９号</t>
  </si>
  <si>
    <t>株式会社　前川製作所</t>
  </si>
  <si>
    <t>株式会社前川製作所　本社</t>
  </si>
  <si>
    <t>牡丹三丁目14番15号</t>
  </si>
  <si>
    <t>03-3642-8181</t>
  </si>
  <si>
    <t>株式会社前川製作所　横浜営業所</t>
  </si>
  <si>
    <t>保土ケ谷区岡沢町288-36</t>
  </si>
  <si>
    <t>045-338-1743</t>
  </si>
  <si>
    <t>株式会社前川製作所　千葉営業所</t>
  </si>
  <si>
    <t>旭五所5-9</t>
  </si>
  <si>
    <t>0436-44-8155</t>
  </si>
  <si>
    <t>株式会社前川製作所　守谷工場</t>
  </si>
  <si>
    <t>守谷市</t>
  </si>
  <si>
    <t>立沢2000</t>
  </si>
  <si>
    <t>0297-48-1361</t>
  </si>
  <si>
    <t>第１－１４５１号</t>
  </si>
  <si>
    <t>オリオン熱学　株式会社</t>
  </si>
  <si>
    <t>オリオン熱学株式会社</t>
  </si>
  <si>
    <t>長野県</t>
  </si>
  <si>
    <t>長野市</t>
  </si>
  <si>
    <t>大字穂保字夫婦池492番地14</t>
  </si>
  <si>
    <t>026-251-3000</t>
  </si>
  <si>
    <t>第１－１４５２号</t>
  </si>
  <si>
    <t>菅根　勝彦</t>
  </si>
  <si>
    <t>勝栄工業</t>
  </si>
  <si>
    <t>新里町1516-3</t>
  </si>
  <si>
    <t>048-925-5640</t>
  </si>
  <si>
    <t>第１－１４５３号</t>
  </si>
  <si>
    <t>有限会社　宇佐美</t>
  </si>
  <si>
    <t>有限会社宇佐美</t>
  </si>
  <si>
    <t>幸区南加瀬二丁目28番20号</t>
  </si>
  <si>
    <t>044-588-1885</t>
  </si>
  <si>
    <t>第１－１４５４号</t>
  </si>
  <si>
    <t>株式会社　リーファーサービス</t>
  </si>
  <si>
    <t>株式会社リーファーサービス</t>
  </si>
  <si>
    <t>中区かもめ町4番地　協同組合横浜船用品センターＡ</t>
  </si>
  <si>
    <t>045-622-2043</t>
  </si>
  <si>
    <t>第１－１４５６号</t>
  </si>
  <si>
    <t>有限会社　共伸空調</t>
  </si>
  <si>
    <t>有限会社共伸空調</t>
  </si>
  <si>
    <t>宮前区南野川1-22-15</t>
  </si>
  <si>
    <t>第１－１４５８号</t>
  </si>
  <si>
    <t>ニッタエアソリューションズ　株式会社</t>
  </si>
  <si>
    <t>ニッタエアソリューションズ株式会社　東京技術センター</t>
  </si>
  <si>
    <t>立川3-14-8</t>
  </si>
  <si>
    <t>03-6240-2698</t>
  </si>
  <si>
    <t>第１－１４５９号</t>
  </si>
  <si>
    <t>空調電機工業　株式会社</t>
  </si>
  <si>
    <t>空調電機工業株式会社</t>
  </si>
  <si>
    <t>西大井6丁目15番13号</t>
  </si>
  <si>
    <t>03-3775-2369</t>
  </si>
  <si>
    <t>第１－１４６１号</t>
  </si>
  <si>
    <t>東洋産機　株式会社</t>
  </si>
  <si>
    <t>東洋産機株式会社</t>
  </si>
  <si>
    <t>鷹野3-160-1</t>
  </si>
  <si>
    <t>048-956-2530</t>
  </si>
  <si>
    <t>第１－１４６３号</t>
  </si>
  <si>
    <t>有限会社　三昇テクノワークス</t>
  </si>
  <si>
    <t>有限会社三昇テクノワークス</t>
  </si>
  <si>
    <t>塩浜2-29-2-1106</t>
  </si>
  <si>
    <t>03-6666-0582</t>
  </si>
  <si>
    <t>第１－１４６５号</t>
  </si>
  <si>
    <t>𠮷野　和延</t>
  </si>
  <si>
    <t>フリート・サービスアンドリカバリー</t>
  </si>
  <si>
    <t>国分4-16-11</t>
  </si>
  <si>
    <t>047-372-9910</t>
  </si>
  <si>
    <t>第１－１４６８号</t>
  </si>
  <si>
    <t>株式会社　サーモテック</t>
  </si>
  <si>
    <t>株式会社サーモテック</t>
  </si>
  <si>
    <t>西成区南津守5丁目2番10号</t>
  </si>
  <si>
    <t>06-6659-1383</t>
  </si>
  <si>
    <t>第１－１４７１号</t>
  </si>
  <si>
    <t>シンコー産業　株式会社</t>
  </si>
  <si>
    <t>シンコー産業株式会社</t>
  </si>
  <si>
    <t>石原4-11-11</t>
  </si>
  <si>
    <t>03-3624-6151</t>
  </si>
  <si>
    <t>第１－１４７４号</t>
  </si>
  <si>
    <t>Ｓｅｖｅｎｓｅｅｄｓ　株式会社</t>
  </si>
  <si>
    <t>Ｓｅｖｅｎｓｅｅｄｓ株式会社　技術センター</t>
  </si>
  <si>
    <t>茜台3-7</t>
  </si>
  <si>
    <t>042-978-6971</t>
  </si>
  <si>
    <t>第１－１４７５号</t>
  </si>
  <si>
    <t>株式会社　伊藤冷凍機工業</t>
  </si>
  <si>
    <t>株式会社伊藤冷凍機工業</t>
  </si>
  <si>
    <t>若林3-15-31</t>
  </si>
  <si>
    <t>第１－１４７７号</t>
  </si>
  <si>
    <t>ＳＢＳ即配サポート　株式会社</t>
  </si>
  <si>
    <t>ＳＢＳ即配サポート株式会社　環境事業部　横浜事業所</t>
  </si>
  <si>
    <t>金沢区幸浦二丁目2番5号</t>
  </si>
  <si>
    <t>045-791-7972</t>
  </si>
  <si>
    <t>第１－１４８０号</t>
  </si>
  <si>
    <t>株式会社　水落設備</t>
  </si>
  <si>
    <t>株式会社水落設備</t>
  </si>
  <si>
    <t>高津区蟹ケ谷237-34</t>
  </si>
  <si>
    <t>044-777-2925</t>
  </si>
  <si>
    <t>第１－１４８３号</t>
  </si>
  <si>
    <t>有限会社　白石冷機サービス</t>
  </si>
  <si>
    <t>有限会社白石冷機サービス</t>
  </si>
  <si>
    <t>矢口二丁目4番5-101号</t>
  </si>
  <si>
    <t>03-3756-9204</t>
  </si>
  <si>
    <t>第１－１４８４号</t>
  </si>
  <si>
    <t>タイテック　株式会社</t>
  </si>
  <si>
    <t>タイテック株式会社</t>
  </si>
  <si>
    <t>西方2693-1</t>
  </si>
  <si>
    <t>048-988-8371</t>
  </si>
  <si>
    <t>第１－１４８６号</t>
  </si>
  <si>
    <t>株式会社　江戸川冷熱工業</t>
  </si>
  <si>
    <t>株式会社江戸川冷熱工業</t>
  </si>
  <si>
    <t>東篠崎1-2-14</t>
  </si>
  <si>
    <t>03-3678-2653</t>
  </si>
  <si>
    <t>第１－１４９０号</t>
  </si>
  <si>
    <t>有限会社　多摩冷熱</t>
  </si>
  <si>
    <t>有限会社多摩冷熱</t>
  </si>
  <si>
    <t>柳窪2-15-52</t>
  </si>
  <si>
    <t>042-475-9103</t>
  </si>
  <si>
    <t>第１－１４９３号</t>
  </si>
  <si>
    <t>日本電興　株式会社</t>
  </si>
  <si>
    <t>日本電興株式会社</t>
  </si>
  <si>
    <t>台東1丁目2番10号</t>
  </si>
  <si>
    <t>03-3833-8566</t>
  </si>
  <si>
    <t>第１－１４９６号</t>
  </si>
  <si>
    <t>株式会社　武相工業</t>
  </si>
  <si>
    <t>株式会社武相工業</t>
  </si>
  <si>
    <t>野津田町972-1</t>
  </si>
  <si>
    <t>042-734-4770</t>
  </si>
  <si>
    <t>第１－１４９９号</t>
  </si>
  <si>
    <t>タマ設備工業　株式会社</t>
  </si>
  <si>
    <t>タマ設備工業株式会社</t>
  </si>
  <si>
    <t>多摩区宿河原5-6-1</t>
  </si>
  <si>
    <t>044-922-7676</t>
  </si>
  <si>
    <t>第１－１５００号</t>
  </si>
  <si>
    <t>株式会社　ヒカリＳ．Ｅ</t>
  </si>
  <si>
    <t>株式会社ヒカリＳ．Ｅ</t>
  </si>
  <si>
    <t>伊勢崎市</t>
  </si>
  <si>
    <t>田部井町1丁目1671番地24</t>
  </si>
  <si>
    <t>0270-63-0020</t>
  </si>
  <si>
    <t>第１－１５０２号</t>
  </si>
  <si>
    <t>エタツクエンジニアリング　株式会社</t>
  </si>
  <si>
    <t>エタツクエンジニアリング株式会社</t>
  </si>
  <si>
    <t>児玉郡</t>
  </si>
  <si>
    <t>上里町大字嘉美字立野南1600番4</t>
  </si>
  <si>
    <t>0495-33-1221</t>
  </si>
  <si>
    <t>第１－１５０６号</t>
  </si>
  <si>
    <t>株式会社　共栄テック</t>
  </si>
  <si>
    <t>株式会社共栄テック</t>
  </si>
  <si>
    <t>緑区中山1-18-6　角田ビル2階</t>
  </si>
  <si>
    <t>045-937-3587</t>
  </si>
  <si>
    <t>第１－１５０７号</t>
  </si>
  <si>
    <t>株式会社　サン</t>
  </si>
  <si>
    <t>株式会社サン</t>
  </si>
  <si>
    <t>栗原3-2-7</t>
  </si>
  <si>
    <t>042-456-9773</t>
  </si>
  <si>
    <t>第１－１５０８号</t>
  </si>
  <si>
    <t>ステップサイエンス　株式会社</t>
  </si>
  <si>
    <t>ステップサイエンス株式会社　大杉事業所</t>
  </si>
  <si>
    <t>大杉4-9-21</t>
  </si>
  <si>
    <t>03-5607-5228</t>
  </si>
  <si>
    <t>第１－１５１１号</t>
  </si>
  <si>
    <t>株式会社　テクノフォート</t>
  </si>
  <si>
    <t>株式会社テクノフォート</t>
  </si>
  <si>
    <t>東池袋3-15-15</t>
  </si>
  <si>
    <t>03-5396-6315</t>
  </si>
  <si>
    <t>第１－１５１５号</t>
  </si>
  <si>
    <t>有限会社　金子設備工業</t>
  </si>
  <si>
    <t>有限会社金子設備工業</t>
  </si>
  <si>
    <t>西蒲田6-8-8</t>
  </si>
  <si>
    <t>03-3735-9539</t>
  </si>
  <si>
    <t>第１－１５１７号</t>
  </si>
  <si>
    <t>エアーテクノス　株式会社</t>
  </si>
  <si>
    <t>エアーテクノス株式会社</t>
  </si>
  <si>
    <t>北町7-7-1</t>
  </si>
  <si>
    <t>03-5921-0944</t>
  </si>
  <si>
    <t>第１－１５１９号</t>
  </si>
  <si>
    <t>株式会社　エルワン</t>
  </si>
  <si>
    <t>株式会社エルワン　横浜営業所</t>
  </si>
  <si>
    <t>都筑区勝田町712</t>
  </si>
  <si>
    <t>045-595-9492</t>
  </si>
  <si>
    <t>第１－１５２１号</t>
  </si>
  <si>
    <t>株式会社　アクセス</t>
  </si>
  <si>
    <t>株式会社アクセス</t>
  </si>
  <si>
    <t>港南区芹が谷4丁目2番29号</t>
  </si>
  <si>
    <t>045-383-9830</t>
  </si>
  <si>
    <t>第１－１５２３号</t>
  </si>
  <si>
    <t>株式会社　フジマック</t>
  </si>
  <si>
    <t>株式会社フジマック　横浜事業部</t>
  </si>
  <si>
    <t>港南区上大岡西2-6-27</t>
  </si>
  <si>
    <t>045-841-0202</t>
  </si>
  <si>
    <t>株式会社フジマック　川崎営業所</t>
  </si>
  <si>
    <t>中原区木月2-21-35</t>
  </si>
  <si>
    <t>044-431-1030</t>
  </si>
  <si>
    <t>株式会社フジマック　厚木営業所</t>
  </si>
  <si>
    <t>戸室1-5-8</t>
  </si>
  <si>
    <t>046-221-9061</t>
  </si>
  <si>
    <t>第１－１５２８号</t>
  </si>
  <si>
    <t>株式会社　三井Ｅ＆Ｓパワーシステムズ</t>
  </si>
  <si>
    <t>株式会社三井Ｅ＆Ｓパワーシステムズ　ＴＰＥ事業本部　神戸テクニカルセンター</t>
  </si>
  <si>
    <t>中央区港島南町4丁目5番5</t>
  </si>
  <si>
    <t>078-304-5075</t>
  </si>
  <si>
    <t>第１－１５２９号</t>
  </si>
  <si>
    <t>ヤンマーエネルギーシステム　株式会社</t>
  </si>
  <si>
    <t>ヤンマーエネルギーシステム株式会社　東京支社</t>
  </si>
  <si>
    <t>平和島6-1-1　東京流通センター　センタービル4階</t>
  </si>
  <si>
    <t>03-6733-4220</t>
  </si>
  <si>
    <t>第１－１５３０号</t>
  </si>
  <si>
    <t>新田　憲次</t>
  </si>
  <si>
    <t>浜田冷熱設備</t>
  </si>
  <si>
    <t>北本市</t>
  </si>
  <si>
    <t>中丸5丁目353番地</t>
  </si>
  <si>
    <t>048-591-7152</t>
  </si>
  <si>
    <t>第１－１５３１号</t>
  </si>
  <si>
    <t>有限会社　エアーテクニカル</t>
  </si>
  <si>
    <t>有限会社エアーテクニカル</t>
  </si>
  <si>
    <t>保土ケ谷区川島町1529-36</t>
  </si>
  <si>
    <t>045-383-3687</t>
  </si>
  <si>
    <t>第１－１５３２号</t>
  </si>
  <si>
    <t>タカハシガリレイ　株式会社</t>
  </si>
  <si>
    <t>タカハシガリレイ株式会社　東京支店</t>
  </si>
  <si>
    <t>柳橋2-17-4</t>
  </si>
  <si>
    <t>03-5835-1844</t>
  </si>
  <si>
    <t>第１－１５３５号</t>
  </si>
  <si>
    <t>ハイグロマスター　株式会社</t>
  </si>
  <si>
    <t>ハイグロマスター株式会社</t>
  </si>
  <si>
    <t>向島3-11-16</t>
  </si>
  <si>
    <t>03-3622-8131</t>
  </si>
  <si>
    <t>第１－１５４２号</t>
  </si>
  <si>
    <t>東京セントラルエアコン　株式会社</t>
  </si>
  <si>
    <t>東京セントラルエアコン株式会社</t>
  </si>
  <si>
    <t>松島3丁目29番12号</t>
  </si>
  <si>
    <t>03-3655-5671</t>
  </si>
  <si>
    <t>第１－１５４３号</t>
  </si>
  <si>
    <t>株式会社　ＡＣＰ</t>
  </si>
  <si>
    <t>株式会社ＡＣＰ　湘南センター</t>
  </si>
  <si>
    <t>高座郡</t>
  </si>
  <si>
    <t>寒川町倉見2212-2</t>
  </si>
  <si>
    <t>0467-72-2056</t>
  </si>
  <si>
    <t>第１－１５４６号</t>
  </si>
  <si>
    <t>埼玉空調工業　株式会社</t>
  </si>
  <si>
    <t>埼玉空調工業株式会社</t>
  </si>
  <si>
    <t>西区西遊馬1383-1</t>
  </si>
  <si>
    <t>048-623-5414</t>
  </si>
  <si>
    <t>第１－１５４８号</t>
  </si>
  <si>
    <t>株式会社　メッカコーポレーション</t>
  </si>
  <si>
    <t>株式会社メッカコーポレーション</t>
  </si>
  <si>
    <t>戸塚区原宿5丁目16番13号</t>
  </si>
  <si>
    <t>045-852-8818</t>
  </si>
  <si>
    <t>第１－１５４９号</t>
  </si>
  <si>
    <t>久保　俊彦</t>
  </si>
  <si>
    <t>Ｋ・Ｋ・Ｓ</t>
  </si>
  <si>
    <t>瀬谷区南台1-12-6（久保方）</t>
  </si>
  <si>
    <t>045-303-7656</t>
  </si>
  <si>
    <t>第１－１５５２号</t>
  </si>
  <si>
    <t>福山産業　株式会社</t>
  </si>
  <si>
    <t>福山産業株式会社</t>
  </si>
  <si>
    <t>高津区千年610番地5</t>
  </si>
  <si>
    <t>044-740-6692</t>
  </si>
  <si>
    <t>第１－１５５３号</t>
  </si>
  <si>
    <t>国際環境サービス　株式会社</t>
  </si>
  <si>
    <t>国際環境サービス株式会社</t>
  </si>
  <si>
    <t>新井一丁目6番1号</t>
  </si>
  <si>
    <t>03-3319-5931</t>
  </si>
  <si>
    <t>第１－１５５４号</t>
  </si>
  <si>
    <t>有限会社　ダイエイ設備</t>
  </si>
  <si>
    <t>有限会社ダイエイ設備</t>
  </si>
  <si>
    <t>瀬谷区南台二丁目13番地7新潟荘</t>
  </si>
  <si>
    <t>第１－１５５５号</t>
  </si>
  <si>
    <t>株式会社　カンクウ</t>
  </si>
  <si>
    <t>株式会社カンクウ</t>
  </si>
  <si>
    <t>千住緑町2-3-19</t>
  </si>
  <si>
    <t>03-5813-9037</t>
  </si>
  <si>
    <t>第１－１５５７号</t>
  </si>
  <si>
    <t>株式会社　ラスコ</t>
  </si>
  <si>
    <t>株式会社ラスコ</t>
  </si>
  <si>
    <t>加須市</t>
  </si>
  <si>
    <t>北平野807番地2</t>
  </si>
  <si>
    <t>0480-72-8877</t>
  </si>
  <si>
    <t>第１－１５５９号</t>
  </si>
  <si>
    <t>株式会社　明冷</t>
  </si>
  <si>
    <t>株式会社明冷</t>
  </si>
  <si>
    <t>板橋2-8-11</t>
  </si>
  <si>
    <t>第１－１５６３号</t>
  </si>
  <si>
    <t>株式会社　光和設備</t>
  </si>
  <si>
    <t>株式会社光和設備</t>
  </si>
  <si>
    <t>大島1丁目18番17号</t>
  </si>
  <si>
    <t>03-5628-6624</t>
  </si>
  <si>
    <t>第１－１５６４号</t>
  </si>
  <si>
    <t>虎の門エアロ・セル　株式会社</t>
  </si>
  <si>
    <t>虎の門エアロ・セル株式会社</t>
  </si>
  <si>
    <t>碑文谷4丁目22番16号</t>
  </si>
  <si>
    <t>03-3715-5635</t>
  </si>
  <si>
    <t>第１－１５６５号</t>
  </si>
  <si>
    <t>株式会社　日東エアテック</t>
  </si>
  <si>
    <t>株式会社日東エアテック</t>
  </si>
  <si>
    <t>赤井１丁目34番28号</t>
  </si>
  <si>
    <t>048-284-9269</t>
  </si>
  <si>
    <t>第１－１５６６号</t>
  </si>
  <si>
    <t>いすゞ自動車　株式会社</t>
  </si>
  <si>
    <t>いすゞ自動車株式会社　藤沢工場</t>
  </si>
  <si>
    <t>土棚8番地</t>
  </si>
  <si>
    <t>0466-44-1111</t>
  </si>
  <si>
    <t>第１－１５６８号</t>
  </si>
  <si>
    <t>有限会社　テクノエスエス</t>
  </si>
  <si>
    <t>有限会社テクノエスエス</t>
  </si>
  <si>
    <t>岩舟町畳岡496番地2　　</t>
  </si>
  <si>
    <t>0282-55-3191</t>
  </si>
  <si>
    <t>第１－１５６９号</t>
  </si>
  <si>
    <t>加納　秀幸</t>
  </si>
  <si>
    <t>カノウレイキ</t>
  </si>
  <si>
    <t>港北区師岡町1033-6</t>
  </si>
  <si>
    <t>045-545-0744</t>
  </si>
  <si>
    <t>第１－１５７０号</t>
  </si>
  <si>
    <t>シセイカン　株式会社</t>
  </si>
  <si>
    <t>シセイカン株式会社</t>
  </si>
  <si>
    <t>笹目北町2-9</t>
  </si>
  <si>
    <t>048-423-2236</t>
  </si>
  <si>
    <t>第１－１５７１号</t>
  </si>
  <si>
    <t>株式会社　中央エンジ</t>
  </si>
  <si>
    <t>株式会社中央エンジ</t>
  </si>
  <si>
    <t>中区山田町7-9　阿久澤ビル1階</t>
  </si>
  <si>
    <t>045-263-0273</t>
  </si>
  <si>
    <t>第１－１５７２号</t>
  </si>
  <si>
    <t>城陽冷熱　株式会社</t>
  </si>
  <si>
    <t>城陽冷熱株式会社　香住出張所</t>
  </si>
  <si>
    <t>美方郡</t>
  </si>
  <si>
    <t>香美町香住区一日市437-11</t>
  </si>
  <si>
    <t>0796-36-2534</t>
  </si>
  <si>
    <t>城陽冷熱株式会社　東大阪工場</t>
  </si>
  <si>
    <t>本庄西1丁目3番25号</t>
  </si>
  <si>
    <t>06-6224-7470</t>
  </si>
  <si>
    <t>第１－１５７４号</t>
  </si>
  <si>
    <t>株式会社　アイシン</t>
  </si>
  <si>
    <t>株式会社アイシン　サービス部東部サービスセンター</t>
  </si>
  <si>
    <t>小茂根3-5-12</t>
  </si>
  <si>
    <t>03-5966-5800</t>
  </si>
  <si>
    <t>第１－１５７９号</t>
  </si>
  <si>
    <t>後藤　哲夫</t>
  </si>
  <si>
    <t>ごとう電器</t>
  </si>
  <si>
    <t>栄区小山台2-29-8</t>
  </si>
  <si>
    <t>045-895-2357</t>
  </si>
  <si>
    <t>第１－１５８０号</t>
  </si>
  <si>
    <t>植木　政義</t>
  </si>
  <si>
    <t>朝日冷設</t>
  </si>
  <si>
    <t>笠間市</t>
  </si>
  <si>
    <t>市野谷1522-31</t>
  </si>
  <si>
    <t>0299-45-3671</t>
  </si>
  <si>
    <t>第１－１５８５号</t>
  </si>
  <si>
    <t>株式会社　ヒューテックノオリン</t>
  </si>
  <si>
    <t>株式会社ヒューテックノオリン東京臨海支店第一センター</t>
  </si>
  <si>
    <t>川崎区東扇島17-3</t>
  </si>
  <si>
    <t>044-281-1311</t>
  </si>
  <si>
    <t>株式会社ヒューテックノオリン東京臨海支店第二センター</t>
  </si>
  <si>
    <t>川崎区東扇島29-1</t>
  </si>
  <si>
    <t>044-280-3621</t>
  </si>
  <si>
    <t>株式会社ヒューテックノオリン神奈川ＪＤセンター</t>
  </si>
  <si>
    <t>金田1456-1</t>
  </si>
  <si>
    <t>046-297-7231</t>
  </si>
  <si>
    <t>第１－１５８８号</t>
  </si>
  <si>
    <t>株式会社　松下商会</t>
  </si>
  <si>
    <t>株式会社松下商会</t>
  </si>
  <si>
    <t>砧6-40-13</t>
  </si>
  <si>
    <t>第１－１５８９号</t>
  </si>
  <si>
    <t>東京セントラルサービス　株式会社</t>
  </si>
  <si>
    <t>東京セントラルサービス株式会社</t>
  </si>
  <si>
    <t>白井市</t>
  </si>
  <si>
    <t>名内342-7</t>
  </si>
  <si>
    <t>047-402-4567</t>
  </si>
  <si>
    <t>第１－１５９０号</t>
  </si>
  <si>
    <t>緑屋設備機器　株式会社</t>
  </si>
  <si>
    <t>緑屋設備機器株式会社</t>
  </si>
  <si>
    <t>日本橋本町1-7-2KDX江戸橋ビル8階</t>
  </si>
  <si>
    <t>03-3548-8281</t>
  </si>
  <si>
    <t>第１－１５９１号</t>
  </si>
  <si>
    <t>株式会社　ニットー冷熱製作所</t>
  </si>
  <si>
    <t>株式会社ニットー冷熱製作所　本社工場</t>
  </si>
  <si>
    <t>大字双柳1264番地</t>
  </si>
  <si>
    <t>042-973-3141</t>
  </si>
  <si>
    <t>第１－１５９３号</t>
  </si>
  <si>
    <t>株式会社　ダイレイ</t>
  </si>
  <si>
    <t>株式会社ダイレイ</t>
  </si>
  <si>
    <t>03-3836-3481</t>
  </si>
  <si>
    <t>第１－１６０２号</t>
  </si>
  <si>
    <t>池松空調工業　株式会社</t>
  </si>
  <si>
    <t>池松空調工業株式会社</t>
  </si>
  <si>
    <t>高島平5-51-4</t>
  </si>
  <si>
    <t>03-3979-4921</t>
  </si>
  <si>
    <t>第１－１６０３号</t>
  </si>
  <si>
    <t>有限会社　川﨑設備</t>
  </si>
  <si>
    <t>有限会社川﨑設備</t>
  </si>
  <si>
    <t>大泉学園町8-18-22</t>
  </si>
  <si>
    <t>03-3925-8487</t>
  </si>
  <si>
    <t>第１－１６０６号</t>
  </si>
  <si>
    <t>有限会社　矢尾板工業所</t>
  </si>
  <si>
    <t>有限会社矢尾板工業所</t>
  </si>
  <si>
    <t>畑中1丁目13-7</t>
  </si>
  <si>
    <t>048-478-3283</t>
  </si>
  <si>
    <t>第１－１６０７号</t>
  </si>
  <si>
    <t>大輝日本　株式会社</t>
  </si>
  <si>
    <t>大輝日本株式会社</t>
  </si>
  <si>
    <t>八街市</t>
  </si>
  <si>
    <t>吉倉507-68</t>
  </si>
  <si>
    <t>043-445-3078</t>
  </si>
  <si>
    <t>第１－１６０８号</t>
  </si>
  <si>
    <t>有限会社　服部設備工業</t>
  </si>
  <si>
    <t>有限会社服部設備工業</t>
  </si>
  <si>
    <t>港北区新吉田東1丁目-73-12</t>
  </si>
  <si>
    <t>045-542-1653</t>
  </si>
  <si>
    <t>第１－１６０９号</t>
  </si>
  <si>
    <t>寺田　壮志</t>
  </si>
  <si>
    <t>寺田設備</t>
  </si>
  <si>
    <t>東新小岩8-40-6</t>
  </si>
  <si>
    <t>03-5670-7845</t>
  </si>
  <si>
    <t>第１－１６１１号</t>
  </si>
  <si>
    <t>エミック　株式会社</t>
  </si>
  <si>
    <t>エミック株式会社　三島事業所</t>
  </si>
  <si>
    <t>平成台11番地</t>
  </si>
  <si>
    <t>055-988-8411</t>
  </si>
  <si>
    <t>エミック株式会社　さいたま事業所</t>
  </si>
  <si>
    <t>日高市</t>
  </si>
  <si>
    <t>旭ケ丘620-1</t>
  </si>
  <si>
    <t>042-984-4151</t>
  </si>
  <si>
    <t>エミック株式会社　東海事業所</t>
  </si>
  <si>
    <t>三重県</t>
  </si>
  <si>
    <t>四日市市</t>
  </si>
  <si>
    <t>野田二丁目1番26号</t>
  </si>
  <si>
    <t>059-340-5773</t>
  </si>
  <si>
    <t>第１－１６１３号</t>
  </si>
  <si>
    <t>有限会社ファクトリー𠮷澤</t>
  </si>
  <si>
    <t>鶴見区駒岡2-1-12</t>
  </si>
  <si>
    <t>045-584-9378</t>
  </si>
  <si>
    <t>第１－１６１５号</t>
  </si>
  <si>
    <t>株式会社　山田電設</t>
  </si>
  <si>
    <t>株式会社山田電設</t>
  </si>
  <si>
    <t>戸塚区下倉田町1495-6</t>
  </si>
  <si>
    <t>第１－１６２１号</t>
  </si>
  <si>
    <t>株式会社　春秋商事</t>
  </si>
  <si>
    <t>株式会社春秋商事　本社</t>
  </si>
  <si>
    <t>都筑区川向町1160番地</t>
  </si>
  <si>
    <t>045-472-5272</t>
  </si>
  <si>
    <t>第１－１６２２号</t>
  </si>
  <si>
    <t>中澤エアテック　株式会社</t>
  </si>
  <si>
    <t>中澤エアテック株式会社</t>
  </si>
  <si>
    <t>西新井本町2丁目5番3号</t>
  </si>
  <si>
    <t>03-3898-8067</t>
  </si>
  <si>
    <t>第１－１６２５号</t>
  </si>
  <si>
    <t>大西金属　株式会社</t>
  </si>
  <si>
    <t>大西金属株式会社</t>
  </si>
  <si>
    <t>金沢区鳥浜町13-9</t>
  </si>
  <si>
    <t>045-769-0024</t>
  </si>
  <si>
    <t>第１－１６２９号</t>
  </si>
  <si>
    <t>株式会社　ジーオーテクニカ</t>
  </si>
  <si>
    <t>株式会社ジーオーテクニカ</t>
  </si>
  <si>
    <t>大和田五丁目15番15号</t>
  </si>
  <si>
    <t>047-321-6802</t>
  </si>
  <si>
    <t>第１－１６３１号</t>
  </si>
  <si>
    <t>株式会社　環境空調システム</t>
  </si>
  <si>
    <t>株式会社環境空調システム</t>
  </si>
  <si>
    <t>保土ケ谷区岩井町319番地</t>
  </si>
  <si>
    <t>第１－１６３２号</t>
  </si>
  <si>
    <t>株式会社　ハーテック・ミワ</t>
  </si>
  <si>
    <t>株式会社ハーテック・ミワ　川崎営業所</t>
  </si>
  <si>
    <t>川崎区塩浜2丁目23番11号</t>
  </si>
  <si>
    <t>044-277-7541</t>
  </si>
  <si>
    <t>株式会社ハーテック・ミワ　厚木営業所</t>
  </si>
  <si>
    <t>酒井3094</t>
  </si>
  <si>
    <t>046-229-5507</t>
  </si>
  <si>
    <t>第１－１６３６号</t>
  </si>
  <si>
    <t>有限会社　アドバンス</t>
  </si>
  <si>
    <t>有限会社アドバンス</t>
  </si>
  <si>
    <t>小川町1-422-13</t>
  </si>
  <si>
    <t>042-349-0350</t>
  </si>
  <si>
    <t>第１－１６３８号</t>
  </si>
  <si>
    <t>鈴健興業　株式会社</t>
  </si>
  <si>
    <t>鈴健興業株式会社</t>
  </si>
  <si>
    <t>笛吹市</t>
  </si>
  <si>
    <t>御坂町下黒駒1602-8</t>
  </si>
  <si>
    <t>055-261-3111</t>
  </si>
  <si>
    <t>第１－１６４０号</t>
  </si>
  <si>
    <t>有限会社　加藤電気</t>
  </si>
  <si>
    <t>有限会社加藤電気</t>
  </si>
  <si>
    <t>高津区東野川2-6-3</t>
  </si>
  <si>
    <t>044-752-0527</t>
  </si>
  <si>
    <t>第１－１６４６号</t>
  </si>
  <si>
    <t>株式会社　ツインシャフト</t>
  </si>
  <si>
    <t>株式会社ツインシャフト</t>
  </si>
  <si>
    <t>北区宮原町4-97-4</t>
  </si>
  <si>
    <t>048-779-8611</t>
  </si>
  <si>
    <t>第１－１６５９号</t>
  </si>
  <si>
    <t>有限会社　橋谷電機</t>
  </si>
  <si>
    <t>有限会社橋谷電機</t>
  </si>
  <si>
    <t>港北区新羽町1817</t>
  </si>
  <si>
    <t>045-543-2471</t>
  </si>
  <si>
    <t>第１－１６６０号</t>
  </si>
  <si>
    <t>栁澤　克朗</t>
  </si>
  <si>
    <t>京浜技研</t>
  </si>
  <si>
    <t>磯子区磯子3-1-16</t>
  </si>
  <si>
    <t>第１－１６６１号</t>
  </si>
  <si>
    <t>東京冷化機工業　株式会社</t>
  </si>
  <si>
    <t>東京冷化機工業株式会社　市川工場</t>
  </si>
  <si>
    <t>田尻3-3-12</t>
  </si>
  <si>
    <t>047-376-2141</t>
  </si>
  <si>
    <t>第１－１６６４号</t>
  </si>
  <si>
    <t>くら寿司　株式会社</t>
  </si>
  <si>
    <t>くら寿司株式会社 埼玉事務所</t>
  </si>
  <si>
    <t>馬引沢345-1</t>
  </si>
  <si>
    <t>042-984-4610</t>
  </si>
  <si>
    <t>第１－１６６６号</t>
  </si>
  <si>
    <t>株式会社　シンシア</t>
  </si>
  <si>
    <t>株式会社シンシア　シンシア品川リサイクルセンター</t>
  </si>
  <si>
    <t>八潮三丁目2番10号</t>
  </si>
  <si>
    <t>03-3799-5357</t>
  </si>
  <si>
    <t>第１－１６６７号</t>
  </si>
  <si>
    <t>有限会社　大森電機工業所</t>
  </si>
  <si>
    <t>有限会社大森電機工業所</t>
  </si>
  <si>
    <t>入谷7-9-13</t>
  </si>
  <si>
    <t>第１－１６７３号</t>
  </si>
  <si>
    <t>美藤　真一郎</t>
  </si>
  <si>
    <t>美藤電気</t>
  </si>
  <si>
    <t>都筑区荏田東4-39-70</t>
  </si>
  <si>
    <t>045-942-6658</t>
  </si>
  <si>
    <t>第１－１６７４号</t>
  </si>
  <si>
    <t>株式会社　ナカタニ</t>
  </si>
  <si>
    <t>株式会社ナカタニ　東京営業所　ＴＳセンター</t>
  </si>
  <si>
    <t>十余二337-184</t>
  </si>
  <si>
    <t>04-7137-0877</t>
  </si>
  <si>
    <t>第１－１６７６号</t>
  </si>
  <si>
    <t>本町17番34号</t>
  </si>
  <si>
    <t>第１－１６８０号</t>
  </si>
  <si>
    <t>有限会社　ツボイトータルメンテナンス</t>
  </si>
  <si>
    <t>有限会社ツボイトータルメンテナンス</t>
  </si>
  <si>
    <t>下連雀4-12-30</t>
  </si>
  <si>
    <t>0422-72-0149</t>
  </si>
  <si>
    <t>第１－１６８１号</t>
  </si>
  <si>
    <t>アスク　株式会社</t>
  </si>
  <si>
    <t>アスク株式会社</t>
  </si>
  <si>
    <t>神奈川区羽沢町1033-11</t>
  </si>
  <si>
    <t>045-371-1222</t>
  </si>
  <si>
    <t>第１－１６８５号</t>
  </si>
  <si>
    <t>青柳　信行</t>
  </si>
  <si>
    <t>信栄電設</t>
  </si>
  <si>
    <t>鶴見区下末吉1-28-22</t>
  </si>
  <si>
    <t>045-717-7067</t>
  </si>
  <si>
    <t>第１－１６８７号</t>
  </si>
  <si>
    <t>電空工業　株式会社</t>
  </si>
  <si>
    <t>電空工業株式会社</t>
  </si>
  <si>
    <t>南大塚1-58-4</t>
  </si>
  <si>
    <t>03-5978-4333</t>
  </si>
  <si>
    <t>第１－１６９１号</t>
  </si>
  <si>
    <t>株式会社　ムラタ</t>
  </si>
  <si>
    <t>株式会社ムラタ</t>
  </si>
  <si>
    <t>西蒲田4-10-4</t>
  </si>
  <si>
    <t>03-3755-2953</t>
  </si>
  <si>
    <t>第１－１６９３号</t>
  </si>
  <si>
    <t>有限会社　ミヤマ設備</t>
  </si>
  <si>
    <t>有限会社ミヤマ設備</t>
  </si>
  <si>
    <t>旭区本宿町13-1</t>
  </si>
  <si>
    <t>第１－１６９５号</t>
  </si>
  <si>
    <t>株式会社　エアープラン</t>
  </si>
  <si>
    <t>株式会社エアープラン</t>
  </si>
  <si>
    <t>成瀬5-10-25</t>
  </si>
  <si>
    <t>042-711-6020</t>
  </si>
  <si>
    <t>第１－１６９６号</t>
  </si>
  <si>
    <t>空建設備工業　株式会社</t>
  </si>
  <si>
    <t>空建設備工業株式会社</t>
  </si>
  <si>
    <t>豊町1丁目10番10号</t>
  </si>
  <si>
    <t>03-3784-3810</t>
  </si>
  <si>
    <t>第１－１６９９号</t>
  </si>
  <si>
    <t>日仏商事　株式会社</t>
  </si>
  <si>
    <t>日仏商事株式会社</t>
  </si>
  <si>
    <t>高津区新作5-4-34</t>
  </si>
  <si>
    <t>044-877-6071</t>
  </si>
  <si>
    <t>第１－１７００号</t>
  </si>
  <si>
    <t>西川設備　株式会社</t>
  </si>
  <si>
    <t>西川設備株式会社</t>
  </si>
  <si>
    <t>瀬谷区阿久和東4-27-48</t>
  </si>
  <si>
    <t>045-654-5443</t>
  </si>
  <si>
    <t>第１－１７０２号</t>
  </si>
  <si>
    <t>有限会社　丸和冷熱工業</t>
  </si>
  <si>
    <t>有限会社丸和冷熱工業</t>
  </si>
  <si>
    <t>八幡町96-1センターヴィレッヂ201号</t>
  </si>
  <si>
    <t>048-936-5316</t>
  </si>
  <si>
    <t>第１－１７０３号</t>
  </si>
  <si>
    <t>有限会社　椚瀬工業所</t>
  </si>
  <si>
    <t>有限会社椚瀬工業所</t>
  </si>
  <si>
    <t>松が谷2-10-5</t>
  </si>
  <si>
    <t>03-3844-4563</t>
  </si>
  <si>
    <t>第１－１７０４号</t>
  </si>
  <si>
    <t>株式会社　近藤電機商會</t>
  </si>
  <si>
    <t>株式会社近藤電機商会</t>
  </si>
  <si>
    <t>西日暮里3丁目15番3号</t>
  </si>
  <si>
    <t>03-3828-7147</t>
  </si>
  <si>
    <t>第１－１７１１号</t>
  </si>
  <si>
    <t>有限会社　名光企画</t>
  </si>
  <si>
    <t>有限会社名光企画</t>
  </si>
  <si>
    <t>緑区上山3-39-12</t>
  </si>
  <si>
    <t>045-938-8445</t>
  </si>
  <si>
    <t>第１－１７１９号</t>
  </si>
  <si>
    <t>株式会社　ヤオイ</t>
  </si>
  <si>
    <t>株式会社ヤオイ</t>
  </si>
  <si>
    <t>北区奈良町154-11</t>
  </si>
  <si>
    <t>048-666-7645</t>
  </si>
  <si>
    <t>第１－１７２０号</t>
  </si>
  <si>
    <t>株式会社　富士冷暖</t>
  </si>
  <si>
    <t>株式会社富士冷暖</t>
  </si>
  <si>
    <t>保土ケ谷区峰岡町2-265</t>
  </si>
  <si>
    <t>045-335-1611</t>
  </si>
  <si>
    <t>第１－１７２２号</t>
  </si>
  <si>
    <t>ジョーシンサービス　株式会社</t>
  </si>
  <si>
    <t>ジョーシンサービス株式会社　神奈川サービスセンター</t>
  </si>
  <si>
    <t>幸区南加瀬5-37-1</t>
  </si>
  <si>
    <t>044-580-3611</t>
  </si>
  <si>
    <t>第１－１７２７号</t>
  </si>
  <si>
    <t>方南1-2-24</t>
  </si>
  <si>
    <t>03-5301-7661</t>
  </si>
  <si>
    <t>第１－１７２９号</t>
  </si>
  <si>
    <t>株式会社　ニッセツ空調サービス</t>
  </si>
  <si>
    <t>株式会社ニッセツ空調サービス</t>
  </si>
  <si>
    <t>新川1丁目22番11号</t>
  </si>
  <si>
    <t>03-3553-2340</t>
  </si>
  <si>
    <t>第１－１７３１号</t>
  </si>
  <si>
    <t>有限会社　海西工業</t>
  </si>
  <si>
    <t>有限会社海西工業</t>
  </si>
  <si>
    <t>多摩区東生田4-10-14-1</t>
  </si>
  <si>
    <t>044-977-2708</t>
  </si>
  <si>
    <t>第１－１７３６号</t>
  </si>
  <si>
    <t>株式会社　クマキリ</t>
  </si>
  <si>
    <t>株式会社クマキリ</t>
  </si>
  <si>
    <t>南区宿町3丁目65番地</t>
  </si>
  <si>
    <t>045-722-8055</t>
  </si>
  <si>
    <t>第１－１７３８号</t>
  </si>
  <si>
    <t>山惠住設　株式会社</t>
  </si>
  <si>
    <t>山恵住設株式会社</t>
  </si>
  <si>
    <t>北園町47-6白蓮ビル1F</t>
  </si>
  <si>
    <t>048-423-2799</t>
  </si>
  <si>
    <t>第１－１７４１号</t>
  </si>
  <si>
    <t>武田設備　株式会社</t>
  </si>
  <si>
    <t>武田設備株式会社</t>
  </si>
  <si>
    <t>旭区四季美台92-13</t>
  </si>
  <si>
    <t>045-392-1253</t>
  </si>
  <si>
    <t>第１－１７４３号</t>
  </si>
  <si>
    <t>有限会社　ＹＯＳＨＩＺＡＫＩ</t>
  </si>
  <si>
    <t>有限会社ＹＯＳＨⅠＺＡＫⅠ</t>
  </si>
  <si>
    <t>二葉2丁目10-11　エスポワール品川1階</t>
  </si>
  <si>
    <t>03-3787-1911</t>
  </si>
  <si>
    <t>第１－１７４５号</t>
  </si>
  <si>
    <t>株式会社　横浜空設工業</t>
  </si>
  <si>
    <t>株式会社横浜空設工業</t>
  </si>
  <si>
    <t>南区吉野町2-4　国際吉野町ビル102</t>
  </si>
  <si>
    <t>045-271-3471</t>
  </si>
  <si>
    <t>第１－１７５０号</t>
  </si>
  <si>
    <t>株式会社　日照</t>
  </si>
  <si>
    <t>株式会社日照</t>
  </si>
  <si>
    <t>世田谷3-22-3</t>
  </si>
  <si>
    <t>第１－１７５１号</t>
  </si>
  <si>
    <t>シュナイダーエレクトリック　株式会社</t>
  </si>
  <si>
    <t>シュナイダーエレクトリック株式会社</t>
  </si>
  <si>
    <t>芝浦2丁目15番6号</t>
  </si>
  <si>
    <t>03-4578-4697</t>
  </si>
  <si>
    <t>第１－１７５２号</t>
  </si>
  <si>
    <t>株式会社　エイト空調</t>
  </si>
  <si>
    <t>株式会社エイト空調</t>
  </si>
  <si>
    <t>戸塚区汲沢町1096-6</t>
  </si>
  <si>
    <t>045-866-2699</t>
  </si>
  <si>
    <t>第１－１７５３号</t>
  </si>
  <si>
    <t>株式会社　コーワ</t>
  </si>
  <si>
    <t>株式会社コーワ</t>
  </si>
  <si>
    <t>東六郷3-13-3</t>
  </si>
  <si>
    <t>03-3739-1531</t>
  </si>
  <si>
    <t>第１－１７５４号</t>
  </si>
  <si>
    <t>藤𠩤　常則</t>
  </si>
  <si>
    <t>藤原設備</t>
  </si>
  <si>
    <t>保土ケ谷区上菅田町59アンシャンテA-202</t>
  </si>
  <si>
    <t>第１－１７５５号</t>
  </si>
  <si>
    <t>雄馬設備　株式会社</t>
  </si>
  <si>
    <t>雄馬設備株式会社</t>
  </si>
  <si>
    <t>宮前区東有馬1-11-36</t>
  </si>
  <si>
    <t>044-871-6713</t>
  </si>
  <si>
    <t>第１－１７５６号</t>
  </si>
  <si>
    <t>有限会社　飯盛商店</t>
  </si>
  <si>
    <t>有限会社飯盛商店</t>
  </si>
  <si>
    <t>金沢区鳥浜町12-75</t>
  </si>
  <si>
    <t>045-773-9188</t>
  </si>
  <si>
    <t>第１－１７５７号</t>
  </si>
  <si>
    <t>株式会社　新和冷熱工業</t>
  </si>
  <si>
    <t>株式会社新和冷熱工業</t>
  </si>
  <si>
    <t>三原3-1-13</t>
  </si>
  <si>
    <t>048-463-7211</t>
  </si>
  <si>
    <t>第１－１７５８号</t>
  </si>
  <si>
    <t>有限会社　東都冷熱</t>
  </si>
  <si>
    <t>有限会社東都冷熱</t>
  </si>
  <si>
    <t>下石神井二丁目34番24号</t>
  </si>
  <si>
    <t>03-6913-4434</t>
  </si>
  <si>
    <t>第１－１７６１号</t>
  </si>
  <si>
    <t>株式会社　神奈川ウッドエネルギーセンター</t>
  </si>
  <si>
    <t>株式会社神奈川ウッドエネルギーセンター</t>
  </si>
  <si>
    <t>金沢区幸浦1-15-43</t>
  </si>
  <si>
    <t>045-773-3535</t>
  </si>
  <si>
    <t>第１－１７６２号</t>
  </si>
  <si>
    <t>有限会社　エムズ・テクニカル・サービス</t>
  </si>
  <si>
    <t>有限会社エムズ・テクニカル・サービス</t>
  </si>
  <si>
    <t>領家三丁目13番6号</t>
  </si>
  <si>
    <t>048-290-8955</t>
  </si>
  <si>
    <t>有限会社エムズ・テクニカル・サービス　川口SRC</t>
  </si>
  <si>
    <t>領家三丁目16番16号</t>
  </si>
  <si>
    <t>048-291-8712</t>
  </si>
  <si>
    <t>有限会社エムズ・テクニカル・サービス　鳩ケ谷営業所</t>
  </si>
  <si>
    <t>南鳩ヶ谷五丁目35番1号</t>
  </si>
  <si>
    <t>048-287-5181</t>
  </si>
  <si>
    <t>有限会社エムズ・テクニカル・サービス　足立事業所</t>
  </si>
  <si>
    <t>入谷四丁目20番10号</t>
  </si>
  <si>
    <t>03-5856-9582</t>
  </si>
  <si>
    <t>第１－１７６３号</t>
  </si>
  <si>
    <t>有限会社　愛進エアコンサービス</t>
  </si>
  <si>
    <t>有限会社愛進エアコンサービス</t>
  </si>
  <si>
    <t>大塚121-2</t>
  </si>
  <si>
    <t>055-967-9333</t>
  </si>
  <si>
    <t>第１－１７６６号</t>
  </si>
  <si>
    <t>株式会社　レイテック</t>
  </si>
  <si>
    <t>株式会社レイテック</t>
  </si>
  <si>
    <t>八広5-14-8</t>
  </si>
  <si>
    <t>03-3611-3791</t>
  </si>
  <si>
    <t>第１－１７６８号</t>
  </si>
  <si>
    <t>株式会社　新和</t>
  </si>
  <si>
    <t>株式会社新和</t>
  </si>
  <si>
    <t>仲池上二丁目11番5号</t>
  </si>
  <si>
    <t>第１－１７７４号</t>
  </si>
  <si>
    <t>有限会社　リアル</t>
  </si>
  <si>
    <t>有限会社リアル</t>
  </si>
  <si>
    <t>都筑区南山田町3986-1</t>
  </si>
  <si>
    <t>045-591-5397</t>
  </si>
  <si>
    <t>第１－１７７５号</t>
  </si>
  <si>
    <t>水野　裕彦</t>
  </si>
  <si>
    <t>水野電気</t>
  </si>
  <si>
    <t>宮前区宮前平2-15-23</t>
  </si>
  <si>
    <t>044-854-7581</t>
  </si>
  <si>
    <t>第１－１７８０号</t>
  </si>
  <si>
    <t>株式会社　ボルテック</t>
  </si>
  <si>
    <t>株式会社ボルテック　横浜事業所</t>
  </si>
  <si>
    <t>神奈川区守屋町1丁目2番2号</t>
  </si>
  <si>
    <t>045-900-7772</t>
  </si>
  <si>
    <t>第１－１７８４号</t>
  </si>
  <si>
    <t>株式会社　フィールド空調</t>
  </si>
  <si>
    <t>株式会社フィールド空調</t>
  </si>
  <si>
    <t>北品川2-20-13</t>
  </si>
  <si>
    <t>03-5769-8088</t>
  </si>
  <si>
    <t>第１－１７８６号</t>
  </si>
  <si>
    <t>有限会社　幸電社</t>
  </si>
  <si>
    <t>有限会社幸電社　横浜営業所</t>
  </si>
  <si>
    <t>旭区上川井町195-3</t>
  </si>
  <si>
    <t>第１－１７８７号</t>
  </si>
  <si>
    <t>株式会社　日吉空調</t>
  </si>
  <si>
    <t>株式会社日吉空調</t>
  </si>
  <si>
    <t>鹿沼市</t>
  </si>
  <si>
    <t>日吉町380</t>
  </si>
  <si>
    <t>0289-62-9488</t>
  </si>
  <si>
    <t>第１－１７９７号</t>
  </si>
  <si>
    <t>株式会社　エアープロテクト</t>
  </si>
  <si>
    <t>株式会社エアープロテクト</t>
  </si>
  <si>
    <t>中区錦町16-1 横浜マリンハイツ1-913</t>
  </si>
  <si>
    <t>第１－１８０２号</t>
  </si>
  <si>
    <t>三和工業　株式会社</t>
  </si>
  <si>
    <t>三和工業株式会社</t>
  </si>
  <si>
    <t>西区平沼1-33-7</t>
  </si>
  <si>
    <t>045-320-1030</t>
  </si>
  <si>
    <t>第１－１８０４号</t>
  </si>
  <si>
    <t>株式会社　エレア</t>
  </si>
  <si>
    <t>株式会社エレア</t>
  </si>
  <si>
    <t>大井1-39-7</t>
  </si>
  <si>
    <t>03-6318-0717</t>
  </si>
  <si>
    <t>第１－１８０７号</t>
  </si>
  <si>
    <t>株式会社　西村</t>
  </si>
  <si>
    <t>株式会社西村</t>
  </si>
  <si>
    <t>麻生区高石4-16-8-401</t>
  </si>
  <si>
    <t>044-953-8847</t>
  </si>
  <si>
    <t>株式会社　新アトモシステム</t>
  </si>
  <si>
    <t>株式会社新アトモシステム</t>
  </si>
  <si>
    <t>三番町30-8　第二生光ビル401</t>
  </si>
  <si>
    <t>第１－１８１５号</t>
  </si>
  <si>
    <t>長澤　誠</t>
  </si>
  <si>
    <t>ダンボウ</t>
  </si>
  <si>
    <t>中原区上平間1550-24</t>
  </si>
  <si>
    <t>044-522-4277</t>
  </si>
  <si>
    <t>第１－１８１９号</t>
  </si>
  <si>
    <t>株式会社　エスディ・メンテナンス</t>
  </si>
  <si>
    <t>第１－１８２２号</t>
  </si>
  <si>
    <t>石橋　昭彦</t>
  </si>
  <si>
    <t>ISテクノ</t>
  </si>
  <si>
    <t>相原町597-270</t>
  </si>
  <si>
    <t>042-703-0793</t>
  </si>
  <si>
    <t>第１－１８２６号</t>
  </si>
  <si>
    <t>三栄管財　株式会社</t>
  </si>
  <si>
    <t>三栄管財株式会社</t>
  </si>
  <si>
    <t>東陽4-10-4</t>
  </si>
  <si>
    <t>第１－１８２８号</t>
  </si>
  <si>
    <t>有限会社　ウエダ住設</t>
  </si>
  <si>
    <t>有限会社ウエダ住設</t>
  </si>
  <si>
    <t>磯子区森が丘1丁目18番21号</t>
  </si>
  <si>
    <t>045-843-3663</t>
  </si>
  <si>
    <t>第１－１８３０号</t>
  </si>
  <si>
    <t>有限会社　加賀美工業</t>
  </si>
  <si>
    <t>有限会社加賀美工業</t>
  </si>
  <si>
    <t>鶴見区仲通3丁目75-15</t>
  </si>
  <si>
    <t>045-633-7974</t>
  </si>
  <si>
    <t>第１－１８３４号</t>
  </si>
  <si>
    <t>横浜空調エンジニアリング　株式会社</t>
  </si>
  <si>
    <t>横浜空調エンジニアリング株式会社</t>
  </si>
  <si>
    <t>港北区新羽町2432-6</t>
  </si>
  <si>
    <t>045-718-5010</t>
  </si>
  <si>
    <t>第１－１８３５号</t>
  </si>
  <si>
    <t>株式会社　レンタックス</t>
  </si>
  <si>
    <t>株式会社レンタックス　神奈川センター</t>
  </si>
  <si>
    <t>第１－１８３９号</t>
  </si>
  <si>
    <t>有限会社　菅原設備工業</t>
  </si>
  <si>
    <t>有限会社菅原設備工業</t>
  </si>
  <si>
    <t>八街は18-219</t>
  </si>
  <si>
    <t>043-444-1426</t>
  </si>
  <si>
    <t>第１－１８４０号</t>
  </si>
  <si>
    <t>有限会社　若松設備</t>
  </si>
  <si>
    <t>有限会社若松設備</t>
  </si>
  <si>
    <t>保土ケ谷区法泉1-2-29</t>
  </si>
  <si>
    <t>045-515-7948</t>
  </si>
  <si>
    <t>第１－１８４１号</t>
  </si>
  <si>
    <t>株式会社　ハマダ</t>
  </si>
  <si>
    <t>株式会社ハマダ</t>
  </si>
  <si>
    <t>木更津市</t>
  </si>
  <si>
    <t>0438-36-7721</t>
  </si>
  <si>
    <t>第１－１８４２号</t>
  </si>
  <si>
    <t>有限会社　三愛設備</t>
  </si>
  <si>
    <t>有限会社三愛設備</t>
  </si>
  <si>
    <t>鳩ヶ谷本町3-16-2</t>
  </si>
  <si>
    <t>048-283-6555</t>
  </si>
  <si>
    <t>第１－１８４４号</t>
  </si>
  <si>
    <t>アゼウス　株式会社</t>
  </si>
  <si>
    <t>アゼウス株式会社</t>
  </si>
  <si>
    <t>青葉区千草台51番地9</t>
  </si>
  <si>
    <t>第１－１８４６号</t>
  </si>
  <si>
    <t>株式会社　エイチ・エス・ワイ</t>
  </si>
  <si>
    <t>株式会社エイチ・エス・ワイ</t>
  </si>
  <si>
    <t>泉三丁目3番地21</t>
  </si>
  <si>
    <t>048-949-0220</t>
  </si>
  <si>
    <t>第１－１８４８号</t>
  </si>
  <si>
    <t>関和　𠀋雄</t>
  </si>
  <si>
    <t>関和𠀋雄</t>
  </si>
  <si>
    <t>大宮区天沼町2丁目631-1-310</t>
  </si>
  <si>
    <t>048-672-5915</t>
  </si>
  <si>
    <t>第１－１８５１号</t>
  </si>
  <si>
    <t>株式会社　エム・アール・コーポレーション</t>
  </si>
  <si>
    <t>株式会社エム・アール・コーポレーション</t>
  </si>
  <si>
    <t>港北区新羽町4591-1</t>
  </si>
  <si>
    <t>045-594-4626</t>
  </si>
  <si>
    <t>第１－１８５２号</t>
  </si>
  <si>
    <t>株式会社　エア・クラフト</t>
  </si>
  <si>
    <t>株式会社エア・クラフト</t>
  </si>
  <si>
    <t>南区永田東2-30-7</t>
  </si>
  <si>
    <t>045-325-8008</t>
  </si>
  <si>
    <t>第１－１８５４号</t>
  </si>
  <si>
    <t>ダイキンＭＲエンジニアリング　株式会社　</t>
  </si>
  <si>
    <t>ダイキンＭＲエンジニアリング株式会社　東京オフィス</t>
  </si>
  <si>
    <t>川崎区東田町11番地27メットライフ川崎ビル8階</t>
  </si>
  <si>
    <t>044-210-3050</t>
  </si>
  <si>
    <t>第１－１８５７号</t>
  </si>
  <si>
    <t>株式会社　ＥＢＡＣ</t>
  </si>
  <si>
    <t>株式会社ＥＢＡＣ</t>
  </si>
  <si>
    <t>八雲1-6-5</t>
  </si>
  <si>
    <t>03-3724-3681</t>
  </si>
  <si>
    <t>第１－１８６０号</t>
  </si>
  <si>
    <t>株式会社　Ｍ－Ｋエンジニア</t>
  </si>
  <si>
    <t>株式会社Ｍ－Ｋエンジニア</t>
  </si>
  <si>
    <t>042-985-2500</t>
  </si>
  <si>
    <t>第１－１８６４号</t>
  </si>
  <si>
    <t>株式会社　三協</t>
  </si>
  <si>
    <t>株式会社三協</t>
  </si>
  <si>
    <t>西区平沼2-7-23</t>
  </si>
  <si>
    <t>045-320-1677</t>
  </si>
  <si>
    <t>第１－１８６５号</t>
  </si>
  <si>
    <t>株式会社　浜設備工業</t>
  </si>
  <si>
    <t>株式会社浜設備工業</t>
  </si>
  <si>
    <t>多摩区生田2-18-17</t>
  </si>
  <si>
    <t>044-922-8667</t>
  </si>
  <si>
    <t>第１－１８６６号</t>
  </si>
  <si>
    <t>有限会社　エスケー電機</t>
  </si>
  <si>
    <t>有限会社エスケー電機</t>
  </si>
  <si>
    <t>新堀609-2</t>
  </si>
  <si>
    <t>第１－１８６７号</t>
  </si>
  <si>
    <t>東田端2-9-6　クロコダイル第3、6階</t>
  </si>
  <si>
    <t>03-3894-4409</t>
  </si>
  <si>
    <t>第１－１８７１号</t>
  </si>
  <si>
    <t>I TECH  株式会社　</t>
  </si>
  <si>
    <t>I TECH株式会社</t>
  </si>
  <si>
    <t>久米川町1-24-39</t>
  </si>
  <si>
    <t>第１－１８７２号</t>
  </si>
  <si>
    <t>ユーロインターナショナル　株式会社</t>
  </si>
  <si>
    <t>ユーロインターナショナル株式会社　横浜工場</t>
  </si>
  <si>
    <t>青葉区恩田町3032</t>
  </si>
  <si>
    <t>045-988-2128</t>
  </si>
  <si>
    <t>第１－１８７３号</t>
  </si>
  <si>
    <t>株式会社　大佳</t>
  </si>
  <si>
    <t>株式会社大佳</t>
  </si>
  <si>
    <t>鶴牧三丁目4番地</t>
  </si>
  <si>
    <t>042-376-0121</t>
  </si>
  <si>
    <t>株式会社　レグルス</t>
  </si>
  <si>
    <t>株式会社レグルス</t>
  </si>
  <si>
    <t>第１－１８７９号</t>
  </si>
  <si>
    <t>有限会社　彩栄設備</t>
  </si>
  <si>
    <t>有限会社彩栄設備</t>
  </si>
  <si>
    <t>049-236-2655</t>
  </si>
  <si>
    <t>第１－１８８０号</t>
  </si>
  <si>
    <t>株式会社　ユーアイ・テクノス</t>
  </si>
  <si>
    <t>株式会社ユーアイ・テクノス</t>
  </si>
  <si>
    <t>東馬込一丁目17番8号</t>
  </si>
  <si>
    <t>03-5718-2701</t>
  </si>
  <si>
    <t>第１－１８８１号</t>
  </si>
  <si>
    <t>石毛　昇</t>
  </si>
  <si>
    <t>創意</t>
  </si>
  <si>
    <t>玉堤2-10-5</t>
  </si>
  <si>
    <t>090-2727-6839</t>
  </si>
  <si>
    <t>第１－１８８３号</t>
  </si>
  <si>
    <t>トプレック　株式会社</t>
  </si>
  <si>
    <t>トプレック株式会社　厚木サービスセンター</t>
  </si>
  <si>
    <t>歌川3-3-3</t>
  </si>
  <si>
    <t>0463-98-1325</t>
  </si>
  <si>
    <t>第１－１８８４号</t>
  </si>
  <si>
    <t>商品化技術　株式会社</t>
  </si>
  <si>
    <t>商品化技術株式会社</t>
  </si>
  <si>
    <t>牟礼7-6-53</t>
  </si>
  <si>
    <t>0422-79-2886</t>
  </si>
  <si>
    <t>第１－１８８５号</t>
  </si>
  <si>
    <t>東洋電興　株式会社</t>
  </si>
  <si>
    <t>東洋電興株式会社</t>
  </si>
  <si>
    <t>外神田2-8-4</t>
  </si>
  <si>
    <t>03-3257-0963</t>
  </si>
  <si>
    <t>第１－１８８６号</t>
  </si>
  <si>
    <t>株式会社　ホクセイ冷熱</t>
  </si>
  <si>
    <t>株式会社ホクセイ冷熱</t>
  </si>
  <si>
    <t>桜台5-16-12</t>
  </si>
  <si>
    <t>03-5984-0611</t>
  </si>
  <si>
    <t>第１－１８８７号</t>
  </si>
  <si>
    <t>株式会社　ナック</t>
  </si>
  <si>
    <t>株式会社ナック</t>
  </si>
  <si>
    <t>松原2-32-14</t>
  </si>
  <si>
    <t>03-3324-6987</t>
  </si>
  <si>
    <t>第１－１８８８号</t>
  </si>
  <si>
    <t>有限会社　レーケン</t>
  </si>
  <si>
    <t>有限会社レーケン足立営業所</t>
  </si>
  <si>
    <t>保木間5-22-12</t>
  </si>
  <si>
    <t>03-3885-6581</t>
  </si>
  <si>
    <t>第１－１８９１号</t>
  </si>
  <si>
    <t>有限会社　ファーストプランニング</t>
  </si>
  <si>
    <t>有限会社ファーストプランニング</t>
  </si>
  <si>
    <t>022-376-6503</t>
  </si>
  <si>
    <t>第１－１８９５号</t>
  </si>
  <si>
    <t>株式会社　エアリズム</t>
  </si>
  <si>
    <t>株式会社エアリズム</t>
  </si>
  <si>
    <t>鎌ケ谷市</t>
  </si>
  <si>
    <t>東道野辺三丁目15番55号</t>
  </si>
  <si>
    <t>047-442-0960</t>
  </si>
  <si>
    <t>第１－１８９６号</t>
  </si>
  <si>
    <t>株式会社　エスアンドエー</t>
  </si>
  <si>
    <t>株式会社エスアンドエー</t>
  </si>
  <si>
    <t>中町3丁目16番13号</t>
  </si>
  <si>
    <t>042-732-5501</t>
  </si>
  <si>
    <t>第１－１８９７号</t>
  </si>
  <si>
    <t>株式会社　エムエステック</t>
  </si>
  <si>
    <t>株式会社エムエステック　東京支店</t>
  </si>
  <si>
    <t>湊1-8-15</t>
  </si>
  <si>
    <t>03-3523-1601</t>
  </si>
  <si>
    <t>第１－１８９８号</t>
  </si>
  <si>
    <t>有限会社　スルガ冷機</t>
  </si>
  <si>
    <t>有限会社スルガ冷機</t>
  </si>
  <si>
    <t>黒田258-1</t>
  </si>
  <si>
    <t>0544-28-0618</t>
  </si>
  <si>
    <t>第１－１８９９号</t>
  </si>
  <si>
    <t>株式会社　ハイランド設備</t>
  </si>
  <si>
    <t>株式会社ハイランド設備　8丁目事業所</t>
  </si>
  <si>
    <t>東砂8-17-12</t>
  </si>
  <si>
    <t>03-3646-5645</t>
  </si>
  <si>
    <t>第１－１９０２号</t>
  </si>
  <si>
    <t>株式会社　アドバンテック</t>
  </si>
  <si>
    <t>株式会社アドバンテック</t>
  </si>
  <si>
    <t>稲毛区山王町289-27</t>
  </si>
  <si>
    <t>043-304-2405</t>
  </si>
  <si>
    <t>第１－１９０３号</t>
  </si>
  <si>
    <t>有限会社　いづ電気設備</t>
  </si>
  <si>
    <t>有限会社いづ電気設備</t>
  </si>
  <si>
    <t>日の出2-15-11</t>
  </si>
  <si>
    <t>047-495-3575</t>
  </si>
  <si>
    <t>第１－１９０５号</t>
  </si>
  <si>
    <t>株式会社　リバーグリーン</t>
  </si>
  <si>
    <t>株式会社リバーグリーン</t>
  </si>
  <si>
    <t>騎西517番地10</t>
  </si>
  <si>
    <t>0480-73-2731</t>
  </si>
  <si>
    <t>第１－１９０６号</t>
  </si>
  <si>
    <t>有限会社　松川設備</t>
  </si>
  <si>
    <t>有限会社松川設備</t>
  </si>
  <si>
    <t>大谷町412-28</t>
  </si>
  <si>
    <t>042-648-5055</t>
  </si>
  <si>
    <t>第１－１９０７号</t>
  </si>
  <si>
    <t>有限会社　松輝</t>
  </si>
  <si>
    <t>有限会社松輝</t>
  </si>
  <si>
    <t>高津区蟹ヶ谷150-2</t>
  </si>
  <si>
    <t>044-272-8493</t>
  </si>
  <si>
    <t>第１－１９０９号</t>
  </si>
  <si>
    <t>株式会社　永福冷熱</t>
  </si>
  <si>
    <t>株式会社永福冷熱</t>
  </si>
  <si>
    <t>芝塚原二丁目18番12号</t>
  </si>
  <si>
    <t>048-268-2586</t>
  </si>
  <si>
    <t>第１－１９１２号</t>
  </si>
  <si>
    <t>有限会社　八重洲電機サービス</t>
  </si>
  <si>
    <t>有限会社八重洲電機サービス</t>
  </si>
  <si>
    <t>港北区大豆戸町833-1</t>
  </si>
  <si>
    <t>045-544-4652</t>
  </si>
  <si>
    <t>第１－１９１６号</t>
  </si>
  <si>
    <t>株式会社　三企</t>
  </si>
  <si>
    <t>株式会社三企</t>
  </si>
  <si>
    <t>町屋七丁目21番5号</t>
  </si>
  <si>
    <t>03-3895-5555</t>
  </si>
  <si>
    <t>第１－１９１７号</t>
  </si>
  <si>
    <t>エスペック　株式会社</t>
  </si>
  <si>
    <t>エスペック株式会社　厚木ブランチ</t>
  </si>
  <si>
    <t>東成瀬36-5</t>
  </si>
  <si>
    <t>0463-94-9433</t>
  </si>
  <si>
    <t>エスペック株式会社　西東京ブランチ</t>
  </si>
  <si>
    <t>富士見台4-2-10</t>
  </si>
  <si>
    <t>042-501-2571</t>
  </si>
  <si>
    <t>エスペック株式会社　神奈川オフィス</t>
  </si>
  <si>
    <t>中原区下小田中1-29-12</t>
  </si>
  <si>
    <t>044-740-8450</t>
  </si>
  <si>
    <t>エスペック株式会社　福知山工場</t>
  </si>
  <si>
    <t>京都府</t>
  </si>
  <si>
    <t>福知山市</t>
  </si>
  <si>
    <t>長田野町1-7</t>
  </si>
  <si>
    <t>0773-27-3131</t>
  </si>
  <si>
    <t>第１－１９１９号</t>
  </si>
  <si>
    <t>鈴木　孝行</t>
  </si>
  <si>
    <t>ＴＲ設備　鈴木孝行</t>
  </si>
  <si>
    <t>池袋3-14-2</t>
  </si>
  <si>
    <t>03-5952-9697</t>
  </si>
  <si>
    <t>第１－１９２５号</t>
  </si>
  <si>
    <t>株式会社　中村電気</t>
  </si>
  <si>
    <t>株式会社中村電気</t>
  </si>
  <si>
    <t>野火止一丁目14番5号</t>
  </si>
  <si>
    <t>048-477-2190</t>
  </si>
  <si>
    <t>第１－１９２６号</t>
  </si>
  <si>
    <t>ドーワテック　株式会社</t>
  </si>
  <si>
    <t>ドーワテック株式会社</t>
  </si>
  <si>
    <t>平成台21番地</t>
  </si>
  <si>
    <t>055-988-8281</t>
  </si>
  <si>
    <t>第１－１９３２号</t>
  </si>
  <si>
    <t>有限会社　ハマダ空調</t>
  </si>
  <si>
    <t>有限会社ハマダ空調</t>
  </si>
  <si>
    <t>志木市</t>
  </si>
  <si>
    <t>上宗岡2-19-40</t>
  </si>
  <si>
    <t>048-229-8811</t>
  </si>
  <si>
    <t>第１－１９３５号</t>
  </si>
  <si>
    <t>株式会社　西岡機械サービス</t>
  </si>
  <si>
    <t>株式会社西岡機械サービス</t>
  </si>
  <si>
    <t>旭区鶴ケ峰本町1-31-5</t>
  </si>
  <si>
    <t>045-955-1120</t>
  </si>
  <si>
    <t>第１－１９３６号</t>
  </si>
  <si>
    <t>有限会社　シマダデンキ</t>
  </si>
  <si>
    <t>有限会社シマダデンキ</t>
  </si>
  <si>
    <t>宮坂2-26-16</t>
  </si>
  <si>
    <t>03-5477-8450</t>
  </si>
  <si>
    <t>第１－１９３７号</t>
  </si>
  <si>
    <t>株式会社　平和電器</t>
  </si>
  <si>
    <t>株式会社平和電器</t>
  </si>
  <si>
    <t>下小山田町2726-11</t>
  </si>
  <si>
    <t>042-797-3871</t>
  </si>
  <si>
    <t>第１－１９３８号</t>
  </si>
  <si>
    <t>芝山2-14-28</t>
  </si>
  <si>
    <t>047-496-5570</t>
  </si>
  <si>
    <t>第１－１９３９号</t>
  </si>
  <si>
    <t>株式会社　ダイシン冷熱</t>
  </si>
  <si>
    <t>株式会社ダイシン冷熱</t>
  </si>
  <si>
    <t>大岡山1-36-21</t>
  </si>
  <si>
    <t>03-3723-6797</t>
  </si>
  <si>
    <t>第１－１９４２号</t>
  </si>
  <si>
    <t>株式会社　坪井冷機</t>
  </si>
  <si>
    <t>株式会社坪井冷機</t>
  </si>
  <si>
    <t>大字三野宮359番地5</t>
  </si>
  <si>
    <t>048-973-6688</t>
  </si>
  <si>
    <t>第１－１９４３号</t>
  </si>
  <si>
    <t>株式会社　タクト</t>
  </si>
  <si>
    <t>株式会社タクト</t>
  </si>
  <si>
    <t>増田新田306-3</t>
  </si>
  <si>
    <t>048-731-1920</t>
  </si>
  <si>
    <t>第１－１９４４号</t>
  </si>
  <si>
    <t>株式会社　宮田電気</t>
  </si>
  <si>
    <t>株式会社宮田電気</t>
  </si>
  <si>
    <t>旭区市沢町586番地3</t>
  </si>
  <si>
    <t>045-352-5210</t>
  </si>
  <si>
    <t>第１－１９４７号</t>
  </si>
  <si>
    <t>トレイン・ジャパン　株式会社</t>
  </si>
  <si>
    <t>トレイン・ジャパン株式会社</t>
  </si>
  <si>
    <t>上大崎四丁目5番37号　本多電機ビル5階</t>
  </si>
  <si>
    <t>03-5435-6443</t>
  </si>
  <si>
    <t>第１－１９４８号</t>
  </si>
  <si>
    <t>中京フロン　株式会社</t>
  </si>
  <si>
    <t>中京フロン株式会社</t>
  </si>
  <si>
    <t>中川区吉津二丁目2612番地</t>
  </si>
  <si>
    <t>052-433-0088</t>
  </si>
  <si>
    <t>中京フロン株式会社　東京本店</t>
  </si>
  <si>
    <t>西保木間三丁目16番26号</t>
  </si>
  <si>
    <t>03-5856-5141</t>
  </si>
  <si>
    <t>中京フロン株式会社　浜松工場</t>
  </si>
  <si>
    <t>北区細江町中川1930-4</t>
  </si>
  <si>
    <t>053-523-7761</t>
  </si>
  <si>
    <t>中京フロン株式会社　大阪支店</t>
  </si>
  <si>
    <t>摂津市</t>
  </si>
  <si>
    <t>鳥飼上5丁目8番41号</t>
  </si>
  <si>
    <t>072-653-1800</t>
  </si>
  <si>
    <t>中京フロン株式会社　福岡営業所</t>
  </si>
  <si>
    <t>福岡県</t>
  </si>
  <si>
    <t>福岡市</t>
  </si>
  <si>
    <t>博多区山王一丁目15番1号</t>
  </si>
  <si>
    <t>092-477-7172</t>
  </si>
  <si>
    <t>第１－１９４９号</t>
  </si>
  <si>
    <t>株式会社　エステック</t>
  </si>
  <si>
    <t>株式会社エステック</t>
  </si>
  <si>
    <t>本町3-3-26　ポートビラ1　1階</t>
  </si>
  <si>
    <t>047-402-6231</t>
  </si>
  <si>
    <t>第１－１９５０号</t>
  </si>
  <si>
    <t>株式会社　赤丸空調設備</t>
  </si>
  <si>
    <t>株式会社赤丸空調設備</t>
  </si>
  <si>
    <t>旭区上川井町2437-5</t>
  </si>
  <si>
    <t>045-442-4065</t>
  </si>
  <si>
    <t>第１－１９５２号</t>
  </si>
  <si>
    <t>和光産業　株式会社</t>
  </si>
  <si>
    <t>和光産業株式会社</t>
  </si>
  <si>
    <t>都筑区北山田2-24-15番地</t>
  </si>
  <si>
    <t>045-594-1631</t>
  </si>
  <si>
    <t>第１－１９５３号</t>
  </si>
  <si>
    <t>株式会社　雅</t>
  </si>
  <si>
    <t>株式会社雅</t>
  </si>
  <si>
    <t>岩槻区大字末田344番地1</t>
  </si>
  <si>
    <t>048-797-7517</t>
  </si>
  <si>
    <t>第１－１９５５号</t>
  </si>
  <si>
    <t>有限会社　アマノ冷熱</t>
  </si>
  <si>
    <t>有限会社アマノ冷熱</t>
  </si>
  <si>
    <t>柿の木坂2丁目11番7号</t>
  </si>
  <si>
    <t>03-3724-6420</t>
  </si>
  <si>
    <t>第１－１９５６号</t>
  </si>
  <si>
    <t>東邦エンジニアリング　株式会社</t>
  </si>
  <si>
    <t>東邦エンジニアリング株式会社</t>
  </si>
  <si>
    <t>赤羽台3-11-5</t>
  </si>
  <si>
    <t>03-5993-8120</t>
  </si>
  <si>
    <t>第１－１９５７号</t>
  </si>
  <si>
    <t>井上店舗設備　株式会社</t>
  </si>
  <si>
    <t>井上店舗設備株式会社</t>
  </si>
  <si>
    <t>南川崎574番1</t>
  </si>
  <si>
    <t>048-948-7388</t>
  </si>
  <si>
    <t>第１－１９６３号</t>
  </si>
  <si>
    <t>中部増成機械工業　株式会社</t>
  </si>
  <si>
    <t>中部増成機械工業株式会社</t>
  </si>
  <si>
    <t>中川区柳島町三丁目24番地</t>
  </si>
  <si>
    <t>052-361-4166</t>
  </si>
  <si>
    <t>第１－１９６６号</t>
  </si>
  <si>
    <t>関東精機　株式会社</t>
  </si>
  <si>
    <t>関東精機株式会社</t>
  </si>
  <si>
    <t>前橋市</t>
  </si>
  <si>
    <t>大渡町二丁目1番地の10</t>
  </si>
  <si>
    <t>027-251-2121</t>
  </si>
  <si>
    <t>第１－１９６７号</t>
  </si>
  <si>
    <t>株式会社　美原興業</t>
  </si>
  <si>
    <t>株式会社美原興業</t>
  </si>
  <si>
    <t>多摩区中野島4-1-1-306</t>
  </si>
  <si>
    <t>044-934-3442</t>
  </si>
  <si>
    <t>第１－１９６８号</t>
  </si>
  <si>
    <t>岡部　祐一</t>
  </si>
  <si>
    <t>緑GHPサービス</t>
  </si>
  <si>
    <t>緑区長津田1-10-2</t>
  </si>
  <si>
    <t>090-1705-1166</t>
  </si>
  <si>
    <t>第１－１９７０号</t>
  </si>
  <si>
    <t>アビステック　株式会社</t>
  </si>
  <si>
    <t>アビステック株式会社</t>
  </si>
  <si>
    <t>東葛西6-1-20　ロングボックス101</t>
  </si>
  <si>
    <t>03-6456-0910</t>
  </si>
  <si>
    <t>第１－１９７１号</t>
  </si>
  <si>
    <t>有限会社　三巧空調</t>
  </si>
  <si>
    <t>有限会社三巧空調</t>
  </si>
  <si>
    <t>本宿町3-28-40</t>
  </si>
  <si>
    <t>042-351-4886</t>
  </si>
  <si>
    <t>第１－１９７４号</t>
  </si>
  <si>
    <t>株式会社　カメダ熱電</t>
  </si>
  <si>
    <t>株式会社カメダ熱電</t>
  </si>
  <si>
    <t>大間野町五丁目253番地1</t>
  </si>
  <si>
    <t>048-988-3011</t>
  </si>
  <si>
    <t>第１－１９７５号</t>
  </si>
  <si>
    <t>サンスイ機工　株式会社</t>
  </si>
  <si>
    <t>サンスイ機工株式会社</t>
  </si>
  <si>
    <t>江東橋1-16-1-104</t>
  </si>
  <si>
    <t>03-6659-2261</t>
  </si>
  <si>
    <t>第１－１９７８号</t>
  </si>
  <si>
    <t>株式会社　スリーシープランニング</t>
  </si>
  <si>
    <t>株式会社スリーシープランニング</t>
  </si>
  <si>
    <t>南品川3丁目6番31号</t>
  </si>
  <si>
    <t>03-5769-0157</t>
  </si>
  <si>
    <t>第１－１９８０号</t>
  </si>
  <si>
    <t>株式会社　光陽電業社</t>
  </si>
  <si>
    <t>株式会社光陽電業社</t>
  </si>
  <si>
    <t>中原区新丸子東二丁目905番地2</t>
  </si>
  <si>
    <t>044-434-2811</t>
  </si>
  <si>
    <t>第１－１９８１号</t>
  </si>
  <si>
    <t>株式会社　トーミック</t>
  </si>
  <si>
    <t>株式会社トーミック</t>
  </si>
  <si>
    <t>加賀2-14-12</t>
  </si>
  <si>
    <t>03-5837-1488</t>
  </si>
  <si>
    <t>第１－１９８２号</t>
  </si>
  <si>
    <t>有限会社　アンテック</t>
  </si>
  <si>
    <t>有限会社アンテック</t>
  </si>
  <si>
    <t>保土ケ谷区新井町151</t>
  </si>
  <si>
    <t>第１－１９８４号</t>
  </si>
  <si>
    <t>株式会社　青心冷機</t>
  </si>
  <si>
    <t>株式会社青心冷機</t>
  </si>
  <si>
    <t>見沼区深作3-33-19</t>
  </si>
  <si>
    <t>048-797-5881</t>
  </si>
  <si>
    <t>第１－１９８６号</t>
  </si>
  <si>
    <t>武蔵野工業　株式会社</t>
  </si>
  <si>
    <t>武蔵野工業株式会社</t>
  </si>
  <si>
    <t>港北区新横浜一丁目3番地1</t>
  </si>
  <si>
    <t>045-471-2838</t>
  </si>
  <si>
    <t>第１－１９８７号</t>
  </si>
  <si>
    <t>有限会社　ケンテックシステムズ</t>
  </si>
  <si>
    <t>有限会社ケンテックシステムズ</t>
  </si>
  <si>
    <t>南大塚1-24-3</t>
  </si>
  <si>
    <t>049-241-8364</t>
  </si>
  <si>
    <t>第１－１９９０号</t>
  </si>
  <si>
    <t>株式会社　ＡＲＩＧＡ</t>
  </si>
  <si>
    <t>株式会社ＡＲＩＧＡ</t>
  </si>
  <si>
    <t>栄町17番地8号</t>
  </si>
  <si>
    <t>03-3919-0911</t>
  </si>
  <si>
    <t>第１－１９９３号</t>
  </si>
  <si>
    <t>株式会社　シマダ電気設備</t>
  </si>
  <si>
    <t>株式会社シマダ電気設備</t>
  </si>
  <si>
    <t>新里町273-3</t>
  </si>
  <si>
    <t>048-948-6028</t>
  </si>
  <si>
    <t>第１－１９９４号</t>
  </si>
  <si>
    <t>ＳＫテクノ　株式会社</t>
  </si>
  <si>
    <t>ＳＫテクノ株式会社</t>
  </si>
  <si>
    <t>旭区白根7丁目4番12号</t>
  </si>
  <si>
    <t>045-953-5160</t>
  </si>
  <si>
    <t>第１－１９９６号</t>
  </si>
  <si>
    <t>株式会社　エム・テイ・テイ</t>
  </si>
  <si>
    <t>株式会社エム・テイ・テイ</t>
  </si>
  <si>
    <t>関町北3-1-10</t>
  </si>
  <si>
    <t>03-5927-5061</t>
  </si>
  <si>
    <t>第１－２００４号</t>
  </si>
  <si>
    <t>有限会社　三輪エーシーイー</t>
  </si>
  <si>
    <t>有限会社三輪エーシーイー</t>
  </si>
  <si>
    <t>大宮1-7-18　K'sハウス101</t>
  </si>
  <si>
    <t>03-5929-8633</t>
  </si>
  <si>
    <t>第１－２００６号</t>
  </si>
  <si>
    <t>有限会社　エムアイテック</t>
  </si>
  <si>
    <t>有限会社エムアイテック</t>
  </si>
  <si>
    <t>前野町5-12-14</t>
  </si>
  <si>
    <t>03-5970-1299</t>
  </si>
  <si>
    <t>第１－２００９号</t>
  </si>
  <si>
    <t>有限会社　アームズ</t>
  </si>
  <si>
    <t>有限会社アームズ</t>
  </si>
  <si>
    <t>大井中央4-17-14</t>
  </si>
  <si>
    <t>第１－２０１０号</t>
  </si>
  <si>
    <t>有限会社　アオイ空調</t>
  </si>
  <si>
    <t>有限会社アオイ空調</t>
  </si>
  <si>
    <t>緑区十日市場町868番地21</t>
  </si>
  <si>
    <t>045-532-6990</t>
  </si>
  <si>
    <t>第１－２０１２号</t>
  </si>
  <si>
    <t>コーヨーインストール　株式会社</t>
  </si>
  <si>
    <t>コーヨーインストール株式会社</t>
  </si>
  <si>
    <t>調布ケ丘2-37-5</t>
  </si>
  <si>
    <t>042-487-1231</t>
  </si>
  <si>
    <t>第１－２０１４号</t>
  </si>
  <si>
    <t>大和物流　株式会社</t>
  </si>
  <si>
    <t>大和物流株式会社　三郷支店草加出張所</t>
  </si>
  <si>
    <t>柿木町1200番1</t>
  </si>
  <si>
    <t>048-954-5065</t>
  </si>
  <si>
    <t>第１－２０１６号</t>
  </si>
  <si>
    <t>有限会社　隆星工業</t>
  </si>
  <si>
    <t>有限会社隆星工業</t>
  </si>
  <si>
    <t>旭区今宿東町863番地4</t>
  </si>
  <si>
    <t>第１－２０１８号</t>
  </si>
  <si>
    <t>株式会社　ユニテック</t>
  </si>
  <si>
    <t>株式会社ユニテック</t>
  </si>
  <si>
    <t>中央区下落合七丁目11番2号1F</t>
  </si>
  <si>
    <t>第１－２０１９号</t>
  </si>
  <si>
    <t>株式会社　シバテック</t>
  </si>
  <si>
    <t>株式会社シバテック</t>
  </si>
  <si>
    <t>福島県</t>
  </si>
  <si>
    <t>福島市</t>
  </si>
  <si>
    <t>丸子字漆方6-1</t>
  </si>
  <si>
    <t>024-554-5322</t>
  </si>
  <si>
    <t>第１－２０２０号</t>
  </si>
  <si>
    <t>株式会社　𠮷田空調工業</t>
  </si>
  <si>
    <t>株式会社吉田空調工業</t>
  </si>
  <si>
    <t>早稲田7-31-1-512</t>
  </si>
  <si>
    <t>048-959-1321</t>
  </si>
  <si>
    <t>第１－２０２４号</t>
  </si>
  <si>
    <t>日本エアーコンジシヨナース　株式会社</t>
  </si>
  <si>
    <t>日本エアーコンジショナース株式会社</t>
  </si>
  <si>
    <t>銀座7丁目13番6号</t>
  </si>
  <si>
    <t>03-3541-4541</t>
  </si>
  <si>
    <t>第１－２０２５号</t>
  </si>
  <si>
    <t>平和電化工業　株式会社</t>
  </si>
  <si>
    <t>平和電化工業株式会社</t>
  </si>
  <si>
    <t>代田3丁目2番1号</t>
  </si>
  <si>
    <t>第１－２０２６号</t>
  </si>
  <si>
    <t>株式会社　ケーズモビリティ</t>
  </si>
  <si>
    <t>株式会社ケーズモビリティ</t>
  </si>
  <si>
    <t>東日暮里3-9-4</t>
  </si>
  <si>
    <t>03-5604-5201</t>
  </si>
  <si>
    <t>第１－２０２７号</t>
  </si>
  <si>
    <t>株式会社　シーエフ</t>
  </si>
  <si>
    <t>株式会社シーエフ</t>
  </si>
  <si>
    <t>本町3-14-3</t>
  </si>
  <si>
    <t>03-5354-7633</t>
  </si>
  <si>
    <t>第１－２０２９号</t>
  </si>
  <si>
    <t>ＭＡＳＡテクノサービス　株式会社</t>
  </si>
  <si>
    <t>ＭＡＳＡテクノサービス株式会社</t>
  </si>
  <si>
    <t>東小保方町3494番地1</t>
  </si>
  <si>
    <t>0270-75-3057</t>
  </si>
  <si>
    <t>第１－２０３０号</t>
  </si>
  <si>
    <t>株式会社　ケイアド</t>
  </si>
  <si>
    <t>株式会社ケイアド</t>
  </si>
  <si>
    <t>八潮六丁目17番4</t>
  </si>
  <si>
    <t>048-951-1558</t>
  </si>
  <si>
    <t>第１－２０３１号</t>
  </si>
  <si>
    <t>株式会社　ワイズ</t>
  </si>
  <si>
    <t>株式会社ワイズ</t>
  </si>
  <si>
    <t>赤沢24－3</t>
  </si>
  <si>
    <t>0557-54-4747</t>
  </si>
  <si>
    <t>第１－２０３２号</t>
  </si>
  <si>
    <t>株式会社　谷口空調設備</t>
  </si>
  <si>
    <t>株式会社谷口空調設備</t>
  </si>
  <si>
    <t>多摩区南生田6-7-1-104</t>
  </si>
  <si>
    <t>044-975-6802</t>
  </si>
  <si>
    <t>第１－２０３３号</t>
  </si>
  <si>
    <t>細谷工業　株式会社</t>
  </si>
  <si>
    <t>細谷工業株式会社</t>
  </si>
  <si>
    <t>並榎町85-7</t>
  </si>
  <si>
    <t>027-362-7711</t>
  </si>
  <si>
    <t>細谷工業株式会社　横浜営業所</t>
  </si>
  <si>
    <t>西区南軽井沢13-3</t>
  </si>
  <si>
    <t>045-548-9933</t>
  </si>
  <si>
    <t>細谷工業株式会社　千葉営業所</t>
  </si>
  <si>
    <t>若葉区源町828</t>
  </si>
  <si>
    <t>043-207-1155</t>
  </si>
  <si>
    <t>第１－２０３４号</t>
  </si>
  <si>
    <t>株式会社　空調メンテナンスサービス</t>
  </si>
  <si>
    <t>株式会社空調メンテナンスサービス</t>
  </si>
  <si>
    <t>東葛西8-3-7</t>
  </si>
  <si>
    <t>03-3877-1488</t>
  </si>
  <si>
    <t>第１－２０３５号</t>
  </si>
  <si>
    <t>有限会社　原空調設備</t>
  </si>
  <si>
    <t>有限会社原空調設備</t>
  </si>
  <si>
    <t>六木3丁目1番13号</t>
  </si>
  <si>
    <t>03-3606-6906</t>
  </si>
  <si>
    <t>第１－２０３６号</t>
  </si>
  <si>
    <t>有限会社　誠佑</t>
  </si>
  <si>
    <t>有限会社誠佑</t>
  </si>
  <si>
    <t>港南区芹が谷2-13-20-502</t>
  </si>
  <si>
    <t>045-824-9909</t>
  </si>
  <si>
    <t>第１－２０３７号</t>
  </si>
  <si>
    <t>有限会社　ナックス</t>
  </si>
  <si>
    <t>有限会社ナックス</t>
  </si>
  <si>
    <t>習志野市</t>
  </si>
  <si>
    <t>実籾5-37-6</t>
  </si>
  <si>
    <t>047-470-2022</t>
  </si>
  <si>
    <t>第１－２０３８号</t>
  </si>
  <si>
    <t>株式会社　クロダ電工</t>
  </si>
  <si>
    <t>株式会社クロダ電工</t>
  </si>
  <si>
    <t>桶川市</t>
  </si>
  <si>
    <t>大字下日出谷488番地2</t>
  </si>
  <si>
    <t>048-787-1123</t>
  </si>
  <si>
    <t>第１－２０４１号</t>
  </si>
  <si>
    <t>大竹　正志</t>
  </si>
  <si>
    <t>ライズ</t>
  </si>
  <si>
    <t>森野5丁目10番3-107号</t>
  </si>
  <si>
    <t>042-728-0315</t>
  </si>
  <si>
    <t>第１－２０４２号</t>
  </si>
  <si>
    <t>株式会社　川崎機設工業</t>
  </si>
  <si>
    <t>株式会社川崎機設工業</t>
  </si>
  <si>
    <t>愛住町22番地　山下ビル1階</t>
  </si>
  <si>
    <t>03-3355-2896</t>
  </si>
  <si>
    <t>第１－２０４３号</t>
  </si>
  <si>
    <t>株式会社　グロービック</t>
  </si>
  <si>
    <t>株式会社グロービック　神奈川サービスセンター</t>
  </si>
  <si>
    <t>妻田北1-1-24</t>
  </si>
  <si>
    <t>046-296-3380</t>
  </si>
  <si>
    <t>第１－２０４４号</t>
  </si>
  <si>
    <t>株式会社　横浜エアサービス</t>
  </si>
  <si>
    <t>株式会社横浜エアサービス</t>
  </si>
  <si>
    <t>都筑区東山田町1583番地29</t>
  </si>
  <si>
    <t>090-4725-6246</t>
  </si>
  <si>
    <t>第１－２０５０号</t>
  </si>
  <si>
    <t>株式会社　ＩＷＡ空調</t>
  </si>
  <si>
    <t>株式会社ＩＷＡ空調</t>
  </si>
  <si>
    <t>稲荷木2-14-23</t>
  </si>
  <si>
    <t>第１－２０５３号</t>
  </si>
  <si>
    <t>有限会社　シイ・オー・エス</t>
  </si>
  <si>
    <t>有限会社シイ・オー・エス</t>
  </si>
  <si>
    <t>戸塚区柏尾町1042－12</t>
  </si>
  <si>
    <t>045-826-4301</t>
  </si>
  <si>
    <t>第１－２０５６号</t>
  </si>
  <si>
    <t>株式会社　埼京デンキセンター</t>
  </si>
  <si>
    <t>株式会社埼京デンキセンター</t>
  </si>
  <si>
    <t>幸町1-14-13</t>
  </si>
  <si>
    <t>048-252-6673</t>
  </si>
  <si>
    <t>第１－２０５７号</t>
  </si>
  <si>
    <t>有限会社　レイキ</t>
  </si>
  <si>
    <t>有限会社レイキ</t>
  </si>
  <si>
    <t>宮前区西野川3-2-23</t>
  </si>
  <si>
    <t>044-799-0322</t>
  </si>
  <si>
    <t>第１－２０５９号</t>
  </si>
  <si>
    <t>成美興業　株式会社</t>
  </si>
  <si>
    <t>成美興業株式会社</t>
  </si>
  <si>
    <t>入谷7丁目7番14号</t>
  </si>
  <si>
    <t>03-5837-0346</t>
  </si>
  <si>
    <t>第１－２０６１号</t>
  </si>
  <si>
    <t>ベイシス　株式会社</t>
  </si>
  <si>
    <t>ベイシス株式会社</t>
  </si>
  <si>
    <t>旭区さちが丘141-3</t>
  </si>
  <si>
    <t>045-350-5115</t>
  </si>
  <si>
    <t>第１－２０６２号</t>
  </si>
  <si>
    <t>ネポン　株式会社</t>
  </si>
  <si>
    <t>ネポン株式会社　厚木事業所</t>
  </si>
  <si>
    <t>上古沢411</t>
  </si>
  <si>
    <t>046-247-3111</t>
  </si>
  <si>
    <t>第１－２０６８号</t>
  </si>
  <si>
    <t>日新総合ビルサービス　株式会社</t>
  </si>
  <si>
    <t>日新総合ビルサービス株式会社</t>
  </si>
  <si>
    <t>西新宿7-15-4　YS第一ビル1階</t>
  </si>
  <si>
    <t>03-3371-6471</t>
  </si>
  <si>
    <t>第１－２０７１号</t>
  </si>
  <si>
    <t>有限会社　アラック</t>
  </si>
  <si>
    <t>有限会社アラック</t>
  </si>
  <si>
    <t>新曽2515-3</t>
  </si>
  <si>
    <t>第１－２０７２号</t>
  </si>
  <si>
    <t>株式会社　三輝</t>
  </si>
  <si>
    <t>株式会社三輝</t>
  </si>
  <si>
    <t>金沢区能見台東13-5-101</t>
  </si>
  <si>
    <t>045-568-6692</t>
  </si>
  <si>
    <t>第１－２０７５号</t>
  </si>
  <si>
    <t>有限会社　内山冷熱</t>
  </si>
  <si>
    <t>有限会社内山冷熱</t>
  </si>
  <si>
    <t>落合6-11-21</t>
  </si>
  <si>
    <t>042-371-2085</t>
  </si>
  <si>
    <t>第１－２０７６号</t>
  </si>
  <si>
    <t>タイジ　株式会社</t>
  </si>
  <si>
    <t>タイジ株式会社</t>
  </si>
  <si>
    <t>川崎区大川町8番2号</t>
  </si>
  <si>
    <t>044-329-5880</t>
  </si>
  <si>
    <t>第１－２０７７号</t>
  </si>
  <si>
    <t>テイクサンデー　株式会社</t>
  </si>
  <si>
    <t>テイクサンデー株式会社</t>
  </si>
  <si>
    <t>西弁財一丁目14番6号</t>
  </si>
  <si>
    <t>048-485-5500</t>
  </si>
  <si>
    <t>第１－２０７９号</t>
  </si>
  <si>
    <t>株式会社　城南サービス</t>
  </si>
  <si>
    <t>株式会社城南サービス</t>
  </si>
  <si>
    <t>東矢口一丁目12番22号</t>
  </si>
  <si>
    <t>03-5714-7400</t>
  </si>
  <si>
    <t>第１－２０８０号</t>
  </si>
  <si>
    <t>三喜工業　株式会社</t>
  </si>
  <si>
    <t>三喜工業株式会社</t>
  </si>
  <si>
    <t>南大塚3-51-4</t>
  </si>
  <si>
    <t>第１－２０８３号</t>
  </si>
  <si>
    <t>阿部化学　株式会社</t>
  </si>
  <si>
    <t>阿部化学株式会社</t>
  </si>
  <si>
    <t>焼津市</t>
  </si>
  <si>
    <t>石脇下1272番地</t>
  </si>
  <si>
    <t>054-629-9311</t>
  </si>
  <si>
    <t>第１－２０８４号</t>
  </si>
  <si>
    <t>株式会社　マルヒロアソシエイツ</t>
  </si>
  <si>
    <t>株式会社マルヒロアソシエイツ</t>
  </si>
  <si>
    <t>東松戸1-2-8 フラワーハイツ105号</t>
  </si>
  <si>
    <t>047-369-7909</t>
  </si>
  <si>
    <t>第１－２０８６号</t>
  </si>
  <si>
    <t>花田　博</t>
  </si>
  <si>
    <t>花田冷機</t>
  </si>
  <si>
    <t>都筑区荏田南2丁目15-13　荏田南ユーワハウスB2</t>
  </si>
  <si>
    <t>045-944-0025</t>
  </si>
  <si>
    <t>第１－２０８８号</t>
  </si>
  <si>
    <t>太田　大</t>
  </si>
  <si>
    <t>太田空調</t>
  </si>
  <si>
    <t>紅葉丘1-31-10　エクセルイン2F</t>
  </si>
  <si>
    <t>042-334-1588</t>
  </si>
  <si>
    <t>第１－２０９２号</t>
  </si>
  <si>
    <t>株式会社　小林茂商店</t>
  </si>
  <si>
    <t>株式会社小林茂商店</t>
  </si>
  <si>
    <t>今井1106番地</t>
  </si>
  <si>
    <t>048-521-6356</t>
  </si>
  <si>
    <t>第１－２０９８号</t>
  </si>
  <si>
    <t>富士電機　株式会社</t>
  </si>
  <si>
    <t>富士電機株式会社 食品流通事業本部</t>
  </si>
  <si>
    <t>大崎1丁目11番2号</t>
  </si>
  <si>
    <t>03-5435-7350</t>
  </si>
  <si>
    <t>第１－２０９９号</t>
  </si>
  <si>
    <t>有限会社　空調エンジニアリング</t>
  </si>
  <si>
    <t>有限会社空調エンジニアリング</t>
  </si>
  <si>
    <t>立川市</t>
  </si>
  <si>
    <t>砂川町2丁目26番地の4</t>
  </si>
  <si>
    <t>042-537-3711</t>
  </si>
  <si>
    <t>第１－２１００号</t>
  </si>
  <si>
    <t>城南テクノサービス　株式会社</t>
  </si>
  <si>
    <t>城南テクノサービス株式会社</t>
  </si>
  <si>
    <t>大森東5丁目4番6号</t>
  </si>
  <si>
    <t>03-5753-9595</t>
  </si>
  <si>
    <t>第１－２１０２号</t>
  </si>
  <si>
    <t>株式会社　本多冷凍機製作所</t>
  </si>
  <si>
    <t>株式会社本多冷凍機製作所</t>
  </si>
  <si>
    <t>花栗2丁目4番51号</t>
  </si>
  <si>
    <t>048-925-3385</t>
  </si>
  <si>
    <t>第１－２１０４号</t>
  </si>
  <si>
    <t>有限会社　共和電機工業</t>
  </si>
  <si>
    <t>有限会社共和電機工業</t>
  </si>
  <si>
    <t>南区山王町4丁目28番地</t>
  </si>
  <si>
    <t>第１－２１０８号</t>
  </si>
  <si>
    <t>有限会社　おおはしでんき</t>
  </si>
  <si>
    <t>有限会社おおはしでんき</t>
  </si>
  <si>
    <t>東矢口2-7-8</t>
  </si>
  <si>
    <t>03-3757-1407</t>
  </si>
  <si>
    <t>第１－２１１０号</t>
  </si>
  <si>
    <t>株式会社　ＹＡＭＡＮＡＫＡ</t>
  </si>
  <si>
    <t>株式会社ＹＡＭＡＮＡＫＡ　川崎工場</t>
  </si>
  <si>
    <t>川崎区浅野町7-1</t>
  </si>
  <si>
    <t>044-333-6541</t>
  </si>
  <si>
    <t>株式会社ＹＡＭＡＮＡＫＡ　大和工場</t>
  </si>
  <si>
    <t>下鶴間2-1-1</t>
  </si>
  <si>
    <t>046-261-6255</t>
  </si>
  <si>
    <t>第１－２１１３号</t>
  </si>
  <si>
    <t>株式会社　アクセプト</t>
  </si>
  <si>
    <t>株式会社アクセプト</t>
  </si>
  <si>
    <t>上野原市</t>
  </si>
  <si>
    <t>新田261番地</t>
  </si>
  <si>
    <t>0554-30-2011</t>
  </si>
  <si>
    <t>第１－２１１６号</t>
  </si>
  <si>
    <t>海谷　曻</t>
  </si>
  <si>
    <t>東神冷機</t>
  </si>
  <si>
    <t>西六郷1-45-9　ペアパレス西六郷Ａ-202</t>
  </si>
  <si>
    <t>03-3734-9423</t>
  </si>
  <si>
    <t>第１－２１１９号</t>
  </si>
  <si>
    <t>株式会社　オオワダ</t>
  </si>
  <si>
    <t>株式会社オオワダ　横浜営業所</t>
  </si>
  <si>
    <t>神奈川区沢渡1-2　高島台第三ビル2F</t>
  </si>
  <si>
    <t>045-312-3970</t>
  </si>
  <si>
    <t>第１－２１２３号</t>
  </si>
  <si>
    <t>ミナトシステムエンジニアリング　株式会社</t>
  </si>
  <si>
    <t>ミナトシステムエンジニアリング株式会社</t>
  </si>
  <si>
    <t>桜区栄和2丁目13番14号</t>
  </si>
  <si>
    <t>048-859-6565</t>
  </si>
  <si>
    <t>第１－２１２４号</t>
  </si>
  <si>
    <t>株式会社　稲垣冷熱</t>
  </si>
  <si>
    <t>株式会社稲垣冷熱</t>
  </si>
  <si>
    <t>港南区芹が谷2丁目19番38号</t>
  </si>
  <si>
    <t>第１－２１２５号</t>
  </si>
  <si>
    <t>ケイズエーアイエム　株式会社</t>
  </si>
  <si>
    <t>ケイズエーアイエム株式会社</t>
  </si>
  <si>
    <t>都筑区牛久保西一丁目24番地41　ヴィンテージビル2F</t>
  </si>
  <si>
    <t>045-511-8105</t>
  </si>
  <si>
    <t>第１－２１３２号</t>
  </si>
  <si>
    <t>有限会社　エヌケーテクニカルシステム</t>
  </si>
  <si>
    <t>有限会社エヌケーテクニカルシステム</t>
  </si>
  <si>
    <t>川崎区本町1-10-15</t>
  </si>
  <si>
    <t>044-244-6677</t>
  </si>
  <si>
    <t>第１－２１３３号</t>
  </si>
  <si>
    <t>川浜商事　有限会社</t>
  </si>
  <si>
    <t>川浜商事有限会社</t>
  </si>
  <si>
    <t>川崎区浜町4-12-9</t>
  </si>
  <si>
    <t>第１－２１３５号</t>
  </si>
  <si>
    <t>有限会社　神奈川空調工業</t>
  </si>
  <si>
    <t>有限会社神奈川空調工業</t>
  </si>
  <si>
    <t>戸塚区原宿4-47</t>
  </si>
  <si>
    <t>045-390-0852</t>
  </si>
  <si>
    <t>第１－２１３８号</t>
  </si>
  <si>
    <t>東京環境プラント　株式会社</t>
  </si>
  <si>
    <t>東京環境プラント株式会社</t>
  </si>
  <si>
    <t>日の出町大字平井2030番地11</t>
  </si>
  <si>
    <t>042-597-3780</t>
  </si>
  <si>
    <t>第１－２１３９号</t>
  </si>
  <si>
    <t>株式会社　台栄商会</t>
  </si>
  <si>
    <t>株式会社台栄商会</t>
  </si>
  <si>
    <t>元浅草4-2-17</t>
  </si>
  <si>
    <t>03-3844-6223</t>
  </si>
  <si>
    <t>第１－２１４１号</t>
  </si>
  <si>
    <t>楚山　良雄</t>
  </si>
  <si>
    <t>楚山設備</t>
  </si>
  <si>
    <t>緑区長津田みなみ台2-5-8　フレグランスC101</t>
  </si>
  <si>
    <t>045-479-6116</t>
  </si>
  <si>
    <t>第１－２１４８号</t>
  </si>
  <si>
    <t>新明和工業　株式会社</t>
  </si>
  <si>
    <t>新明和工業株式会社　産機システム事業部　</t>
  </si>
  <si>
    <t>宝塚市</t>
  </si>
  <si>
    <t>新明和町1番1号</t>
  </si>
  <si>
    <t>0798-52-1234</t>
  </si>
  <si>
    <t>第１－２１５０号</t>
  </si>
  <si>
    <t>株式会社　貝塚空調設備</t>
  </si>
  <si>
    <t>株式会社貝塚空調設備</t>
  </si>
  <si>
    <t>金森6-15-6</t>
  </si>
  <si>
    <t>第１－２１５２号</t>
  </si>
  <si>
    <t>イオンディライトコネクト　株式会社</t>
  </si>
  <si>
    <t>神田佐久間河岸85</t>
  </si>
  <si>
    <t>03-5846-9636</t>
  </si>
  <si>
    <t>イオンディライトコネクト株式会社　リペアセンター</t>
  </si>
  <si>
    <t>水戸市</t>
  </si>
  <si>
    <t>見川町2131-1253</t>
  </si>
  <si>
    <t>029-305-1020</t>
  </si>
  <si>
    <t>イオンディライトコネクト株式会社　本社</t>
  </si>
  <si>
    <t>新宿6-24-16</t>
  </si>
  <si>
    <t>03-5155-8301</t>
  </si>
  <si>
    <t>第１－２１５３号</t>
  </si>
  <si>
    <t>かもめ空調　合同会社</t>
  </si>
  <si>
    <t>かもめ空調合同会社</t>
  </si>
  <si>
    <t>港南区上永谷1-35-27-101</t>
  </si>
  <si>
    <t>045-844-9708</t>
  </si>
  <si>
    <t>第１－２１５５号</t>
  </si>
  <si>
    <t>チームエンジニア　株式会社</t>
  </si>
  <si>
    <t>チームエンジニア株式会社</t>
  </si>
  <si>
    <t>下丸子二丁目31番5</t>
  </si>
  <si>
    <t>03-3756-9394</t>
  </si>
  <si>
    <t>第１－２１５６号</t>
  </si>
  <si>
    <t>富永　誠一</t>
  </si>
  <si>
    <t>富永空調</t>
  </si>
  <si>
    <t>戸塚区上矢部町440-1-209</t>
  </si>
  <si>
    <t>045-813-5856</t>
  </si>
  <si>
    <t>第１－２１５７号</t>
  </si>
  <si>
    <t>日立建機日本　株式会社</t>
  </si>
  <si>
    <t>日立建機日本株式会社　相模営業所</t>
  </si>
  <si>
    <t>中央区淵野辺2丁目5-8</t>
  </si>
  <si>
    <t>042-752-9211</t>
  </si>
  <si>
    <t>日立建機日本株式会社　横浜営業所</t>
  </si>
  <si>
    <t>都筑区川向町109</t>
  </si>
  <si>
    <t>045-472-4501</t>
  </si>
  <si>
    <t>第１－２１５８号</t>
  </si>
  <si>
    <t>株式会社　新百合冷熱サービス</t>
  </si>
  <si>
    <t>株式会社新百合冷熱サービス</t>
  </si>
  <si>
    <t>押立876-2</t>
  </si>
  <si>
    <t>042-378-9747</t>
  </si>
  <si>
    <t>第１－２１６０号</t>
  </si>
  <si>
    <t>株式会社　エアーライフ</t>
  </si>
  <si>
    <t>株式会社エアーライフ</t>
  </si>
  <si>
    <t>矢口二丁目4番19号リヒトビル１Ｆ</t>
  </si>
  <si>
    <t>第１－２１６１号</t>
  </si>
  <si>
    <t>トラストサービス　株式会社</t>
  </si>
  <si>
    <t>トラストサービス株式会社</t>
  </si>
  <si>
    <t>泉区上飯田町2566番地7</t>
  </si>
  <si>
    <t>045-804-5570</t>
  </si>
  <si>
    <t>第１－２１６４号</t>
  </si>
  <si>
    <t>ミナミ金属　株式会社</t>
  </si>
  <si>
    <t>ミナミ金属株式会社　リサイクルセンター関東綾瀬工場</t>
  </si>
  <si>
    <t>綾瀬市</t>
  </si>
  <si>
    <t>小園865-1</t>
  </si>
  <si>
    <t>0467-71-3001</t>
  </si>
  <si>
    <t>第１－２１６６号</t>
  </si>
  <si>
    <t>寿工業　合同会社</t>
  </si>
  <si>
    <t>寿工業合同会社</t>
  </si>
  <si>
    <t>栄区公田町740番地32棟202号</t>
  </si>
  <si>
    <t>045-392-4079</t>
  </si>
  <si>
    <t>第１－２１６７号</t>
  </si>
  <si>
    <t>長谷川鉄工　株式会社</t>
  </si>
  <si>
    <t>長谷川鉄工株式会社　尼崎臨海工場</t>
  </si>
  <si>
    <t>大浜町二丁目59番</t>
  </si>
  <si>
    <t>06-6430-6583</t>
  </si>
  <si>
    <t>第１－２１６８号</t>
  </si>
  <si>
    <t>株式会社　ナカデン</t>
  </si>
  <si>
    <t>株式会社ナカデン</t>
  </si>
  <si>
    <t>信濃町11番地21-2F</t>
  </si>
  <si>
    <t>03-3341-0520</t>
  </si>
  <si>
    <t>第１－２１６９号</t>
  </si>
  <si>
    <t>株式会社　クールアンドトラスト</t>
  </si>
  <si>
    <t>株式会社クールアンドトラスト</t>
  </si>
  <si>
    <t>竹の塚3-1-22　古庄ウェルズ5号</t>
  </si>
  <si>
    <t>03-6804-3030</t>
  </si>
  <si>
    <t>第１－２１７３号</t>
  </si>
  <si>
    <t>匠通信設備　株式会社</t>
  </si>
  <si>
    <t>匠通信設備株式会社</t>
  </si>
  <si>
    <t>浮間3-6-15</t>
  </si>
  <si>
    <t>03-6454-9533</t>
  </si>
  <si>
    <t>第１－２１７５号</t>
  </si>
  <si>
    <t>大成温調　株式会社</t>
  </si>
  <si>
    <t>大成温調株式会社　横浜支店　厚木サービスステーション</t>
  </si>
  <si>
    <t>高森1137-2</t>
  </si>
  <si>
    <t>0463-94-5701</t>
  </si>
  <si>
    <t>大成温調株式会社　横浜支店　横浜サービスステーション</t>
  </si>
  <si>
    <t>神奈川区入江2-18　ユニー大口ビル2階</t>
  </si>
  <si>
    <t>045-438-3445</t>
  </si>
  <si>
    <t>第１－２１７６号</t>
  </si>
  <si>
    <t>峯尾機工　株式会社</t>
  </si>
  <si>
    <t>峯尾機工株式会社</t>
  </si>
  <si>
    <t>桃井一丁目1番20号</t>
  </si>
  <si>
    <t>第１－２１７７号</t>
  </si>
  <si>
    <t>次世代開発　株式会社</t>
  </si>
  <si>
    <t>次世代開発株式会社</t>
  </si>
  <si>
    <t>川崎区殿町2-2-6</t>
  </si>
  <si>
    <t>044-280-7921</t>
  </si>
  <si>
    <t>第１－２１７８号</t>
  </si>
  <si>
    <t>株式会社　テクノ横浜</t>
  </si>
  <si>
    <t>株式会社テクノ横浜</t>
  </si>
  <si>
    <t>保土ケ谷区新井町229-67</t>
  </si>
  <si>
    <t>045-315-2917</t>
  </si>
  <si>
    <t>第１－２１７９号</t>
  </si>
  <si>
    <t>有限会社　ユニオンサービス</t>
  </si>
  <si>
    <t>有限会社ユニオンサービス</t>
  </si>
  <si>
    <t>川崎区浜町2-20-14</t>
  </si>
  <si>
    <t>044-344-8978</t>
  </si>
  <si>
    <t>第１－２１８０号</t>
  </si>
  <si>
    <t>湘南システム　株式会社</t>
  </si>
  <si>
    <t>湘南システム株式会社</t>
  </si>
  <si>
    <t>旭区桐が作1595-5</t>
  </si>
  <si>
    <t>045-744-8942</t>
  </si>
  <si>
    <t>第１－２１８４号</t>
  </si>
  <si>
    <t>信映興産　株式会社</t>
  </si>
  <si>
    <t>信映興産株式会社</t>
  </si>
  <si>
    <t>三軒茶屋1-11-8</t>
  </si>
  <si>
    <t>03-5712-5253</t>
  </si>
  <si>
    <t>第１－２１８５号</t>
  </si>
  <si>
    <t>アタゴ空調設備　株式会社</t>
  </si>
  <si>
    <t>アタゴ空調設備株式会社</t>
  </si>
  <si>
    <t>板橋四丁目1番13号　ハイツプラス101号</t>
  </si>
  <si>
    <t>03-3963-3388</t>
  </si>
  <si>
    <t>第１－２１８７号</t>
  </si>
  <si>
    <t>山口空調メンテナンス工業　株式会社</t>
  </si>
  <si>
    <t>山口空調メンテナンス工業株式会社</t>
  </si>
  <si>
    <t>山口県</t>
  </si>
  <si>
    <t>周南市</t>
  </si>
  <si>
    <t>大字栗屋字道貫田159番地の6</t>
  </si>
  <si>
    <t>0834-25-0392</t>
  </si>
  <si>
    <t>第１－２１８８号</t>
  </si>
  <si>
    <t>株式会社　シュアーテック</t>
  </si>
  <si>
    <t>株式会社シュアーテック</t>
  </si>
  <si>
    <t>増坪町105-3</t>
  </si>
  <si>
    <t>055-288-0661</t>
  </si>
  <si>
    <t>第１－２１８９号</t>
  </si>
  <si>
    <t>株式会社　国分空調設備</t>
  </si>
  <si>
    <t>株式会社国分空調設備</t>
  </si>
  <si>
    <t>小金原3-5-17</t>
  </si>
  <si>
    <t>047-710-6016</t>
  </si>
  <si>
    <t>第１－２１９０号</t>
  </si>
  <si>
    <t>有限会社　ケーエス空調設備</t>
  </si>
  <si>
    <t>有限会社ケーエス空調設備</t>
  </si>
  <si>
    <t>中央4-2-12</t>
  </si>
  <si>
    <t>03-3777-6024</t>
  </si>
  <si>
    <t>第１－２１９１号</t>
  </si>
  <si>
    <t>株式会社　鈴工設備</t>
  </si>
  <si>
    <t>株式会社鈴工設備</t>
  </si>
  <si>
    <t>幸区南加瀬3-14-3</t>
  </si>
  <si>
    <t>044-599-7887</t>
  </si>
  <si>
    <t>第１－２１９４号</t>
  </si>
  <si>
    <t>エア・フィックス　株式会社</t>
  </si>
  <si>
    <t>エア・フィックス株式会社</t>
  </si>
  <si>
    <t>保土ケ谷区岩井町286-12</t>
  </si>
  <si>
    <t>045-721-9024</t>
  </si>
  <si>
    <t>第１－２１９５号</t>
  </si>
  <si>
    <t>株式会社　ニシザキ</t>
  </si>
  <si>
    <t>株式会社ニシザキ</t>
  </si>
  <si>
    <t>泉区岡津町2540-33</t>
  </si>
  <si>
    <t>第１－２１９６号</t>
  </si>
  <si>
    <t>株式会社　カトー</t>
  </si>
  <si>
    <t>株式会社カトー</t>
  </si>
  <si>
    <t>富士見市</t>
  </si>
  <si>
    <t>下南畑3767-8</t>
  </si>
  <si>
    <t>049-251-1205</t>
  </si>
  <si>
    <t>第１－２１９７号</t>
  </si>
  <si>
    <t>新和電機　株式会社</t>
  </si>
  <si>
    <t>新和電機株式会社</t>
  </si>
  <si>
    <t>泉区和泉中央北1丁目33番17号</t>
  </si>
  <si>
    <t>第１－２１９９号</t>
  </si>
  <si>
    <t>古瀬空調　株式会社</t>
  </si>
  <si>
    <t>古瀬空調株式会社</t>
  </si>
  <si>
    <t>南大沢2-220-8</t>
  </si>
  <si>
    <t>042-677-7750</t>
  </si>
  <si>
    <t>第１－２２００号</t>
  </si>
  <si>
    <t>株式会社　浜田</t>
  </si>
  <si>
    <t>株式会社浜田　東京リサイクルセンター</t>
  </si>
  <si>
    <t>松江5丁目22番21号</t>
  </si>
  <si>
    <t>03-6456-0970</t>
  </si>
  <si>
    <t>第１－２２０７号</t>
  </si>
  <si>
    <t>大同産業　株式会社</t>
  </si>
  <si>
    <t>大同産業株式会社</t>
  </si>
  <si>
    <t>幸区下平間280番地　ラ・ガイア３Ｆ</t>
  </si>
  <si>
    <t>第１－２２０８号</t>
  </si>
  <si>
    <t>有限会社　ＫＳＹ</t>
  </si>
  <si>
    <t>有限会社ＫＳＹ</t>
  </si>
  <si>
    <t>神奈川区白幡上町38-22</t>
  </si>
  <si>
    <t>045-520-9545</t>
  </si>
  <si>
    <t>第１－２２１３号</t>
  </si>
  <si>
    <t>髙橋　匡洋</t>
  </si>
  <si>
    <t>髙橋空調サービス</t>
  </si>
  <si>
    <t>港北区新吉田東8-15-27ベルフルール403</t>
  </si>
  <si>
    <t>045-777-2994</t>
  </si>
  <si>
    <t>第１－２２１５号</t>
  </si>
  <si>
    <t>パナソニックマーケティングジャパン　株式会社</t>
  </si>
  <si>
    <t>パナソニックマーケティングジャパン株式会社　CS社　首都圏社　横浜サービスセンター</t>
  </si>
  <si>
    <t>戸塚区品濃町561-4</t>
  </si>
  <si>
    <t>045-828-2180</t>
  </si>
  <si>
    <t>パナソニックマーケティングジャパン株式会社　CS社　首都圏社　厚木サービスセンター</t>
  </si>
  <si>
    <t>水引2-5-11</t>
  </si>
  <si>
    <t>046-225-1041</t>
  </si>
  <si>
    <t>第１－２２１６号</t>
  </si>
  <si>
    <t>株式会社　ダンレイズ</t>
  </si>
  <si>
    <t>株式会社ダンレイズ</t>
  </si>
  <si>
    <t>瀬谷区上瀬谷町5-9</t>
  </si>
  <si>
    <t>045-461-9774</t>
  </si>
  <si>
    <t>第１－２２１７号</t>
  </si>
  <si>
    <t>相良工事　株式会社</t>
  </si>
  <si>
    <t>相良工事株式会社</t>
  </si>
  <si>
    <t>新宿5-9-7</t>
  </si>
  <si>
    <t>03-3356-0801</t>
  </si>
  <si>
    <t>第１－２２１９号</t>
  </si>
  <si>
    <t>株式会社　ＫＥＮＳＥＩ　　</t>
  </si>
  <si>
    <t>株式会社ＫＥＮＳＥＩ　　</t>
  </si>
  <si>
    <t>新和四丁目463番地</t>
  </si>
  <si>
    <t>048-954-2553</t>
  </si>
  <si>
    <t>第１－２２２０号</t>
  </si>
  <si>
    <t>株式会社　横浜空調</t>
  </si>
  <si>
    <t>株式会社横浜空調</t>
  </si>
  <si>
    <t>磯子区洋光台6-34-12</t>
  </si>
  <si>
    <t>045-830-1131</t>
  </si>
  <si>
    <t>第１－２２２２号</t>
  </si>
  <si>
    <t>水野　清文</t>
  </si>
  <si>
    <t>ＭＫテクノ</t>
  </si>
  <si>
    <t>神奈川区新子安1-14-7-1</t>
  </si>
  <si>
    <t>第１－２２２３号</t>
  </si>
  <si>
    <t>ムサシ冷凍設備　株式会社</t>
  </si>
  <si>
    <t>ムサシ冷凍設備株式会社</t>
  </si>
  <si>
    <t>押立町4-13-30</t>
  </si>
  <si>
    <t>第１－２２２４号</t>
  </si>
  <si>
    <t>株式会社　ＭＩＷＡ　ＴＥＣ</t>
  </si>
  <si>
    <t>株式会社ＭＩＷＡ ＴＥＣ</t>
  </si>
  <si>
    <t>稲毛区長沼町79-38</t>
  </si>
  <si>
    <t>043-301-3522</t>
  </si>
  <si>
    <t>第１－２２２５号</t>
  </si>
  <si>
    <t>株式会社　有電社</t>
  </si>
  <si>
    <t>株式会社有電社　東京支店</t>
  </si>
  <si>
    <t>西新宿7-7-30　小田急西新宿O-PLACE8階</t>
  </si>
  <si>
    <t>03-5332-8634</t>
  </si>
  <si>
    <t>第１－２２２６号</t>
  </si>
  <si>
    <t>株式会社　クレバープロ</t>
  </si>
  <si>
    <t>株式会社クレバープロ</t>
  </si>
  <si>
    <t>早稲田町66ｰ103</t>
  </si>
  <si>
    <t>03-6380-2047</t>
  </si>
  <si>
    <t>第１－２２２７号</t>
  </si>
  <si>
    <t>株式会社　ＴＳＫ</t>
  </si>
  <si>
    <t>株式会社ＴＳＫ　東松山空調部事業所</t>
  </si>
  <si>
    <t>東松山市</t>
  </si>
  <si>
    <t>美原町二丁目9番地8</t>
  </si>
  <si>
    <t>0493-25-3750</t>
  </si>
  <si>
    <t>第１－２２３０号</t>
  </si>
  <si>
    <t>株式会社　トーエル</t>
  </si>
  <si>
    <t>株式会社トーエル　横浜第二サーバー工場</t>
  </si>
  <si>
    <t>港北区新吉田町541</t>
  </si>
  <si>
    <t>045-592-7897</t>
  </si>
  <si>
    <t>株式会社トーエル　厚木第二サーバー工場</t>
  </si>
  <si>
    <t>上依知2924</t>
  </si>
  <si>
    <t>046-245-3800</t>
  </si>
  <si>
    <t>第１－２２３１号</t>
  </si>
  <si>
    <t>青葉区恩田町947-1</t>
  </si>
  <si>
    <t>第１－２２３２号</t>
  </si>
  <si>
    <t>日髙　良政</t>
  </si>
  <si>
    <t>日髙住設</t>
  </si>
  <si>
    <t>戸塚区名瀬町82-10</t>
  </si>
  <si>
    <t>090-2736-6982</t>
  </si>
  <si>
    <t>第１－２２３３号</t>
  </si>
  <si>
    <t>大金　隆志</t>
  </si>
  <si>
    <t>大金空調</t>
  </si>
  <si>
    <t>戸塚区汲沢町310-16</t>
  </si>
  <si>
    <t>045-863-0338</t>
  </si>
  <si>
    <t>第１－２２３５号</t>
  </si>
  <si>
    <t>武田　圭司</t>
  </si>
  <si>
    <t>中尾エンジニアリング</t>
  </si>
  <si>
    <t>旭区中尾1-21-18</t>
  </si>
  <si>
    <t>045-361-2817</t>
  </si>
  <si>
    <t>第１－２２３７号</t>
  </si>
  <si>
    <t>サツキ工業　株式会社</t>
  </si>
  <si>
    <t>サツキ工業株式会社　東京出張所</t>
  </si>
  <si>
    <t>東糀谷5丁目15-2</t>
  </si>
  <si>
    <t>03-5763-5600</t>
  </si>
  <si>
    <t>第１－２２３８号</t>
  </si>
  <si>
    <t>株式会社　ナベックエンジニアリング</t>
  </si>
  <si>
    <t>株式会社ナベックエンジニアリング</t>
  </si>
  <si>
    <t>朝日52-3</t>
  </si>
  <si>
    <t>043-308-7632</t>
  </si>
  <si>
    <t>第１－２２４１号</t>
  </si>
  <si>
    <t>小林　智</t>
  </si>
  <si>
    <t>梅郷電機</t>
  </si>
  <si>
    <t>墨田4-27-5-401</t>
  </si>
  <si>
    <t>090-3009-7990</t>
  </si>
  <si>
    <t>第１－２２４２号</t>
  </si>
  <si>
    <t>理研テクノプラント　株式会社</t>
  </si>
  <si>
    <t>理研テクノプラント株式会社</t>
  </si>
  <si>
    <t>南町3-8-28</t>
  </si>
  <si>
    <t>042-479-2141</t>
  </si>
  <si>
    <t>第１－２２４３号</t>
  </si>
  <si>
    <t>有限会社　アイシー空調工業</t>
  </si>
  <si>
    <t>有限会社アイシー空調工業</t>
  </si>
  <si>
    <t>小川東1-21-37</t>
  </si>
  <si>
    <t>042-550-2011</t>
  </si>
  <si>
    <t>第１－２２４４号</t>
  </si>
  <si>
    <t>株式会社　小林空調</t>
  </si>
  <si>
    <t>株式会社小林空調</t>
  </si>
  <si>
    <t>下新田74-1</t>
  </si>
  <si>
    <t>049-271-3045</t>
  </si>
  <si>
    <t>第１－２２４５号</t>
  </si>
  <si>
    <t>株式会社　バロック</t>
  </si>
  <si>
    <t>株式会社バロック　東京支店</t>
  </si>
  <si>
    <t>篠崎町7丁目7-14　ラフィネカーザ　105号室</t>
  </si>
  <si>
    <t>03-5664-3371</t>
  </si>
  <si>
    <t>第１－２２４７号</t>
  </si>
  <si>
    <t>イデアル　株式会社</t>
  </si>
  <si>
    <t>イデアル株式会社</t>
  </si>
  <si>
    <t>都筑区池辺町4704　三留ビル2F</t>
  </si>
  <si>
    <t>045-532-6007</t>
  </si>
  <si>
    <t>第１－２２４８号</t>
  </si>
  <si>
    <t>川上　光典</t>
  </si>
  <si>
    <t>ウイング</t>
  </si>
  <si>
    <t>下篠崎町20-11</t>
  </si>
  <si>
    <t>第１－２２４９号</t>
  </si>
  <si>
    <t>サタケ冷熱　株式会社</t>
  </si>
  <si>
    <t>サタケ冷熱株式会社</t>
  </si>
  <si>
    <t>交野市</t>
  </si>
  <si>
    <t>星田北5丁目52番11号</t>
  </si>
  <si>
    <t>072-892-1115</t>
  </si>
  <si>
    <t>第１－２２５２号</t>
  </si>
  <si>
    <t>高松5-11-26　光が丘ＭＫビル</t>
  </si>
  <si>
    <t>03-5923-1022</t>
  </si>
  <si>
    <t>第１－２２６１号</t>
  </si>
  <si>
    <t>有限会社　上山ビル</t>
  </si>
  <si>
    <t>有限会社上山ビル</t>
  </si>
  <si>
    <t>緑区上山2-41-8</t>
  </si>
  <si>
    <t>045-931-1577</t>
  </si>
  <si>
    <t>第１－２２６２号</t>
  </si>
  <si>
    <t>有限会社　トム・テック</t>
  </si>
  <si>
    <t>有限会社トム・テック</t>
  </si>
  <si>
    <t>西竹ノ塚1-11-2-2006</t>
  </si>
  <si>
    <t>090-4596-4490</t>
  </si>
  <si>
    <t>第１－２２６４号</t>
  </si>
  <si>
    <t>有限会社　五明興業</t>
  </si>
  <si>
    <t>有限会社五明興業</t>
  </si>
  <si>
    <t>神奈川区大口仲町49-3　富士屋商会第2ビル303号室</t>
  </si>
  <si>
    <t>045-439-5454</t>
  </si>
  <si>
    <t>第１－２２６６号</t>
  </si>
  <si>
    <t>有限会社　伊藤モーター商会</t>
  </si>
  <si>
    <t>有限会社伊藤モーター商会</t>
  </si>
  <si>
    <t>川崎区台町16番3号</t>
  </si>
  <si>
    <t>044-288-2458</t>
  </si>
  <si>
    <t>第１－２２６７号</t>
  </si>
  <si>
    <t>株式会社　黒澤理装</t>
  </si>
  <si>
    <t>株式会社黒澤理装</t>
  </si>
  <si>
    <t>南荻窪3丁目34番2号</t>
  </si>
  <si>
    <t>03-3334-4611</t>
  </si>
  <si>
    <t>第１－２２６８号</t>
  </si>
  <si>
    <t>新興商産　株式会社</t>
  </si>
  <si>
    <t>新興商産株式会社</t>
  </si>
  <si>
    <t>日立市</t>
  </si>
  <si>
    <t>東大沼町1-1-30</t>
  </si>
  <si>
    <t>0294-33-1984</t>
  </si>
  <si>
    <t>第１－２２６９号</t>
  </si>
  <si>
    <t>株式会社　サンキョーテクノ</t>
  </si>
  <si>
    <t>株式会社サンキョーテクノ</t>
  </si>
  <si>
    <t>平塚新田224-5</t>
  </si>
  <si>
    <t>048-577-8923</t>
  </si>
  <si>
    <t>第１－２２７１号</t>
  </si>
  <si>
    <t>ユーワエンジニアリング　株式会社</t>
  </si>
  <si>
    <t>ユーワエンジニアリング株式会社</t>
  </si>
  <si>
    <t>大原町111-106</t>
  </si>
  <si>
    <t>0277-47-7858</t>
  </si>
  <si>
    <t>第１－２２７２号</t>
  </si>
  <si>
    <t>株式会社　タウンサービス</t>
  </si>
  <si>
    <t>株式会社タウンサービス</t>
  </si>
  <si>
    <t>仲町14-5</t>
  </si>
  <si>
    <t>03-3958-5686</t>
  </si>
  <si>
    <t>第１－２２７３号</t>
  </si>
  <si>
    <t>有限会社　ヒロ・システムインテグレーション</t>
  </si>
  <si>
    <t>有限会社ヒロ・システムインテグレーション</t>
  </si>
  <si>
    <t>小野路町2028</t>
  </si>
  <si>
    <t>042-708-8988</t>
  </si>
  <si>
    <t>第１－２２７５号</t>
  </si>
  <si>
    <t>株式会社　ナックス</t>
  </si>
  <si>
    <t>株式会社ナックス</t>
  </si>
  <si>
    <t>江北5-13-5</t>
  </si>
  <si>
    <t>03-5838-2059</t>
  </si>
  <si>
    <t>第１－２２７６号</t>
  </si>
  <si>
    <t>エスエスケイ　株式会社</t>
  </si>
  <si>
    <t>エスエスケイ株式会社</t>
  </si>
  <si>
    <t>瀬谷区本郷4-50-10</t>
  </si>
  <si>
    <t>045-301-0928</t>
  </si>
  <si>
    <t>第１－２２７７号</t>
  </si>
  <si>
    <t>株式会社　拓海設備</t>
  </si>
  <si>
    <t>株式会社拓海設備</t>
  </si>
  <si>
    <t>弥生町2-36-15　AGビル</t>
  </si>
  <si>
    <t>03-6382-8605</t>
  </si>
  <si>
    <t>第１－２２７９号</t>
  </si>
  <si>
    <t>スギモトテクノ　株式会社</t>
  </si>
  <si>
    <t>スギモトテクノ株式会社</t>
  </si>
  <si>
    <t>扇三丁目25-8</t>
  </si>
  <si>
    <t>03-5647-1201</t>
  </si>
  <si>
    <t>第１－２２８１号</t>
  </si>
  <si>
    <t>小澤　喜一</t>
  </si>
  <si>
    <t>小澤空調</t>
  </si>
  <si>
    <t>下郡1777-21</t>
  </si>
  <si>
    <t>第１－２２８２号</t>
  </si>
  <si>
    <t>株式会社　エーシーワークス</t>
  </si>
  <si>
    <t>株式会社エーシーワークス</t>
  </si>
  <si>
    <t>旭区上白根一丁目5番1</t>
  </si>
  <si>
    <t>045-309-9330</t>
  </si>
  <si>
    <t>第１－２２８５号</t>
  </si>
  <si>
    <t>光進工業　株式会社</t>
  </si>
  <si>
    <t>光進工業株式会社</t>
  </si>
  <si>
    <t>東葛西二丁目2番4号</t>
  </si>
  <si>
    <t>03-3680-8459</t>
  </si>
  <si>
    <t>第１－２２８８号</t>
  </si>
  <si>
    <t>株式会社　三友空調</t>
  </si>
  <si>
    <t>株式会社三友空調</t>
  </si>
  <si>
    <t>金森東2-19-16</t>
  </si>
  <si>
    <t>第１－２２９１号</t>
  </si>
  <si>
    <t>新井　勇二</t>
  </si>
  <si>
    <t>アクティブサービス</t>
  </si>
  <si>
    <t>青柳6-44-2</t>
  </si>
  <si>
    <t>048-935-6011</t>
  </si>
  <si>
    <t>第１－２２９３号</t>
  </si>
  <si>
    <t>株式会社　エイテック</t>
  </si>
  <si>
    <t>株式会社エイテック</t>
  </si>
  <si>
    <t>青葉区みたけ台26-23</t>
  </si>
  <si>
    <t>045-530-5864</t>
  </si>
  <si>
    <t>第１－２２９６号</t>
  </si>
  <si>
    <t>イリオス　株式会社</t>
  </si>
  <si>
    <t>イリオス株式会社</t>
  </si>
  <si>
    <t>青葉区すすき野2-7-6　阿部ビル1F-B</t>
  </si>
  <si>
    <t>045-482-9513</t>
  </si>
  <si>
    <t>第１－２３００号</t>
  </si>
  <si>
    <t>芦川　和佳</t>
  </si>
  <si>
    <t>芦川工業</t>
  </si>
  <si>
    <t>羽鮒826-4</t>
  </si>
  <si>
    <t>0544-65-1354</t>
  </si>
  <si>
    <t>第１－２３０３号</t>
  </si>
  <si>
    <t>株式会社　ケイ・ワイ</t>
  </si>
  <si>
    <t>株式会社ケイ・ワイ</t>
  </si>
  <si>
    <t>保土ケ谷区宮田町3-320-4　横浜ケイワイビル</t>
  </si>
  <si>
    <t>045-442-6416</t>
  </si>
  <si>
    <t>第１－２３０４号</t>
  </si>
  <si>
    <t>株式会社　ムサシ建装</t>
  </si>
  <si>
    <t>株式会社ムサシ建装</t>
  </si>
  <si>
    <t>下里5-15-56</t>
  </si>
  <si>
    <t>042-479-4788</t>
  </si>
  <si>
    <t>第１－２３０８号</t>
  </si>
  <si>
    <t>株式会社　多賀冷凍機製作所</t>
  </si>
  <si>
    <t>株式会社多賀冷凍機製作所</t>
  </si>
  <si>
    <t>上伊那郡</t>
  </si>
  <si>
    <t>辰野町大字辰野1985番地</t>
  </si>
  <si>
    <t>0266-41-1177</t>
  </si>
  <si>
    <t>第１－２３１０号</t>
  </si>
  <si>
    <t>管鉄工業　株式会社</t>
  </si>
  <si>
    <t>管鉄工業株式会社</t>
  </si>
  <si>
    <t>北区日進町3-439-1</t>
  </si>
  <si>
    <t>048-767-8773</t>
  </si>
  <si>
    <t>第１－２３１３号</t>
  </si>
  <si>
    <t>株式会社　愛寿物流</t>
  </si>
  <si>
    <t>株式会社愛寿物流</t>
  </si>
  <si>
    <t>水元三丁目14番15号</t>
  </si>
  <si>
    <t>03-3826-6645</t>
  </si>
  <si>
    <t>第１－２３１５号</t>
  </si>
  <si>
    <t>株式会社　ミタデン</t>
  </si>
  <si>
    <t>株式会社ミタデン　東京本店</t>
  </si>
  <si>
    <t>目黒3-9-1　目黒須田ビル7階</t>
  </si>
  <si>
    <t>03-5704-7671</t>
  </si>
  <si>
    <t>第１－２３１８号</t>
  </si>
  <si>
    <t>勇進空調　株式会社</t>
  </si>
  <si>
    <t>勇進空調株式会社</t>
  </si>
  <si>
    <t>大字古谷上5887番地</t>
  </si>
  <si>
    <t>049-236-0379</t>
  </si>
  <si>
    <t>第１－２３１９号</t>
  </si>
  <si>
    <t>小林　隆志</t>
  </si>
  <si>
    <t>Ｋ－ｗｏｒｋｓ</t>
  </si>
  <si>
    <t>日野市</t>
  </si>
  <si>
    <t>日野7774-181</t>
  </si>
  <si>
    <t>042-587-5803</t>
  </si>
  <si>
    <t>第１－２３２４号</t>
  </si>
  <si>
    <t>有限会社　サンユー</t>
  </si>
  <si>
    <t>有限会社サンユー</t>
  </si>
  <si>
    <t>都筑区折本町1147-28</t>
  </si>
  <si>
    <t>045-471-8588</t>
  </si>
  <si>
    <t>第１－２３２５号</t>
  </si>
  <si>
    <t>株式会社　Ｈｉ・ｃｏｍｐａｎｙ</t>
  </si>
  <si>
    <t>株式会社Ｈｉ・ｃｏｍｐａｎｙ</t>
  </si>
  <si>
    <t>蒲田1-4-19　クロスビルB1</t>
  </si>
  <si>
    <t>090-6503-8892</t>
  </si>
  <si>
    <t>第１－２３２７号</t>
  </si>
  <si>
    <t>中野冷機　株式会社</t>
  </si>
  <si>
    <t>中野冷機株式会社　相模原サービスステーション</t>
  </si>
  <si>
    <t>中央区上溝803-3</t>
  </si>
  <si>
    <t>中野冷機株式会社　メンテナンス部</t>
  </si>
  <si>
    <t>芝浦2-15-4</t>
  </si>
  <si>
    <t>第１－２３２８号</t>
  </si>
  <si>
    <t>株式会社　内山機工</t>
  </si>
  <si>
    <t>株式会社内山機工</t>
  </si>
  <si>
    <t>平方2644-1</t>
  </si>
  <si>
    <t>048-971-9552</t>
  </si>
  <si>
    <t>第１－２３３２号</t>
  </si>
  <si>
    <t>株式会社　今北空調</t>
  </si>
  <si>
    <t>株式会社今北空調</t>
  </si>
  <si>
    <t>千住曙町22-11-301</t>
  </si>
  <si>
    <t>090-6165-8276</t>
  </si>
  <si>
    <t>第１－２３３７号</t>
  </si>
  <si>
    <t>株式会社　戸張空調</t>
  </si>
  <si>
    <t>株式会社戸張空調</t>
  </si>
  <si>
    <t>吉川1丁目23番地11</t>
  </si>
  <si>
    <t>048-982-3076</t>
  </si>
  <si>
    <t>第１－２３３９号</t>
  </si>
  <si>
    <t>株式会社　佐藤設備工業</t>
  </si>
  <si>
    <t>株式会社佐藤設備工業</t>
  </si>
  <si>
    <t>辰沼2-18-4</t>
  </si>
  <si>
    <t>03-5697-8143</t>
  </si>
  <si>
    <t>株式会社　アルコ</t>
  </si>
  <si>
    <t>株式会社アルコ</t>
  </si>
  <si>
    <t>上小山田町497番地29</t>
  </si>
  <si>
    <t>第１－２３４５号</t>
  </si>
  <si>
    <t>有限会社　ケイテック</t>
  </si>
  <si>
    <t>有限会社ケイテック</t>
  </si>
  <si>
    <t>大網白里市</t>
  </si>
  <si>
    <t>駒込729番地1</t>
  </si>
  <si>
    <t>第１－２３４６号</t>
  </si>
  <si>
    <t>株式会社　五心空調</t>
  </si>
  <si>
    <t>株式会社五心空調</t>
  </si>
  <si>
    <t>喜多見1-2-11</t>
  </si>
  <si>
    <t>03-3417-4466</t>
  </si>
  <si>
    <t>第１－２３４８号</t>
  </si>
  <si>
    <t>株式会社　ユニマットライフ</t>
  </si>
  <si>
    <t>株式会社ユニマットライフ　ＯＴＳ事業所</t>
  </si>
  <si>
    <t>泉町935番地　西地区209号棟</t>
  </si>
  <si>
    <t>042-512-5490</t>
  </si>
  <si>
    <t>株式会社ユニマットライフ　リノベーション事業部</t>
  </si>
  <si>
    <t>南青山二丁目12番14号　4F</t>
  </si>
  <si>
    <t>03-5770-1650</t>
  </si>
  <si>
    <t>第１－２３５０号</t>
  </si>
  <si>
    <t>山本　辰夫</t>
  </si>
  <si>
    <t>ワイエム冷熱</t>
  </si>
  <si>
    <t>南区三春台49番地</t>
  </si>
  <si>
    <t>045-326-6398</t>
  </si>
  <si>
    <t>第１－２３５１号</t>
  </si>
  <si>
    <t>株式会社　ミタス</t>
  </si>
  <si>
    <t>株式会社ミタス</t>
  </si>
  <si>
    <t>牛久市</t>
  </si>
  <si>
    <t>小坂町2324</t>
  </si>
  <si>
    <t>029-886-9688</t>
  </si>
  <si>
    <t>第１－２３５５号</t>
  </si>
  <si>
    <t>株式会社　イノクリート</t>
  </si>
  <si>
    <t>株式会社イノクリート</t>
  </si>
  <si>
    <t>湊一丁目6番11号</t>
  </si>
  <si>
    <t>03-3551-6756</t>
  </si>
  <si>
    <t>第１－２３５６号</t>
  </si>
  <si>
    <t>株式会社　フロンティアエクスプレス</t>
  </si>
  <si>
    <t>株式会社フロンティアエクスプレス</t>
  </si>
  <si>
    <t>江戸袋一丁目12番17号</t>
  </si>
  <si>
    <t>048-290-8081</t>
  </si>
  <si>
    <t>第１－２３５８号</t>
  </si>
  <si>
    <t>株式会社　サン・テクノ</t>
  </si>
  <si>
    <t>株式会社サン・テクノ</t>
  </si>
  <si>
    <t>日本橋中洲11-14ニックハイム日本橋103</t>
  </si>
  <si>
    <t>03-6231-1345</t>
  </si>
  <si>
    <t>三東電機　株式会社</t>
  </si>
  <si>
    <t>三東電機株式会社</t>
  </si>
  <si>
    <t>豊玉中3-3-5</t>
  </si>
  <si>
    <t>第１－２３６４号</t>
  </si>
  <si>
    <t>野中　貴則</t>
  </si>
  <si>
    <t>横浜冷暖サービス</t>
  </si>
  <si>
    <t>泉区岡津町2702番地15</t>
  </si>
  <si>
    <t>045-813-9294</t>
  </si>
  <si>
    <t>第１－２３６５号</t>
  </si>
  <si>
    <t>新井　東</t>
  </si>
  <si>
    <t>ａ．ｔｅｃｈ</t>
  </si>
  <si>
    <t>045-443-5057</t>
  </si>
  <si>
    <t>第１－２３６７号</t>
  </si>
  <si>
    <t>平良　睦</t>
  </si>
  <si>
    <t>平良空調設備</t>
  </si>
  <si>
    <t>幸区矢上12-19</t>
  </si>
  <si>
    <t>044-599-5572</t>
  </si>
  <si>
    <t>第１－２３７０号</t>
  </si>
  <si>
    <t>八幡町1022-8</t>
  </si>
  <si>
    <t>048-935-4271</t>
  </si>
  <si>
    <t>第１－２３７１号</t>
  </si>
  <si>
    <t>株式会社　アイソニック</t>
  </si>
  <si>
    <t>株式会社アイソニック</t>
  </si>
  <si>
    <t>堺市</t>
  </si>
  <si>
    <t>072-235-5759</t>
  </si>
  <si>
    <t>第１－２３７２号</t>
  </si>
  <si>
    <t>株式会社　アイエスビーサービス</t>
  </si>
  <si>
    <t>株式会社アイエスビーサービス</t>
  </si>
  <si>
    <t>弥生町5-20-1</t>
  </si>
  <si>
    <t>03-5342-5147</t>
  </si>
  <si>
    <t>第１－２３７５号</t>
  </si>
  <si>
    <t>株式会社　昇栄空調工業</t>
  </si>
  <si>
    <t>株式会社昇栄空調工業</t>
  </si>
  <si>
    <t>第１－２３７７号</t>
  </si>
  <si>
    <t>株式会社　エスエー空調</t>
  </si>
  <si>
    <t>株式会社エスエー空調</t>
  </si>
  <si>
    <t>西糀谷3-36-16</t>
  </si>
  <si>
    <t>03-6423-6478</t>
  </si>
  <si>
    <t>第１－２３７８号</t>
  </si>
  <si>
    <t>株式会社　エアーアンドウォーター</t>
  </si>
  <si>
    <t>株式会社エアーアンドウォーター</t>
  </si>
  <si>
    <t>小茂根4-9-8</t>
  </si>
  <si>
    <t>03-3972-8838</t>
  </si>
  <si>
    <t>第１－２３７９号</t>
  </si>
  <si>
    <t>株式会社　望月工業所</t>
  </si>
  <si>
    <t>青木字下河原50-16</t>
  </si>
  <si>
    <t>0544-24-1957</t>
  </si>
  <si>
    <t>第１－２３８２号</t>
  </si>
  <si>
    <t>株式会社　ワイズシステム</t>
  </si>
  <si>
    <t>株式会社ワイズシステム</t>
  </si>
  <si>
    <t>東小岩4-24-23</t>
  </si>
  <si>
    <t>03-3671-4171</t>
  </si>
  <si>
    <t>第１－２３８４号</t>
  </si>
  <si>
    <t>ハイグローリー　株式会社</t>
  </si>
  <si>
    <t>ハイグローリー株式会社</t>
  </si>
  <si>
    <t>都筑区大丸4－7　ルミエール202</t>
  </si>
  <si>
    <t>国精工業　株式会社</t>
  </si>
  <si>
    <t>国精工業株式会社　沼津営業所</t>
  </si>
  <si>
    <t>本田町13-39</t>
  </si>
  <si>
    <t>055-921-1554</t>
  </si>
  <si>
    <t>第１－２３９０号</t>
  </si>
  <si>
    <t>フードテクノエンジニアリング　株式会社</t>
  </si>
  <si>
    <t>03-5719-1215</t>
  </si>
  <si>
    <t>第１－２３９１号</t>
  </si>
  <si>
    <t>株式会社　常創企画</t>
  </si>
  <si>
    <t>株式会社常創企画</t>
  </si>
  <si>
    <t>富士市</t>
  </si>
  <si>
    <t>0545-65-4488</t>
  </si>
  <si>
    <t>有限会社　ライズ</t>
  </si>
  <si>
    <t>有限会社ライズ</t>
  </si>
  <si>
    <t>等々力2-34-12</t>
  </si>
  <si>
    <t>第１－２３９９号</t>
  </si>
  <si>
    <t>株式会社　北斗設備</t>
  </si>
  <si>
    <t>株式会社北斗設備</t>
  </si>
  <si>
    <t>045-583-6548</t>
  </si>
  <si>
    <t>つくばみらい市</t>
  </si>
  <si>
    <t>第１－２４０２号</t>
  </si>
  <si>
    <t>ＢＢＫ空調　株式会社</t>
  </si>
  <si>
    <t>ＢＢＫ空調株式会社</t>
  </si>
  <si>
    <t>王子2-25-11</t>
  </si>
  <si>
    <t>03-6313-5486</t>
  </si>
  <si>
    <t>第１－２４０３号</t>
  </si>
  <si>
    <t>株式会社　メック</t>
  </si>
  <si>
    <t>株式会社メック</t>
  </si>
  <si>
    <t>高津区新作1-17-6</t>
  </si>
  <si>
    <t>044-865-7211</t>
  </si>
  <si>
    <t>第１－２４０５号</t>
  </si>
  <si>
    <t>英和商工　株式会社</t>
  </si>
  <si>
    <t>英和商工株式会社　東京事業本部</t>
  </si>
  <si>
    <t>03-5809-2660</t>
  </si>
  <si>
    <t>第１－２４０６号</t>
  </si>
  <si>
    <t>秀野　昭一</t>
  </si>
  <si>
    <t>第１－２４０７号</t>
  </si>
  <si>
    <t>株式会社　ＳＨＩＮＫＯ</t>
  </si>
  <si>
    <t>株式会社ＳＨＩＮＫＯ</t>
  </si>
  <si>
    <t>045-311-6738</t>
  </si>
  <si>
    <t>第１－２４０８号</t>
  </si>
  <si>
    <t>ＳＴＡＲ　ＷＡＶＥ 株式会社</t>
  </si>
  <si>
    <t>ＳＴＡＲ　ＷＡＶＥ株式会社</t>
  </si>
  <si>
    <t>平井7-20-12</t>
  </si>
  <si>
    <t>03-6657-4931</t>
  </si>
  <si>
    <t>第１－２４０９号</t>
  </si>
  <si>
    <t>株式会社　スリーアイ</t>
  </si>
  <si>
    <t>株式会社スリーアイ</t>
  </si>
  <si>
    <t>03-6240-8510</t>
  </si>
  <si>
    <t>第１－２４１０号</t>
  </si>
  <si>
    <t>株式会社　猪野設備工業</t>
  </si>
  <si>
    <t>株式会社猪野設備工業</t>
  </si>
  <si>
    <t>泉台1-17-6</t>
  </si>
  <si>
    <t>043-444-3739</t>
  </si>
  <si>
    <t>第１－２４１１号</t>
  </si>
  <si>
    <t>株式会社　シャインエアー</t>
  </si>
  <si>
    <t>株式会社シャインエアー</t>
  </si>
  <si>
    <t>桜区西堀9-23-5</t>
  </si>
  <si>
    <t>048-764-9011</t>
  </si>
  <si>
    <t>第１－２４１５号</t>
  </si>
  <si>
    <t>株式会社　浅見工業</t>
  </si>
  <si>
    <t>株式会社浅見工業</t>
  </si>
  <si>
    <t>藤岡市</t>
  </si>
  <si>
    <t>下戸塚182番地</t>
  </si>
  <si>
    <t>0274-22-2880</t>
  </si>
  <si>
    <t>第１－２４１７号</t>
  </si>
  <si>
    <t>株式会社　ライフ・アド・バリュー</t>
  </si>
  <si>
    <t>株式会社ライフ・アド・バリュー</t>
  </si>
  <si>
    <t>伊奈平1-20-6</t>
  </si>
  <si>
    <t>042-507-0652</t>
  </si>
  <si>
    <t>第１－２４２０号</t>
  </si>
  <si>
    <t>株式会社　ＴＲＵＳＴ</t>
  </si>
  <si>
    <t>株式会社ＴＲＵＳＴ</t>
  </si>
  <si>
    <t>保土ケ谷区神戸町6-4</t>
  </si>
  <si>
    <t>045-335-5615</t>
  </si>
  <si>
    <t>第１－２４２１号</t>
  </si>
  <si>
    <t>城西エアコン　株式会社</t>
  </si>
  <si>
    <t>城西エアコン株式会社</t>
  </si>
  <si>
    <t>白子3丁目5番9号</t>
  </si>
  <si>
    <t>048-463-2416</t>
  </si>
  <si>
    <t>第１－２４２２号</t>
  </si>
  <si>
    <t>株式会社　エー・エム・シー</t>
  </si>
  <si>
    <t>株式会社エー・エム・シー</t>
  </si>
  <si>
    <t>高津区梶ケ谷5丁目6-20</t>
  </si>
  <si>
    <t>044-888-4611</t>
  </si>
  <si>
    <t>第１－２４２３号</t>
  </si>
  <si>
    <t>株式会社　ＴＡＣ</t>
  </si>
  <si>
    <t>株式会社ＴＡＣ</t>
  </si>
  <si>
    <t>学園西町2-7-3</t>
  </si>
  <si>
    <t>042-313-4183</t>
  </si>
  <si>
    <t>第１－２４２４号</t>
  </si>
  <si>
    <t>空調浜田　有限会社</t>
  </si>
  <si>
    <t>空調浜田有限会社</t>
  </si>
  <si>
    <t>八幡台1-14-1</t>
  </si>
  <si>
    <t>043-463-2209</t>
  </si>
  <si>
    <t>第１－２４２５号</t>
  </si>
  <si>
    <t>イオンディライト　株式会社</t>
  </si>
  <si>
    <t>イオンディライト株式会社　横浜支店</t>
  </si>
  <si>
    <t>045-640-1810</t>
  </si>
  <si>
    <t>イオンディライト株式会社　相模支店</t>
  </si>
  <si>
    <t>046-292-1505</t>
  </si>
  <si>
    <t>イオンディライト株式会社　東京東支店</t>
  </si>
  <si>
    <t>03-5721-2841</t>
  </si>
  <si>
    <t>第１－２４２６号</t>
  </si>
  <si>
    <t>三港冷熱サービス　株式会社</t>
  </si>
  <si>
    <t>三港冷熱サービス株式会社</t>
  </si>
  <si>
    <t>西区久保町1-24</t>
  </si>
  <si>
    <t>045-565-9928</t>
  </si>
  <si>
    <t>第１－２４２７号</t>
  </si>
  <si>
    <t>カスタムエアコン　株式会社</t>
  </si>
  <si>
    <t>カスタムエアコン株式会社</t>
  </si>
  <si>
    <t>東陽1丁目29番8-103号</t>
  </si>
  <si>
    <t>03-3615-1311</t>
  </si>
  <si>
    <t>第１－２４２８号</t>
  </si>
  <si>
    <t>ＩＭＶ　株式会社</t>
  </si>
  <si>
    <t>ＩＭＶ株式会社</t>
  </si>
  <si>
    <t>西淀川区竹島2-6-10</t>
  </si>
  <si>
    <t>06-6478-2565</t>
  </si>
  <si>
    <t>第１－２４２９号</t>
  </si>
  <si>
    <t>株式会社　プロスペック</t>
  </si>
  <si>
    <t>株式会社プロスペック</t>
  </si>
  <si>
    <t>大成町2-103-2</t>
  </si>
  <si>
    <t>048-971-6875</t>
  </si>
  <si>
    <t>第１－２４３２号</t>
  </si>
  <si>
    <t>１ｓｔ　ＳＥＲＶＩＣＥ　株式会社</t>
  </si>
  <si>
    <t>１ｓｔ　ＳＥＲＶＩＣＥ株式会社</t>
  </si>
  <si>
    <t>富山県</t>
  </si>
  <si>
    <t>富山市</t>
  </si>
  <si>
    <t>東流杉160-1</t>
  </si>
  <si>
    <t>076-422-8666</t>
  </si>
  <si>
    <t>第１－２４３３号</t>
  </si>
  <si>
    <t>千葉　庄</t>
  </si>
  <si>
    <t>マルチサービス</t>
  </si>
  <si>
    <t>048-942-6818</t>
  </si>
  <si>
    <t>第１－２４３５号</t>
  </si>
  <si>
    <t>株式会社　西口電設</t>
  </si>
  <si>
    <t>株式会社西口電設</t>
  </si>
  <si>
    <t>下丸子1-16-12</t>
  </si>
  <si>
    <t>03-3758-6210</t>
  </si>
  <si>
    <t>第１－２４３６号</t>
  </si>
  <si>
    <t>協進空調設備　株式会社</t>
  </si>
  <si>
    <t>協進空調設備株式会社　</t>
  </si>
  <si>
    <t>045-785-4410</t>
  </si>
  <si>
    <t>第１－２４３７号</t>
  </si>
  <si>
    <t>ＡＳＣ　株式会社</t>
  </si>
  <si>
    <t>ＡＳＣ株式会社</t>
  </si>
  <si>
    <t>鹿浜8-9-6</t>
  </si>
  <si>
    <t>03-5809-4627</t>
  </si>
  <si>
    <t>第１－２４３８号</t>
  </si>
  <si>
    <t>株式会社　ビックロジサービス</t>
  </si>
  <si>
    <t>美女木5-20-1</t>
  </si>
  <si>
    <t>048-422-0020</t>
  </si>
  <si>
    <t>第１－２４３９号</t>
  </si>
  <si>
    <t>日本テクノサービス　株式会社</t>
  </si>
  <si>
    <t>日本テクノサービス株式会社</t>
  </si>
  <si>
    <t>冬木6-14飯沼ビル101</t>
  </si>
  <si>
    <t>03-3643-5051</t>
  </si>
  <si>
    <t>第１－２４４０号</t>
  </si>
  <si>
    <t>株式会社　エアーライブ</t>
  </si>
  <si>
    <t>株式会社エアーライブ</t>
  </si>
  <si>
    <t>印西市</t>
  </si>
  <si>
    <t>草深1240-25</t>
  </si>
  <si>
    <t>0476-37-5530</t>
  </si>
  <si>
    <t>株式会社エアーライブ　東京支店</t>
  </si>
  <si>
    <t>四つ木3-2-17</t>
  </si>
  <si>
    <t>03-6662-8781</t>
  </si>
  <si>
    <t>第１－２４４１号</t>
  </si>
  <si>
    <t>有限会社　マルイチ機工</t>
  </si>
  <si>
    <t>有限会社マルイチ機工</t>
  </si>
  <si>
    <t>銚子市</t>
  </si>
  <si>
    <t>余山町319-3</t>
  </si>
  <si>
    <t>0479-24-8578</t>
  </si>
  <si>
    <t>第１－２４４２号</t>
  </si>
  <si>
    <t>東京テクノ　株式会社</t>
  </si>
  <si>
    <t>東京テクノ株式会社</t>
  </si>
  <si>
    <t>松島1-43-8</t>
  </si>
  <si>
    <t>03-5607-2231</t>
  </si>
  <si>
    <t>第１－２４４３号</t>
  </si>
  <si>
    <t>グンジ　株式会社</t>
  </si>
  <si>
    <t>グンジ株式会社</t>
  </si>
  <si>
    <t>福島区海老江1-9-12</t>
  </si>
  <si>
    <t>06-6451-5615</t>
  </si>
  <si>
    <t>第１－２４４５号</t>
  </si>
  <si>
    <t>株式会社　ハピネステクニカ</t>
  </si>
  <si>
    <t>株式会社ハピネステクニカ　東京営業所</t>
  </si>
  <si>
    <t>松が丘1-5-7　石橋ビル1F</t>
  </si>
  <si>
    <t>03-5942-9048</t>
  </si>
  <si>
    <t>第１－２４４６号</t>
  </si>
  <si>
    <t>相成空調　株式会社</t>
  </si>
  <si>
    <t>相成空調株式会社</t>
  </si>
  <si>
    <t>高津区新作6丁目7番22-414ロイヤルシャトー武蔵新城</t>
  </si>
  <si>
    <t>044-853-3976</t>
  </si>
  <si>
    <t>第１－２４４７号</t>
  </si>
  <si>
    <t>株式会社　空調保全工業</t>
  </si>
  <si>
    <t>株式会社空調保全工業</t>
  </si>
  <si>
    <t>小茂根3丁目17番1号</t>
  </si>
  <si>
    <t>03-3973-8040</t>
  </si>
  <si>
    <t>第１－２４４９号</t>
  </si>
  <si>
    <t>松岡　一氏</t>
  </si>
  <si>
    <t>カズエアー</t>
  </si>
  <si>
    <t>日本橋浜町2-61-4-201</t>
  </si>
  <si>
    <t>03-3665-4010</t>
  </si>
  <si>
    <t>第１－２４５３号</t>
  </si>
  <si>
    <t>株式会社　ヨシタニ空調</t>
  </si>
  <si>
    <t>株式会社ヨシタニ空調</t>
  </si>
  <si>
    <t>御幸ケ原町125番地3</t>
  </si>
  <si>
    <t>028-613-1785</t>
  </si>
  <si>
    <t>第１－２４５４号</t>
  </si>
  <si>
    <t>花岡冷機　株式会社</t>
  </si>
  <si>
    <t>花岡冷機株式会社</t>
  </si>
  <si>
    <t>上青木西3-1-16</t>
  </si>
  <si>
    <t>048-265-3417</t>
  </si>
  <si>
    <t>第１－２４５５号</t>
  </si>
  <si>
    <t>三協サービス　株式会社</t>
  </si>
  <si>
    <t>三協サービス株式会社　東京支店</t>
  </si>
  <si>
    <t>中野3-32-9</t>
  </si>
  <si>
    <t>03-6382-8322</t>
  </si>
  <si>
    <t>第１－２４５６号</t>
  </si>
  <si>
    <t>日本エンジニアリング　株式会社</t>
  </si>
  <si>
    <t>日本エンジニアリング株式会社</t>
  </si>
  <si>
    <t>岩槻区南下新井1154</t>
  </si>
  <si>
    <t>048-884-8607</t>
  </si>
  <si>
    <t>第１－２４６０号</t>
  </si>
  <si>
    <t>株式会社　翼電機工業</t>
  </si>
  <si>
    <t>株式会社翼電機工業</t>
  </si>
  <si>
    <t>大分県</t>
  </si>
  <si>
    <t>大分市</t>
  </si>
  <si>
    <t>尼ケ瀬一丁目2番43号</t>
  </si>
  <si>
    <t>097-544-5396</t>
  </si>
  <si>
    <t>〇</t>
  </si>
  <si>
    <t>第１－２４６１号</t>
  </si>
  <si>
    <t>株式会社　イー・エキップ</t>
  </si>
  <si>
    <t>株式会社イー・エキップ</t>
  </si>
  <si>
    <t>高輪2-16-5　東武高輪第2ビル　3階</t>
  </si>
  <si>
    <t>03-5795-1212</t>
  </si>
  <si>
    <t>第１－２４６３号</t>
  </si>
  <si>
    <t>関東冷機　株式会社</t>
  </si>
  <si>
    <t>関東冷機株式会社</t>
  </si>
  <si>
    <t>牛沼127番1</t>
  </si>
  <si>
    <t>042-533-3445</t>
  </si>
  <si>
    <t>第１－２４６５号</t>
  </si>
  <si>
    <t>中野　幹雄</t>
  </si>
  <si>
    <t>中野設備</t>
  </si>
  <si>
    <t>宮前区野川台1丁目8番26号</t>
  </si>
  <si>
    <t>第１－２４６６号</t>
  </si>
  <si>
    <t>東冷電設　株式会社</t>
  </si>
  <si>
    <t>東冷電設株式会社</t>
  </si>
  <si>
    <t>喜多見7-36-37</t>
  </si>
  <si>
    <t>03-3416-1001</t>
  </si>
  <si>
    <t>第１－２４６７号</t>
  </si>
  <si>
    <t>株式会社　チノー</t>
  </si>
  <si>
    <t>株式会社チノー藤岡事業所</t>
  </si>
  <si>
    <t>森1番地</t>
  </si>
  <si>
    <t>0274-42-2111</t>
  </si>
  <si>
    <t>第１－２４６８号</t>
  </si>
  <si>
    <t>株式会社　ケーズブレインズ</t>
  </si>
  <si>
    <t>株式会社ケーズブレインズ</t>
  </si>
  <si>
    <t>谷保6049</t>
  </si>
  <si>
    <t>042-512-8405</t>
  </si>
  <si>
    <t>第１－２４７０号</t>
  </si>
  <si>
    <t>株式会社　サイオー</t>
  </si>
  <si>
    <t>株式会社サイオー</t>
  </si>
  <si>
    <t>浦和区岸町七丁目12番4号</t>
  </si>
  <si>
    <t>第１－２４７１号</t>
  </si>
  <si>
    <t>村野　和男</t>
  </si>
  <si>
    <t>村野空調設備</t>
  </si>
  <si>
    <t>南千住6-37-9-804</t>
  </si>
  <si>
    <t>03-6671-0138</t>
  </si>
  <si>
    <t>第１－２４７２号</t>
  </si>
  <si>
    <t>安田　誠</t>
  </si>
  <si>
    <t>スペースコントロール</t>
  </si>
  <si>
    <t>八千代市</t>
  </si>
  <si>
    <t>大和田新田35番地22</t>
  </si>
  <si>
    <t>047-450-4349</t>
  </si>
  <si>
    <t>第１－２４７３号</t>
  </si>
  <si>
    <t>竹田　靖彦</t>
  </si>
  <si>
    <t>Ｆｒｅｅ’ｓ</t>
  </si>
  <si>
    <t>042-677-9568</t>
  </si>
  <si>
    <t>第１－２４７４号</t>
  </si>
  <si>
    <t>日本熱源システム　株式会社</t>
  </si>
  <si>
    <t>日本熱源システム株式会社</t>
  </si>
  <si>
    <t>四谷1-6-1</t>
  </si>
  <si>
    <t>03-5341-4733</t>
  </si>
  <si>
    <t>第１－２４７５号</t>
  </si>
  <si>
    <t>富士電機リテイルサービス　株式会社</t>
  </si>
  <si>
    <t>富士電機リテイルサービス株式会社　川崎営業所</t>
  </si>
  <si>
    <t>川崎区田辺新田1-1</t>
  </si>
  <si>
    <t>044-329-2444</t>
  </si>
  <si>
    <t>第１－２４７７号</t>
  </si>
  <si>
    <t>株式会社　カンネツ</t>
  </si>
  <si>
    <t>株式会社カンネツ　東日本営業所</t>
  </si>
  <si>
    <t>三園1-49-33</t>
  </si>
  <si>
    <t>03-5968-8280</t>
  </si>
  <si>
    <t>第１－２４７８号</t>
  </si>
  <si>
    <t>株式会社　開店市場</t>
  </si>
  <si>
    <t>株式会社開店市場</t>
  </si>
  <si>
    <t>松島一丁目28番11号</t>
  </si>
  <si>
    <t>03-5678-4822</t>
  </si>
  <si>
    <t>第１－２４７９号</t>
  </si>
  <si>
    <t>広島器工　株式会社</t>
  </si>
  <si>
    <t>広島器工株式会社</t>
  </si>
  <si>
    <t>松伏町田島東1番地15</t>
  </si>
  <si>
    <t>048-991-6831</t>
  </si>
  <si>
    <t>第１－２４８０号</t>
  </si>
  <si>
    <t>有限会社　森設備工業</t>
  </si>
  <si>
    <t>有限会社森設備工業</t>
  </si>
  <si>
    <t>東浅川町511-8</t>
  </si>
  <si>
    <t>042-666-6555</t>
  </si>
  <si>
    <t>第１－２４８１号</t>
  </si>
  <si>
    <t>株式会社　二葉科学柏</t>
  </si>
  <si>
    <t>株式会社二葉科学柏</t>
  </si>
  <si>
    <t>十余二380-111</t>
  </si>
  <si>
    <t>第１－２４８３号</t>
  </si>
  <si>
    <t>有限会社　旭ＧＨＰサービス</t>
  </si>
  <si>
    <t>有限会社旭ＧＨＰサービス　</t>
  </si>
  <si>
    <t>旭区今宿西町157-10</t>
  </si>
  <si>
    <t>045-951-3242</t>
  </si>
  <si>
    <t>第１－２４８５号</t>
  </si>
  <si>
    <t>株式会社　ＨＱエアー</t>
  </si>
  <si>
    <t>株式会社ＨＱエアー</t>
  </si>
  <si>
    <t>弥生町4-14-2-101</t>
  </si>
  <si>
    <t>03-6382-8385</t>
  </si>
  <si>
    <t>第１－２４８６号</t>
  </si>
  <si>
    <t>心エンジニアリング　株式会社</t>
  </si>
  <si>
    <t>心エンジニアリング株式会社</t>
  </si>
  <si>
    <t>下石神井1-6-20</t>
  </si>
  <si>
    <t>03-6913-1486</t>
  </si>
  <si>
    <t>第１－２４８７号</t>
  </si>
  <si>
    <t>梶原電工　株式会社</t>
  </si>
  <si>
    <t>梶原電工株式会社</t>
  </si>
  <si>
    <t>阿佐谷南2丁目36－1</t>
  </si>
  <si>
    <t>第１－２４８９号</t>
  </si>
  <si>
    <t>幸田エンジニアリング　株式会社</t>
  </si>
  <si>
    <t>幸田エンジニアリング株式会社</t>
  </si>
  <si>
    <t>島根二丁目27番6号</t>
  </si>
  <si>
    <t>03-3859-6605</t>
  </si>
  <si>
    <t>第１－２４９０号</t>
  </si>
  <si>
    <t>菱和設備　株式会社</t>
  </si>
  <si>
    <t>菱和設備株式会社　東京支店</t>
  </si>
  <si>
    <t>高田馬場2丁目8番9号</t>
  </si>
  <si>
    <t>03-3205-8131</t>
  </si>
  <si>
    <t>第１－２４９２号</t>
  </si>
  <si>
    <t>成岡　哲也</t>
  </si>
  <si>
    <t>成岡空調</t>
  </si>
  <si>
    <t>泉区岡津町33-8</t>
  </si>
  <si>
    <t>045-811-8728</t>
  </si>
  <si>
    <t>第１－２４９３号</t>
  </si>
  <si>
    <t>山崎製パン　株式会社</t>
  </si>
  <si>
    <t>山崎製パン株式会社　横浜第二工場</t>
  </si>
  <si>
    <t>都筑区東方町188番地</t>
  </si>
  <si>
    <t>045-472-6118</t>
  </si>
  <si>
    <t>山崎製パン株式会社　横浜第一工場</t>
  </si>
  <si>
    <t>戸塚区上柏尾町15番地</t>
  </si>
  <si>
    <t>045-822-0612</t>
  </si>
  <si>
    <t>第１－２４９４号</t>
  </si>
  <si>
    <t>株式会社　プラス</t>
  </si>
  <si>
    <t>株式会社プラス</t>
  </si>
  <si>
    <t>北区宮原町3-901-1-A110</t>
  </si>
  <si>
    <t>第１－２４９５号</t>
  </si>
  <si>
    <t>奥羽電機冷暖房　株式会社</t>
  </si>
  <si>
    <t>奥羽電機冷暖房株式会社</t>
  </si>
  <si>
    <t>小山4丁目1番4号</t>
  </si>
  <si>
    <t>第１－２４９６号</t>
  </si>
  <si>
    <t>有限会社　加藤空調サービス</t>
  </si>
  <si>
    <t>有限会社加藤空調サービス</t>
  </si>
  <si>
    <t>常盤町2丁目6番地</t>
  </si>
  <si>
    <t>055-952-3734</t>
  </si>
  <si>
    <t>第１－２４９７号</t>
  </si>
  <si>
    <t>エス・テック　株式会社</t>
  </si>
  <si>
    <t>エス・テック株式会社</t>
  </si>
  <si>
    <t>東金町5-24-10</t>
  </si>
  <si>
    <t>03-3627-5913</t>
  </si>
  <si>
    <t>第１－２４９８号</t>
  </si>
  <si>
    <t>株式会社　イージーサービス</t>
  </si>
  <si>
    <t>株式会社イージーサービス</t>
  </si>
  <si>
    <t>03-6240-1386</t>
  </si>
  <si>
    <t>第１－２４９９号</t>
  </si>
  <si>
    <t>日電機工　株式会社</t>
  </si>
  <si>
    <t>日電機工株式会社</t>
  </si>
  <si>
    <t>高円寺南2-16-2</t>
  </si>
  <si>
    <t>03-3312-8495</t>
  </si>
  <si>
    <t>第１－２５００号</t>
  </si>
  <si>
    <t>株式会社　ＭＡＣエンジニアリング</t>
  </si>
  <si>
    <t>株式会社ＭＡＣエンジニアリング</t>
  </si>
  <si>
    <t>住吉1-11-1大石ビル1Ｆ</t>
  </si>
  <si>
    <t>03-5669-8215</t>
  </si>
  <si>
    <t>第１－２５０１号</t>
  </si>
  <si>
    <t>吉永　義隆</t>
  </si>
  <si>
    <t>ユリト空調サービス</t>
  </si>
  <si>
    <t>岡崎市</t>
  </si>
  <si>
    <t>中田町6-1ジャルダンきとの公園201</t>
  </si>
  <si>
    <t>第１－２５０２号</t>
  </si>
  <si>
    <t>株式会社　新星冷熱</t>
  </si>
  <si>
    <t>株式会社新星冷熱</t>
  </si>
  <si>
    <t>花畑6丁目37番11号</t>
  </si>
  <si>
    <t>03-3858-8329</t>
  </si>
  <si>
    <t>第１－２５０３号</t>
  </si>
  <si>
    <t>東３冷凍機　株式会社</t>
  </si>
  <si>
    <t>東３冷凍機株式会社</t>
  </si>
  <si>
    <t>浜松町1-18-13-6F</t>
  </si>
  <si>
    <t>03-6459-1952</t>
  </si>
  <si>
    <t>第１－２５０５号</t>
  </si>
  <si>
    <t>山下　健治郎</t>
  </si>
  <si>
    <t>テクフロー</t>
  </si>
  <si>
    <t>多摩区菅馬場1-15-15　ランデスコイヌマI-105</t>
  </si>
  <si>
    <t>第１－２５０６号</t>
  </si>
  <si>
    <t>Ｓｕｅｍａｒｕ　ＦＴ　ＩＮＮＯＶＡＴＯＲＳ　株式会社</t>
  </si>
  <si>
    <t>Ｓｕｅｍａｒｕ　ＦＴ　ＩＮＮＯＶＡＴＯＲＳ株式会社</t>
  </si>
  <si>
    <t>野田市</t>
  </si>
  <si>
    <t>中根160-2</t>
  </si>
  <si>
    <t>04-7138-5652</t>
  </si>
  <si>
    <t>第１－２５０７号</t>
  </si>
  <si>
    <t>池田　恵弘</t>
  </si>
  <si>
    <t>イケダ　トラスト</t>
  </si>
  <si>
    <t>下鶴間2-8-11 YBBC 206号</t>
  </si>
  <si>
    <t>046-260-1515</t>
  </si>
  <si>
    <t>第１－２５０８号</t>
  </si>
  <si>
    <t>有限会社　進和冷機</t>
  </si>
  <si>
    <t>有限会社進和冷機</t>
  </si>
  <si>
    <t>古布内426番地5号</t>
  </si>
  <si>
    <t>04-7198-7828</t>
  </si>
  <si>
    <t>第１－２５１０号</t>
  </si>
  <si>
    <t>糸井　誠一</t>
  </si>
  <si>
    <t>東雄冷熱</t>
  </si>
  <si>
    <t>戸塚区深谷町892-16</t>
  </si>
  <si>
    <t>045-852-7118</t>
  </si>
  <si>
    <t>第１－２５１３号</t>
  </si>
  <si>
    <t>岩本　明彦</t>
  </si>
  <si>
    <t>アイエム工業</t>
  </si>
  <si>
    <t>小川新町2丁目6の17</t>
  </si>
  <si>
    <t>054-626-1700</t>
  </si>
  <si>
    <t>第１－２５１４号</t>
  </si>
  <si>
    <t>山田冷機工業　株式会社</t>
  </si>
  <si>
    <t>山田冷機工業株式会社</t>
  </si>
  <si>
    <t>桜木町7番3号</t>
  </si>
  <si>
    <t>第１－２５１６号</t>
  </si>
  <si>
    <t>東京セントラルヒーテイング工業　株式会社</t>
  </si>
  <si>
    <t>東京セントラルヒーテイング株式会社</t>
  </si>
  <si>
    <t>南花畑二丁目15番1号</t>
  </si>
  <si>
    <t>03-5686-1238</t>
  </si>
  <si>
    <t>第１－２５１８号</t>
  </si>
  <si>
    <t>株式会社　ダイトーコーポレーション</t>
  </si>
  <si>
    <t>株式会社ダイトーコーポレーション　南本牧事業所</t>
  </si>
  <si>
    <t>中区南本牧2番地</t>
  </si>
  <si>
    <t>045-624-5876</t>
  </si>
  <si>
    <t>第１－２５１９号</t>
  </si>
  <si>
    <t>有限会社　スカイエンジニアリング</t>
  </si>
  <si>
    <t>有限会社スカイエンジニアリング</t>
  </si>
  <si>
    <t>笹目南町37-8</t>
  </si>
  <si>
    <t>048-483-4391</t>
  </si>
  <si>
    <t>第１－２５２０号</t>
  </si>
  <si>
    <t>株式会社　さくら</t>
  </si>
  <si>
    <t>株式会社さくら</t>
  </si>
  <si>
    <t>五番町12番地7</t>
  </si>
  <si>
    <t>048-721-4035</t>
  </si>
  <si>
    <t>第１－２５２２号</t>
  </si>
  <si>
    <t>角田冷機工業　株式会社</t>
  </si>
  <si>
    <t>角田冷機工業株式会社</t>
  </si>
  <si>
    <t>六供町三丁目55番地1</t>
  </si>
  <si>
    <t>027-265-2624</t>
  </si>
  <si>
    <t>第１－２５２４号</t>
  </si>
  <si>
    <t>穴沢汽缶工業　株式会社</t>
  </si>
  <si>
    <t>穴沢汽缶工業株式会社</t>
  </si>
  <si>
    <t>中目黒五丁目28番13号　パルシンコー1階　</t>
  </si>
  <si>
    <t>03-3793-0535</t>
  </si>
  <si>
    <t>第１－２５２５号</t>
  </si>
  <si>
    <t>誠産業　株式会社</t>
  </si>
  <si>
    <t>誠産業株式会社</t>
  </si>
  <si>
    <t>羽村市</t>
  </si>
  <si>
    <t>緑ケ丘3-4-7</t>
  </si>
  <si>
    <t>042-555-2608</t>
  </si>
  <si>
    <t>第１－２５２６号</t>
  </si>
  <si>
    <t>𠮷川　雅幸</t>
  </si>
  <si>
    <t>ワイズファクトリー</t>
  </si>
  <si>
    <t>あずま町2-3-12</t>
  </si>
  <si>
    <t>0493-59-8994</t>
  </si>
  <si>
    <t>第１－２５２９号</t>
  </si>
  <si>
    <t>株式会社　オカヤコーポレーション</t>
  </si>
  <si>
    <t>株式会社オカヤコーポレーション</t>
  </si>
  <si>
    <t>東麻布3-6-1</t>
  </si>
  <si>
    <t>第１－２５３１号</t>
  </si>
  <si>
    <t>株式会社　サンポウ</t>
  </si>
  <si>
    <t>株式会社サンポウ</t>
  </si>
  <si>
    <t>雑司が谷3-7-5</t>
  </si>
  <si>
    <t>03-5992-1201</t>
  </si>
  <si>
    <t>第１－２５３２号</t>
  </si>
  <si>
    <t>有限会社　本田空調サービス</t>
  </si>
  <si>
    <t>有限会社本田空調サービス</t>
  </si>
  <si>
    <t>保木間1-16-2-310</t>
  </si>
  <si>
    <t>090-9362-7483</t>
  </si>
  <si>
    <t>第１－２５３３号</t>
  </si>
  <si>
    <t>株式会社　トップロード</t>
  </si>
  <si>
    <t>株式会社トップロード　足立営業所　</t>
  </si>
  <si>
    <t>花畑2-15-1</t>
  </si>
  <si>
    <t>03-5856-5438</t>
  </si>
  <si>
    <t>第１－２５３５号</t>
  </si>
  <si>
    <t>三重冷機工業　株式会社</t>
  </si>
  <si>
    <t>三重冷機工業株式会社</t>
  </si>
  <si>
    <t>松原市</t>
  </si>
  <si>
    <t>天美我堂2丁目302番地の2</t>
  </si>
  <si>
    <t>072-330-3456</t>
  </si>
  <si>
    <t>第１－２５３６号</t>
  </si>
  <si>
    <t>有限会社　三村冷機サービス</t>
  </si>
  <si>
    <t>有限会社三村冷機サービス</t>
  </si>
  <si>
    <t>加納5丁目6番15号</t>
  </si>
  <si>
    <t>072-871-3166</t>
  </si>
  <si>
    <t>第１－２５３８号</t>
  </si>
  <si>
    <t>株式会社　京谷冷機</t>
  </si>
  <si>
    <t>株式会社京谷冷機</t>
  </si>
  <si>
    <t>中央区千葉港8-2 206号</t>
  </si>
  <si>
    <t>043-247-7898</t>
  </si>
  <si>
    <t>第１－２５４０号</t>
  </si>
  <si>
    <t>株式会社　三陽設備</t>
  </si>
  <si>
    <t>株式会社三陽設備</t>
  </si>
  <si>
    <t>南馬込5-23-11</t>
  </si>
  <si>
    <t>03-3773-7313</t>
  </si>
  <si>
    <t>第１－２５４１号</t>
  </si>
  <si>
    <t>奈良　勇次</t>
  </si>
  <si>
    <t>奈良エンジニアリング</t>
  </si>
  <si>
    <t>多摩区登戸新町51-3</t>
  </si>
  <si>
    <t>第１－２５４３号</t>
  </si>
  <si>
    <t>株式会社　ホリレイ</t>
  </si>
  <si>
    <t>株式会社ホリレイ</t>
  </si>
  <si>
    <t>旭区鶴ケ峰1-97-2</t>
  </si>
  <si>
    <t>第１－２５４４号</t>
  </si>
  <si>
    <t>堀田　健治</t>
  </si>
  <si>
    <t>堀田電業</t>
  </si>
  <si>
    <t>西葛西2丁目18番3-207 ファミール西葛西</t>
  </si>
  <si>
    <t>03-3689-8603</t>
  </si>
  <si>
    <t>第１－２５４５号</t>
  </si>
  <si>
    <t>株式会社　ニットク</t>
  </si>
  <si>
    <t>株式会社ニットク</t>
  </si>
  <si>
    <t>伊興3-17-2</t>
  </si>
  <si>
    <t>第１－２５４６号</t>
  </si>
  <si>
    <t>有限会社　進栄低熱工業所</t>
  </si>
  <si>
    <t>有限会社進栄低熱工業所</t>
  </si>
  <si>
    <t>保木間5-23-29</t>
  </si>
  <si>
    <t>03-3884-0666</t>
  </si>
  <si>
    <t>第１－２５４７号</t>
  </si>
  <si>
    <t>大宮区三橋2-801-2</t>
  </si>
  <si>
    <t>048-658-3777</t>
  </si>
  <si>
    <t>第１－２５４８号</t>
  </si>
  <si>
    <t>江東橋1丁目14番6号（ＮＳ錦糸町ビル）</t>
  </si>
  <si>
    <t>03-3632-7211</t>
  </si>
  <si>
    <t>第１－２５５０号</t>
  </si>
  <si>
    <t>有限会社　柴田熔接工作所</t>
  </si>
  <si>
    <t>有限会社柴田熔接工作所</t>
  </si>
  <si>
    <t>大野城市</t>
  </si>
  <si>
    <t>仲畑2丁目2番43号</t>
  </si>
  <si>
    <t>092-501-9798</t>
  </si>
  <si>
    <t>第１－２５５１号</t>
  </si>
  <si>
    <t>興和熱工業　株式会社</t>
  </si>
  <si>
    <t>興和熱工業株式会社</t>
  </si>
  <si>
    <t>羽衣町三丁目12番10号</t>
  </si>
  <si>
    <t>042-526-2192</t>
  </si>
  <si>
    <t>第１－２５５２号</t>
  </si>
  <si>
    <t>共立プラント工業　株式会社</t>
  </si>
  <si>
    <t>共立プラント工業株式会社　東日本営業所</t>
  </si>
  <si>
    <t>臨海町3丁目6-4　ヒューリック葛西臨海ビル5F</t>
  </si>
  <si>
    <t>第１－２５５５号</t>
  </si>
  <si>
    <t>株式会社　マルイ</t>
  </si>
  <si>
    <t>株式会社マルイ　東京営業所</t>
  </si>
  <si>
    <t>業平3丁目8-4</t>
  </si>
  <si>
    <t>03-5819-8844</t>
  </si>
  <si>
    <t>第１－２５５６号</t>
  </si>
  <si>
    <t>松原綜合サービス　株式会社</t>
  </si>
  <si>
    <t>松原綜合サービス株式会社</t>
  </si>
  <si>
    <t>東糀谷1-14-8</t>
  </si>
  <si>
    <t>第１－２５５７号</t>
  </si>
  <si>
    <t>株式会社　ショウテック</t>
  </si>
  <si>
    <t>株式会社ショウテック</t>
  </si>
  <si>
    <t>滝山町二丁目93番地1</t>
  </si>
  <si>
    <t>042-659-7011</t>
  </si>
  <si>
    <t>第１－２５５９号</t>
  </si>
  <si>
    <t>Ｍ’ｓ ａｉｒ　ｓｙｓｔｅｍ　株式会社</t>
  </si>
  <si>
    <t>Ｍ’ｓ ａｉｒ　ｓｙｓｔｅｍ株式会社</t>
  </si>
  <si>
    <t>境下武士2517番地1</t>
  </si>
  <si>
    <t>0270-75-5747</t>
  </si>
  <si>
    <t>第１－２５６１号</t>
  </si>
  <si>
    <t>株式会社　サン冷機</t>
  </si>
  <si>
    <t>株式会社サン冷機</t>
  </si>
  <si>
    <t>中原区井田中ノ町10-17</t>
  </si>
  <si>
    <t>第１－２５６２号</t>
  </si>
  <si>
    <t>有限会社　米倉工業</t>
  </si>
  <si>
    <t>有限会社米倉工業</t>
  </si>
  <si>
    <t>坂戸市</t>
  </si>
  <si>
    <t>石井2402-16</t>
  </si>
  <si>
    <t>049-288-0063</t>
  </si>
  <si>
    <t>第１－２５６３号</t>
  </si>
  <si>
    <t>株式会社　サン商会</t>
  </si>
  <si>
    <t>株式会社サン商会</t>
  </si>
  <si>
    <t>豊上町29番地4</t>
  </si>
  <si>
    <t>04-7147-3311</t>
  </si>
  <si>
    <t>第１－２５６４号</t>
  </si>
  <si>
    <t>東朋テクノロジー　株式会社</t>
  </si>
  <si>
    <t>東朋テクノロジー株式会社　稲沢サービスセンター</t>
  </si>
  <si>
    <t>稲沢市</t>
  </si>
  <si>
    <t>下津下町東五丁目1番地</t>
  </si>
  <si>
    <t>0587-24-1515</t>
  </si>
  <si>
    <t>第１－２５６５号</t>
  </si>
  <si>
    <t>三正設備工業　株式会社</t>
  </si>
  <si>
    <t>三正設備工業株式会社</t>
  </si>
  <si>
    <t>新倉1-18-46</t>
  </si>
  <si>
    <t>048-463-3730</t>
  </si>
  <si>
    <t>第１－２５６８号</t>
  </si>
  <si>
    <t>金川　純</t>
  </si>
  <si>
    <t>ＡＩＲ　ＴＲＵＳＴ</t>
  </si>
  <si>
    <t>宮前区土橋6-14-8-511</t>
  </si>
  <si>
    <t>044-854-3925</t>
  </si>
  <si>
    <t>第１－２５７０号</t>
  </si>
  <si>
    <t>スカイエア工業　株式会社</t>
  </si>
  <si>
    <t>スカイエア工業株式会社</t>
  </si>
  <si>
    <t>鎌ケ谷9-12-48-1</t>
  </si>
  <si>
    <t>047-499-2545</t>
  </si>
  <si>
    <t>第１－２５７１号</t>
  </si>
  <si>
    <t>株式会社　タカナシ・スカイサービス</t>
  </si>
  <si>
    <t>株式会社タカナシ・スカイサービス　羽田事業所</t>
  </si>
  <si>
    <t>本羽田2-12-1-510　テクノＷＩＮＧ</t>
  </si>
  <si>
    <t>03-6423-6238</t>
  </si>
  <si>
    <t>第１－２５７２号</t>
  </si>
  <si>
    <t>株式会社　ＬＡＣエンジニアリング</t>
  </si>
  <si>
    <t>株式会社ＬＡＣエンジニアリング</t>
  </si>
  <si>
    <t>入間郡</t>
  </si>
  <si>
    <t>越生町上谷6</t>
  </si>
  <si>
    <t>049-277-1234</t>
  </si>
  <si>
    <t>第１－２５７３号</t>
  </si>
  <si>
    <t>有限会社　テクノ空調システム</t>
  </si>
  <si>
    <t>有限会社テクノ空調システム</t>
  </si>
  <si>
    <t>見沼区大字小深作681-7</t>
  </si>
  <si>
    <t>048-685-8315</t>
  </si>
  <si>
    <t>第１－２５７４号</t>
  </si>
  <si>
    <t>株式会社　稲葉屋冷熱産業</t>
  </si>
  <si>
    <t>株式会社稲葉屋冷熱産業</t>
  </si>
  <si>
    <t>大東市</t>
  </si>
  <si>
    <t>御領四丁目2番74号</t>
  </si>
  <si>
    <t>第１－２５７５号</t>
  </si>
  <si>
    <t>株式会社　富田技研</t>
  </si>
  <si>
    <t>株式会社富田技研</t>
  </si>
  <si>
    <t>多摩川2-19-18</t>
  </si>
  <si>
    <t>03-5732-2130</t>
  </si>
  <si>
    <t>第１－２５７６号</t>
  </si>
  <si>
    <t>福井　秀樹</t>
  </si>
  <si>
    <t>秀和設備</t>
  </si>
  <si>
    <t>玉川台2-28-5-202</t>
  </si>
  <si>
    <t>03-6312-9947</t>
  </si>
  <si>
    <t>第１－２５７８号</t>
  </si>
  <si>
    <t>テクノガード　株式会社</t>
  </si>
  <si>
    <t>テクノガード株式会社</t>
  </si>
  <si>
    <t>内神田3-16-9　松浦ビル6F</t>
  </si>
  <si>
    <t>03-3526-9571</t>
  </si>
  <si>
    <t>第１－２５７９号</t>
  </si>
  <si>
    <t>有限会社　守屋冷熱</t>
  </si>
  <si>
    <t>有限会社守屋冷熱</t>
  </si>
  <si>
    <t>木間ケ瀬3293番地8</t>
  </si>
  <si>
    <t>04-7198-1793</t>
  </si>
  <si>
    <t>第１－２５８０号</t>
  </si>
  <si>
    <t>株式会社　新宏</t>
  </si>
  <si>
    <t>株式会社新宏</t>
  </si>
  <si>
    <t>馬場3-9-1</t>
  </si>
  <si>
    <t>048-299-6158</t>
  </si>
  <si>
    <t>第１－２５８１号</t>
  </si>
  <si>
    <t>丸武工業　株式会社</t>
  </si>
  <si>
    <t>丸武工業株式会社</t>
  </si>
  <si>
    <t>中野上町1-23-1</t>
  </si>
  <si>
    <t>第１－２５８２号</t>
  </si>
  <si>
    <t>中山エンジニヤリング　株式会社</t>
  </si>
  <si>
    <t>中山エンジニヤリング株式会社</t>
  </si>
  <si>
    <t>戸塚1-7-5</t>
  </si>
  <si>
    <t>048-295-2010</t>
  </si>
  <si>
    <t>第１－２５８３号</t>
  </si>
  <si>
    <t>越沼　信行</t>
  </si>
  <si>
    <t>Ｋサービス商店</t>
  </si>
  <si>
    <t>宮前区平1丁目6番15-308号</t>
  </si>
  <si>
    <t>第１－２５８４号</t>
  </si>
  <si>
    <t>二葉空調　株式会社</t>
  </si>
  <si>
    <t>二葉空調株式会社</t>
  </si>
  <si>
    <t>中央区新千葉3丁目16番13号</t>
  </si>
  <si>
    <t>043-250-2043</t>
  </si>
  <si>
    <t>第１－２５８５号</t>
  </si>
  <si>
    <t>吉田機電　株式会社</t>
  </si>
  <si>
    <t>吉田機電株式会社　大阪支店</t>
  </si>
  <si>
    <t>東成区東小橋1-15-19</t>
  </si>
  <si>
    <t>06-6973-4501</t>
  </si>
  <si>
    <t>第１－２５８６号</t>
  </si>
  <si>
    <t>阿出川　浩二</t>
  </si>
  <si>
    <t>リョーカサービス</t>
  </si>
  <si>
    <t>川柳町4-245-1-321</t>
  </si>
  <si>
    <t>048-985-8239</t>
  </si>
  <si>
    <t>第１－２５８７号</t>
  </si>
  <si>
    <t>株式会社　星和空調</t>
  </si>
  <si>
    <t>株式会社星和空調</t>
  </si>
  <si>
    <t>西新井6-41-4</t>
  </si>
  <si>
    <t>03-5809-4827</t>
  </si>
  <si>
    <t>第１－２５８８号</t>
  </si>
  <si>
    <t>株式会社　加藤理機製作所</t>
  </si>
  <si>
    <t>株式会社加藤理機製作所</t>
  </si>
  <si>
    <t>大井武蔵野669-4</t>
  </si>
  <si>
    <t>049-261-1793</t>
  </si>
  <si>
    <t>第１－２５８９号</t>
  </si>
  <si>
    <t>株式会社　晃電社</t>
  </si>
  <si>
    <t>株式会社晃電社</t>
  </si>
  <si>
    <t>大字安行原149番地の12</t>
  </si>
  <si>
    <t>048-297-1933</t>
  </si>
  <si>
    <t>第１－２５９１号</t>
  </si>
  <si>
    <t>末吉自動車電機　有限会社</t>
  </si>
  <si>
    <t>末吉自動車電機有限会社</t>
  </si>
  <si>
    <t>鶴見区下末吉1丁目21番15号</t>
  </si>
  <si>
    <t>045-581-0090</t>
  </si>
  <si>
    <t>第１－２５９３号</t>
  </si>
  <si>
    <t>平林　正美</t>
  </si>
  <si>
    <t>Ｍ－ＦＬＡＴ</t>
  </si>
  <si>
    <t>川崎区小田7-1-1-508</t>
  </si>
  <si>
    <t>第１－２５９４号</t>
  </si>
  <si>
    <t>株式会社　サイゼリヤ</t>
  </si>
  <si>
    <t>株式会社サイゼリヤ　店舗設計部　</t>
  </si>
  <si>
    <t>稲毛区六方町133</t>
  </si>
  <si>
    <t>043-420-1955</t>
  </si>
  <si>
    <t>第１－２５９５号</t>
  </si>
  <si>
    <t>ムンタース　株式会社</t>
  </si>
  <si>
    <t>ムンタース株式会社</t>
  </si>
  <si>
    <t>舟渡三丁目27番2号</t>
  </si>
  <si>
    <t>03-5970-0021</t>
  </si>
  <si>
    <t>第１－２５９７号</t>
  </si>
  <si>
    <t>杉田設備　株式会社</t>
  </si>
  <si>
    <t>杉田設備株式会社</t>
  </si>
  <si>
    <t>千石4-24-8</t>
  </si>
  <si>
    <t>第１－２５９８号</t>
  </si>
  <si>
    <t>株式会社　東京コトブキインダストリー</t>
  </si>
  <si>
    <t>株式会社東京コトブキインダストリー</t>
  </si>
  <si>
    <t>千住河原町20番14号</t>
  </si>
  <si>
    <t>03-3870-0671</t>
  </si>
  <si>
    <t>第１－２５９９号</t>
  </si>
  <si>
    <t>アールエムテック　株式会社</t>
  </si>
  <si>
    <t>アールエムテック株式会社　相模原技術センター</t>
  </si>
  <si>
    <t>中央区田名塩田1-2-6</t>
  </si>
  <si>
    <t>042-711-4880</t>
  </si>
  <si>
    <t>第１－２６００号</t>
  </si>
  <si>
    <t>緑川　智也</t>
  </si>
  <si>
    <t>テクノグリーン</t>
  </si>
  <si>
    <t>上本郷2232-2　ライオンズプラザ北松戸406</t>
  </si>
  <si>
    <t>第１－２６０１号</t>
  </si>
  <si>
    <t>有限会社　東洋空研</t>
  </si>
  <si>
    <t>有限会社東洋空研</t>
  </si>
  <si>
    <t>保土ケ谷区狩場町100番1</t>
  </si>
  <si>
    <t>045-325-8200</t>
  </si>
  <si>
    <t>第１－２６０３号</t>
  </si>
  <si>
    <t>合同会社　ケーズエアリスト</t>
  </si>
  <si>
    <t>合同会社ケーズエアリスト</t>
  </si>
  <si>
    <t>鶴見区矢向5-5-1-3M</t>
  </si>
  <si>
    <t>045-877-5173</t>
  </si>
  <si>
    <t>第１－２６０４号</t>
  </si>
  <si>
    <t>株式会社　武藤空調</t>
  </si>
  <si>
    <t>株式会社武藤空調</t>
  </si>
  <si>
    <t>南成瀬1-19-10</t>
  </si>
  <si>
    <t>042-810-3057</t>
  </si>
  <si>
    <t>第１－２６０５号</t>
  </si>
  <si>
    <t>有限会社　林田自動車電機</t>
  </si>
  <si>
    <t>有限会社林田自動車電機　本社</t>
  </si>
  <si>
    <t>緑区三保町686-6</t>
  </si>
  <si>
    <t>045-922-3390</t>
  </si>
  <si>
    <t>第１－２６０６号</t>
  </si>
  <si>
    <t>エアバス・ヘリコプターズ・ジャパン　株式会社</t>
  </si>
  <si>
    <t>エアバス・ヘリコプターズ・ジャパン株式会社　神戸空港事業所</t>
  </si>
  <si>
    <t>中央区神戸空港8番8号</t>
  </si>
  <si>
    <t>078-306-4300</t>
  </si>
  <si>
    <t>第１－２６０７号</t>
  </si>
  <si>
    <t>アドバンテック日成　株式会社</t>
  </si>
  <si>
    <t>アドバンテック日成株式会社</t>
  </si>
  <si>
    <t>十余二2-1</t>
  </si>
  <si>
    <t>04-7132-1171</t>
  </si>
  <si>
    <t>第１－２６０８号</t>
  </si>
  <si>
    <t>日本冷熱工産　株式会社</t>
  </si>
  <si>
    <t>日本冷熱工産株式会社</t>
  </si>
  <si>
    <t>吹田市</t>
  </si>
  <si>
    <t>豊津町40番38号</t>
  </si>
  <si>
    <t>第１－２６０９号</t>
  </si>
  <si>
    <t>東海プラント　株式会社</t>
  </si>
  <si>
    <t>東海プラント株式会社</t>
  </si>
  <si>
    <t>真砂町267-2</t>
  </si>
  <si>
    <t>055-951-5240</t>
  </si>
  <si>
    <t>第１－２６１２号</t>
  </si>
  <si>
    <t>有限会社　東洋空調</t>
  </si>
  <si>
    <t>有限会社東洋空調</t>
  </si>
  <si>
    <t>港南区野庭町762番地-1野庭グリーンハイツ308号</t>
  </si>
  <si>
    <t>045-841-0272</t>
  </si>
  <si>
    <t>第１－２６１３号</t>
  </si>
  <si>
    <t>ナカノエンジニアリング　株式会社</t>
  </si>
  <si>
    <t>ナカノエンジニアリング株式会社</t>
  </si>
  <si>
    <t>高松二丁目10番16号</t>
  </si>
  <si>
    <t>03-5966-4163</t>
  </si>
  <si>
    <t>第１－２６１４号</t>
  </si>
  <si>
    <t>東洋水産　株式会社</t>
  </si>
  <si>
    <t>東洋水産株式会社　冷蔵部　施設管理課</t>
  </si>
  <si>
    <t>東海4丁目1-12</t>
  </si>
  <si>
    <t>03-5755-1257</t>
  </si>
  <si>
    <t>第１－２６１５号</t>
  </si>
  <si>
    <t>株式会社　創真設備サービス</t>
  </si>
  <si>
    <t>株式会社創真設備サービス</t>
  </si>
  <si>
    <t>西馬込1-2-1</t>
  </si>
  <si>
    <t>03-3773-8041</t>
  </si>
  <si>
    <t>第１－２６１６号</t>
  </si>
  <si>
    <t>有限会社　倉田工業</t>
  </si>
  <si>
    <t>有限会社倉田工業</t>
  </si>
  <si>
    <t>東金町5-33-20</t>
  </si>
  <si>
    <t>03-3600-1829</t>
  </si>
  <si>
    <t>第１－２６１７号</t>
  </si>
  <si>
    <t>アクエアー　株式会社</t>
  </si>
  <si>
    <t>アクエアー株式会社</t>
  </si>
  <si>
    <t>問屋町一丁目11番地3</t>
  </si>
  <si>
    <t>027-212-5071</t>
  </si>
  <si>
    <t>第１－２６１８号</t>
  </si>
  <si>
    <t>株式会社　中川電機工業所</t>
  </si>
  <si>
    <t>株式会社中川電機工業所</t>
  </si>
  <si>
    <t>早稲田鶴巻町557</t>
  </si>
  <si>
    <t>03-3203-2671</t>
  </si>
  <si>
    <t>第１－２６１９号</t>
  </si>
  <si>
    <t>三菱電機冷熱プラント　株式会社</t>
  </si>
  <si>
    <t>三菱電機冷熱プラント株式会社　東京支社</t>
  </si>
  <si>
    <t>南大井3丁目14番9号</t>
  </si>
  <si>
    <t>03-6404-1066</t>
  </si>
  <si>
    <t>第１－２６２０号</t>
  </si>
  <si>
    <t>株式会社　日立エンジニアリング</t>
  </si>
  <si>
    <t>株式会社日立エンジニアリング</t>
  </si>
  <si>
    <t>歌舞伎町１丁目1番16号</t>
  </si>
  <si>
    <t>03-5287-3551</t>
  </si>
  <si>
    <t>第１－２６２１号</t>
  </si>
  <si>
    <t>富士設備工業　株式会社</t>
  </si>
  <si>
    <t>富士設備工業株式会社</t>
  </si>
  <si>
    <t>千住河原町16-5</t>
  </si>
  <si>
    <t>03-3888-7021</t>
  </si>
  <si>
    <t>第１－２６２２号</t>
  </si>
  <si>
    <t>株式会社　ＩＢＹ</t>
  </si>
  <si>
    <t>株式会社ＩＢＹ</t>
  </si>
  <si>
    <t>入間市</t>
  </si>
  <si>
    <t>大字木蓮寺707番地3</t>
  </si>
  <si>
    <t>04-2902-5248</t>
  </si>
  <si>
    <t>第１－２６２３号</t>
  </si>
  <si>
    <t>株式会社　宝和エアコンシステム</t>
  </si>
  <si>
    <t>株式会社宝和エアコンシステム</t>
  </si>
  <si>
    <t>東陽5-20-3</t>
  </si>
  <si>
    <t>03-6666-8292</t>
  </si>
  <si>
    <t>第１－２６２４号</t>
  </si>
  <si>
    <t>株式会社　Ｒａｇｇａ　Ｗｏｒｋｓ</t>
  </si>
  <si>
    <t>株式会社Ｒａｇｇａ　Ｗｏｒｋｓ</t>
  </si>
  <si>
    <t>北区宮原町三丁目46番1号</t>
  </si>
  <si>
    <t>048-778-7744</t>
  </si>
  <si>
    <t>第１－２６２５号</t>
  </si>
  <si>
    <t>日管　株式会社</t>
  </si>
  <si>
    <t>日管株式会社</t>
  </si>
  <si>
    <t>中区池町220-4</t>
  </si>
  <si>
    <t>053-459-3000</t>
  </si>
  <si>
    <t>第１－２６２６号</t>
  </si>
  <si>
    <t>ネクスト・ワン　株式会社</t>
  </si>
  <si>
    <t>ネクスト・ワン株式会社　東京営業所</t>
  </si>
  <si>
    <t>日本橋富沢町8-17</t>
  </si>
  <si>
    <t>03-3666-2011</t>
  </si>
  <si>
    <t>第１－２６２７号</t>
  </si>
  <si>
    <t>有限会社　平手空調</t>
  </si>
  <si>
    <t>有限会社平手空調</t>
  </si>
  <si>
    <t>緑区高田町1076-15</t>
  </si>
  <si>
    <t>043-308-5639</t>
  </si>
  <si>
    <t>第１－２６２８号</t>
  </si>
  <si>
    <t>有限会社　松孝</t>
  </si>
  <si>
    <t>有限会社松孝</t>
  </si>
  <si>
    <t>東六月町6-33</t>
  </si>
  <si>
    <t>03-3883-0051</t>
  </si>
  <si>
    <t>第１－２６３０号</t>
  </si>
  <si>
    <t>株式会社　エアーシステム</t>
  </si>
  <si>
    <t>株式会社エアーシステム</t>
  </si>
  <si>
    <t>三筋2-15-12</t>
  </si>
  <si>
    <t>03-5823-8771</t>
  </si>
  <si>
    <t>第１－２６３１号</t>
  </si>
  <si>
    <t>松下　泰弘</t>
  </si>
  <si>
    <t>松下設備</t>
  </si>
  <si>
    <t>田尻3-5-42-207</t>
  </si>
  <si>
    <t>第１－２６３２号</t>
  </si>
  <si>
    <t>株式会社　マック</t>
  </si>
  <si>
    <t>株式会社マック</t>
  </si>
  <si>
    <t>東金市</t>
  </si>
  <si>
    <t>丘山台2-9-5</t>
  </si>
  <si>
    <t>0475-50-1881</t>
  </si>
  <si>
    <t>第１－２６３５号</t>
  </si>
  <si>
    <t>株式会社　エクシング</t>
  </si>
  <si>
    <t>株式会社エクシング</t>
  </si>
  <si>
    <t>南烏山3ｰ1-12　NKビル2階</t>
  </si>
  <si>
    <t>03-5314-3413</t>
  </si>
  <si>
    <t>第１－２６３６号</t>
  </si>
  <si>
    <t>キユーソーサービス　株式会社</t>
  </si>
  <si>
    <t>キユーソーサービス株式会社　東京営業所</t>
  </si>
  <si>
    <t>多摩川1-17-1</t>
  </si>
  <si>
    <t>042-482-2466</t>
  </si>
  <si>
    <t>第１－２６３７号</t>
  </si>
  <si>
    <t>有限会社　東城冷機工業所</t>
  </si>
  <si>
    <t>有限会社東城冷機工業所</t>
  </si>
  <si>
    <t>土支田3-37-17</t>
  </si>
  <si>
    <t>03-3924-6047</t>
  </si>
  <si>
    <t>第１－２６３８号</t>
  </si>
  <si>
    <t>株式会社　横山空調設備工業</t>
  </si>
  <si>
    <t>株式会社横山空調設備工業</t>
  </si>
  <si>
    <t>北新宿4-14-8　山崎ビル1F</t>
  </si>
  <si>
    <t>03-3227-0082</t>
  </si>
  <si>
    <t>第１－２６４２号</t>
  </si>
  <si>
    <t>株式会社　匠和</t>
  </si>
  <si>
    <t>株式会社匠和</t>
  </si>
  <si>
    <t>井の頭5-3-29</t>
  </si>
  <si>
    <t>0422-43-6617</t>
  </si>
  <si>
    <t>第１－２６４３号</t>
  </si>
  <si>
    <t>株式会社　新日本三喜</t>
  </si>
  <si>
    <t>株式会社新日本三喜</t>
  </si>
  <si>
    <t>堀江4-9-29</t>
  </si>
  <si>
    <t>第１－２６４４号</t>
  </si>
  <si>
    <t>株式会社　石井空調工業</t>
  </si>
  <si>
    <t>株式会社石井空調工業</t>
  </si>
  <si>
    <t>豊富町1480-117</t>
  </si>
  <si>
    <t>047-457-9250</t>
  </si>
  <si>
    <t>第１－２６４５号</t>
  </si>
  <si>
    <t>株式会社　横冷エンジニアリング</t>
  </si>
  <si>
    <t>株式会社横冷エンジニアリング</t>
  </si>
  <si>
    <t>磯子区中原3丁目-6番-18</t>
  </si>
  <si>
    <t>045-350-9317</t>
  </si>
  <si>
    <t>第１－２６４６号</t>
  </si>
  <si>
    <t>ホシザキ関東　株式会社</t>
  </si>
  <si>
    <t>ホシザキ関東株式会社</t>
  </si>
  <si>
    <t>白山4丁目37番33号</t>
  </si>
  <si>
    <t>03-3943-6201</t>
  </si>
  <si>
    <t>第１－２６４７号</t>
  </si>
  <si>
    <t>株式会社　富士工業所</t>
  </si>
  <si>
    <t>株式会社富士工業所</t>
  </si>
  <si>
    <t>西尾久4-8-10</t>
  </si>
  <si>
    <t>03-3893-2525</t>
  </si>
  <si>
    <t>第１－２６４８号</t>
  </si>
  <si>
    <t>株式会社　ＴＯＫＩＥＩ</t>
  </si>
  <si>
    <t>株式会社ＴＯＫＩＥＩ</t>
  </si>
  <si>
    <t>清水区庵原町140番地の4</t>
  </si>
  <si>
    <t>054-363-2631</t>
  </si>
  <si>
    <t>第１－２６４９号</t>
  </si>
  <si>
    <t>有限会社　ジング</t>
  </si>
  <si>
    <t>有限会社ジング</t>
  </si>
  <si>
    <t>旭区上白根2-25-13</t>
  </si>
  <si>
    <t>第１－２６５０号</t>
  </si>
  <si>
    <t>有限会社　中興サービス</t>
  </si>
  <si>
    <t>有限会社中興サービス</t>
  </si>
  <si>
    <t>中延6-6-9</t>
  </si>
  <si>
    <t>03-5702-4707</t>
  </si>
  <si>
    <t>第１－２６５１号</t>
  </si>
  <si>
    <t>株式会社　宝エーテーエム</t>
  </si>
  <si>
    <t>株式会社宝エーテーエム</t>
  </si>
  <si>
    <t>小豆沢2丁目5番11号</t>
  </si>
  <si>
    <t>03-3558-6190</t>
  </si>
  <si>
    <t>第１－２６５２号</t>
  </si>
  <si>
    <t>株式会社　エコトピア</t>
  </si>
  <si>
    <t>株式会社エコトピア</t>
  </si>
  <si>
    <t>増林4215-1</t>
  </si>
  <si>
    <t>048-993-4808</t>
  </si>
  <si>
    <t>第１－２６５３号</t>
  </si>
  <si>
    <t>株式会社　甲斐冷機</t>
  </si>
  <si>
    <t>株式会社甲斐冷機　東京支社</t>
  </si>
  <si>
    <t>西五反田7-4-8　リアン西五反田1階</t>
  </si>
  <si>
    <t>03-6417-4300</t>
  </si>
  <si>
    <t>第１－２６５４号</t>
  </si>
  <si>
    <t>昭和精機　株式会社</t>
  </si>
  <si>
    <t>昭和精機株式会社</t>
  </si>
  <si>
    <t>福島区福島5丁目12番23号</t>
  </si>
  <si>
    <t>06-6458-8530</t>
  </si>
  <si>
    <t>第１－２６５５号</t>
  </si>
  <si>
    <t>シーピーエンジニアリング　株式会社</t>
  </si>
  <si>
    <t>シーピーエンジニアリング株式会社</t>
  </si>
  <si>
    <t>東品川四丁目7番15号</t>
  </si>
  <si>
    <t>03-3474-2171</t>
  </si>
  <si>
    <t>第１－２６５６号</t>
  </si>
  <si>
    <t>有限会社　ヤマト空調システム</t>
  </si>
  <si>
    <t>有限会社ヤマト空調システム</t>
  </si>
  <si>
    <t>平出町3864番地1</t>
  </si>
  <si>
    <t>028-660-6120</t>
  </si>
  <si>
    <t>第１－２６５７号</t>
  </si>
  <si>
    <t>ＳＫＹエース　株式会社</t>
  </si>
  <si>
    <t>ＳＫＹエース株式会社</t>
  </si>
  <si>
    <t>緑区十日市場町886-7</t>
  </si>
  <si>
    <t>045-981-3364</t>
  </si>
  <si>
    <t>第１－２６５９号</t>
  </si>
  <si>
    <t>有限会社　光陽</t>
  </si>
  <si>
    <t>有限会社光陽</t>
  </si>
  <si>
    <t>麻生区千代ケ丘6-2-37</t>
  </si>
  <si>
    <t>044-965-2000</t>
  </si>
  <si>
    <t>第１－２６６０号</t>
  </si>
  <si>
    <t>有限会社　クマダ電機</t>
  </si>
  <si>
    <t>有限会社クマダ電機</t>
  </si>
  <si>
    <t>豊橋市</t>
  </si>
  <si>
    <t>旭町110</t>
  </si>
  <si>
    <t>0532-52-5805</t>
  </si>
  <si>
    <t>第１－２６６２号</t>
  </si>
  <si>
    <t>株式会社　ｒｅｃｌａｉｍ</t>
  </si>
  <si>
    <t>株式会社ｒｅｃｌａｉｍ</t>
  </si>
  <si>
    <t>高津区北見方3-7-6</t>
  </si>
  <si>
    <t>044-712-0030</t>
  </si>
  <si>
    <t>第１－２６６３号</t>
  </si>
  <si>
    <t>株式会社　ささでん</t>
  </si>
  <si>
    <t>株式会社ささでん</t>
  </si>
  <si>
    <t>日光市</t>
  </si>
  <si>
    <t>塩野室町1899-15</t>
  </si>
  <si>
    <t>0288-26-6742</t>
  </si>
  <si>
    <t>第１－２６６４号</t>
  </si>
  <si>
    <t>協和テクノシステム　株式会社</t>
  </si>
  <si>
    <t>協和テクノシステム株式会社</t>
  </si>
  <si>
    <t>神明町三丁目161番地3</t>
  </si>
  <si>
    <t>第１－２６６５号</t>
  </si>
  <si>
    <t>有限会社　坂野技研</t>
  </si>
  <si>
    <t>有限会社坂野技研</t>
  </si>
  <si>
    <t>谷塚2-9-12　第二ビラ畑野105号室</t>
  </si>
  <si>
    <t>048-920-7545</t>
  </si>
  <si>
    <t>第１－２６６６号</t>
  </si>
  <si>
    <t>株式会社　佐忠</t>
  </si>
  <si>
    <t>株式会社佐忠</t>
  </si>
  <si>
    <t>大宮区三橋2-689-5</t>
  </si>
  <si>
    <t>048-625-6228</t>
  </si>
  <si>
    <t>第１－２６６７号</t>
  </si>
  <si>
    <t>有限会社　森冷機工業所</t>
  </si>
  <si>
    <t>有限会社森冷機工業所</t>
  </si>
  <si>
    <t>戸塚区名瀬町336-46</t>
  </si>
  <si>
    <t>045-813-8303</t>
  </si>
  <si>
    <t>第１－２６６８号</t>
  </si>
  <si>
    <t>小林　正和</t>
  </si>
  <si>
    <t>小林設備</t>
  </si>
  <si>
    <t>下柚木3-7-1-403</t>
  </si>
  <si>
    <t>042-675-6154</t>
  </si>
  <si>
    <t>第１－２６６９号</t>
  </si>
  <si>
    <t>株式会社　ＵＳＹ</t>
  </si>
  <si>
    <t>株式会社ＵＳＹ</t>
  </si>
  <si>
    <t>磯子区東町19-22</t>
  </si>
  <si>
    <t>045-367-8445</t>
  </si>
  <si>
    <t>第１－２６７０号</t>
  </si>
  <si>
    <t>協和興運　株式会社</t>
  </si>
  <si>
    <t>協和興運株式会社</t>
  </si>
  <si>
    <t>第１－２６７１号</t>
  </si>
  <si>
    <t>八洲興業　株式会社</t>
  </si>
  <si>
    <t>八洲興業株式会社</t>
  </si>
  <si>
    <t>毛利二丁目10番15号</t>
  </si>
  <si>
    <t>03-3631-8181</t>
  </si>
  <si>
    <t>第１－２６７２号</t>
  </si>
  <si>
    <t>株式会社　ハヤト</t>
  </si>
  <si>
    <t>株式会社ハヤト</t>
  </si>
  <si>
    <t>淀川区野中南2丁目10番20号藤鉄ビル1階</t>
  </si>
  <si>
    <t>06-6885-8751</t>
  </si>
  <si>
    <t>第１－２６７３号</t>
  </si>
  <si>
    <t>株式会社　ユニアス</t>
  </si>
  <si>
    <t>株式会社ユニアス</t>
  </si>
  <si>
    <t>南増尾4-3-28</t>
  </si>
  <si>
    <t>04-7192-6962</t>
  </si>
  <si>
    <t>第１－２６７４号</t>
  </si>
  <si>
    <t>高輪ヂーゼル　株式会社</t>
  </si>
  <si>
    <t>高輪ヂーゼル株式会社</t>
  </si>
  <si>
    <t>城南島4－6－6</t>
  </si>
  <si>
    <t>第１－２６７６号</t>
  </si>
  <si>
    <t>株式会社　三幸冷凍設備工業</t>
  </si>
  <si>
    <t>株式会社三幸冷凍設備工業</t>
  </si>
  <si>
    <t>佐賀県</t>
  </si>
  <si>
    <t>佐賀市</t>
  </si>
  <si>
    <t>巨勢町大字牛島153番地の15</t>
  </si>
  <si>
    <t>第１－２６７７号</t>
  </si>
  <si>
    <t>株式会社　啓愛社</t>
  </si>
  <si>
    <t>株式会社啓愛社　金沢リサイクル工場</t>
  </si>
  <si>
    <t>金沢区福浦1-14-6</t>
  </si>
  <si>
    <t>045-701-7212</t>
  </si>
  <si>
    <t>第１－２６７８号</t>
  </si>
  <si>
    <t>菱和機器工業　株式会社</t>
  </si>
  <si>
    <t>菱和機器工業株式会社</t>
  </si>
  <si>
    <t>南区永田北1丁目5番9号　102号</t>
  </si>
  <si>
    <t>045-716-0135</t>
  </si>
  <si>
    <t>第１－２６８０号</t>
  </si>
  <si>
    <t>スリーエス　株式会社</t>
  </si>
  <si>
    <t>スリーエス株式会社</t>
  </si>
  <si>
    <t>中央区瓦町1丁目4番11号衛材ビル3F</t>
  </si>
  <si>
    <t>06-6210-2170</t>
  </si>
  <si>
    <t>第１－２６８１号</t>
  </si>
  <si>
    <t>株式会社　ティ・ビー・エム</t>
  </si>
  <si>
    <t>株式会社ティ・ビー・エム</t>
  </si>
  <si>
    <t>三ケ島3-1421</t>
  </si>
  <si>
    <t>第１－２６８２号</t>
  </si>
  <si>
    <t>株式会社　アイメック</t>
  </si>
  <si>
    <t>株式会社アイメック</t>
  </si>
  <si>
    <t>御坂町成田2739-2</t>
  </si>
  <si>
    <t>055-262-7711</t>
  </si>
  <si>
    <t>第１－２６８３号</t>
  </si>
  <si>
    <t>有限会社　タナカ空調設備</t>
  </si>
  <si>
    <t>有限会社タナカ空調設備</t>
  </si>
  <si>
    <t>紙敷1563番地の7</t>
  </si>
  <si>
    <t>047-391-8868</t>
  </si>
  <si>
    <t>第１－２６８４号</t>
  </si>
  <si>
    <t>有限会社　大森電興</t>
  </si>
  <si>
    <t>有限会社大森電興</t>
  </si>
  <si>
    <t>大泉町2-59-29</t>
  </si>
  <si>
    <t>03-5935-6069</t>
  </si>
  <si>
    <t>第１－２６８８号</t>
  </si>
  <si>
    <t>株式会社　ＳＭＬ</t>
  </si>
  <si>
    <t>株式会社ＳＭＬ</t>
  </si>
  <si>
    <t>大字鴨田1104-6</t>
  </si>
  <si>
    <t>049-226-5136</t>
  </si>
  <si>
    <t>第１－２６８９号</t>
  </si>
  <si>
    <t>株式会社　中山空調</t>
  </si>
  <si>
    <t>株式会社中山空調</t>
  </si>
  <si>
    <t>泉区和泉が丘3丁目5番6号</t>
  </si>
  <si>
    <t>045-443-7700</t>
  </si>
  <si>
    <t>第１－２６９０号</t>
  </si>
  <si>
    <t>株式会社　エルテックス</t>
  </si>
  <si>
    <t>株式会社エルテックス　川崎事業所</t>
  </si>
  <si>
    <t>川崎区港町6-1　味の素㈱西工場内事務所棟2階</t>
  </si>
  <si>
    <t>044-221-7560</t>
  </si>
  <si>
    <t>第１－２６９１号</t>
  </si>
  <si>
    <t>スエヒロシステムライン　株式会社</t>
  </si>
  <si>
    <t>スエヒロシステムライン株式会社</t>
  </si>
  <si>
    <t>清瀬市</t>
  </si>
  <si>
    <t>松山1丁目11番21号ブリリアント1　2F-C1</t>
  </si>
  <si>
    <t>042-497-9601</t>
  </si>
  <si>
    <t>第１－２６９２号</t>
  </si>
  <si>
    <t>日本エアーテック　株式会社</t>
  </si>
  <si>
    <t>日本エアーテック株式会社　草加工場</t>
  </si>
  <si>
    <t>青柳2-10-20</t>
  </si>
  <si>
    <t>048-936-3033</t>
  </si>
  <si>
    <t>第１－２６９４号</t>
  </si>
  <si>
    <t>エアコンプラント工業　株式会社</t>
  </si>
  <si>
    <t>エアコンプラント工業株式会社</t>
  </si>
  <si>
    <t>大山金井町43-8</t>
  </si>
  <si>
    <t>03-3554-2101</t>
  </si>
  <si>
    <t>第１－２６９５号</t>
  </si>
  <si>
    <t>株式会社　テクノシステム</t>
  </si>
  <si>
    <t>株式会社テクノシステム</t>
  </si>
  <si>
    <t>大杉4-12-4</t>
  </si>
  <si>
    <t>第１－２６９８号</t>
  </si>
  <si>
    <t>中央電気　株式会社</t>
  </si>
  <si>
    <t>中央電気株式会社</t>
  </si>
  <si>
    <t>仲六郷4丁目23番8号</t>
  </si>
  <si>
    <t>03-3736-6131</t>
  </si>
  <si>
    <t>第１－２７００号</t>
  </si>
  <si>
    <t>天満管工業　株式会社</t>
  </si>
  <si>
    <t>天満管工業株式会社</t>
  </si>
  <si>
    <t>瀬谷区卸本町2161番3</t>
  </si>
  <si>
    <t>045-744-6400</t>
  </si>
  <si>
    <t>第１－２７０１号</t>
  </si>
  <si>
    <t>ダイナテック　株式会社</t>
  </si>
  <si>
    <t>ダイナテック株式会社</t>
  </si>
  <si>
    <t>京橋1丁目17番4号</t>
  </si>
  <si>
    <t>03-5524-0933</t>
  </si>
  <si>
    <t>第１－２７０３号</t>
  </si>
  <si>
    <t>郡山商事　株式会社</t>
  </si>
  <si>
    <t>郡山商事株式会社</t>
  </si>
  <si>
    <t>栄3-9-8</t>
  </si>
  <si>
    <t>第１－２７０４号</t>
  </si>
  <si>
    <t>株式会社　東海フロン</t>
  </si>
  <si>
    <t>株式会社東海フロン</t>
  </si>
  <si>
    <t>春日井市</t>
  </si>
  <si>
    <t>下条町三丁目2番地9</t>
  </si>
  <si>
    <t>0568-70-7151</t>
  </si>
  <si>
    <t>第１－２７０５号</t>
  </si>
  <si>
    <t>南花畑2-8-3</t>
  </si>
  <si>
    <t>第１－２７０６号</t>
  </si>
  <si>
    <t>株式会社　アイテック</t>
  </si>
  <si>
    <t>株式会社アイテック</t>
  </si>
  <si>
    <t>中富850-1</t>
  </si>
  <si>
    <t>04-2943-9222</t>
  </si>
  <si>
    <t>第１－２７０７号</t>
  </si>
  <si>
    <t>株式会社　おおくす技研</t>
  </si>
  <si>
    <t>株式会社おおくす技研</t>
  </si>
  <si>
    <t>朝日町2-3-11</t>
  </si>
  <si>
    <t>042-334-5684</t>
  </si>
  <si>
    <t>第１－２７０９号</t>
  </si>
  <si>
    <t>株式会社　カナタ</t>
  </si>
  <si>
    <t>株式会社カナタ</t>
  </si>
  <si>
    <t>宮前区馬絹4-17-1　東急ドエルアルス宮崎台1号室</t>
  </si>
  <si>
    <t>第１－２７１０号</t>
  </si>
  <si>
    <t>エアーズコネクト　株式会社</t>
  </si>
  <si>
    <t>エアーズコネクト株式会社</t>
  </si>
  <si>
    <t>長沼町1813-2</t>
  </si>
  <si>
    <t>0270-75-6340</t>
  </si>
  <si>
    <t>第１－２７１２号</t>
  </si>
  <si>
    <t>日本環境サポート　株式会社</t>
  </si>
  <si>
    <t>日本環境サポート株式会社</t>
  </si>
  <si>
    <t>国分寺市</t>
  </si>
  <si>
    <t>西恋ケ窪3-6-11 1F</t>
  </si>
  <si>
    <t>042-316-8452</t>
  </si>
  <si>
    <t>第１－２７１３号</t>
  </si>
  <si>
    <t>伸和コントロールズ　株式会社</t>
  </si>
  <si>
    <t>伸和コントロールズ株式会社　長野事業所</t>
  </si>
  <si>
    <t>伊那市</t>
  </si>
  <si>
    <t>高遠町上山田621</t>
  </si>
  <si>
    <t>0265-94-3641</t>
  </si>
  <si>
    <t>伸和コントロールズ株式会社　九州事業所</t>
  </si>
  <si>
    <t>長崎県</t>
  </si>
  <si>
    <t>大村市</t>
  </si>
  <si>
    <t>雄ケ原町1313-46</t>
  </si>
  <si>
    <t>0957-52-7501</t>
  </si>
  <si>
    <t>第１－２７１４号</t>
  </si>
  <si>
    <t>有限会社　アイスマシン</t>
  </si>
  <si>
    <t>有限会社アイスマシン</t>
  </si>
  <si>
    <t>池袋本町4-16-1</t>
  </si>
  <si>
    <t>03-3971-9129</t>
  </si>
  <si>
    <t>第１－２７１５号</t>
  </si>
  <si>
    <t>鈴木　鉄治</t>
  </si>
  <si>
    <t>スズキ冷熱</t>
  </si>
  <si>
    <t>香取1-3-3</t>
  </si>
  <si>
    <t>047-318-9187</t>
  </si>
  <si>
    <t>第１－２７１６号</t>
  </si>
  <si>
    <t>株式会社日本冷機製作所</t>
  </si>
  <si>
    <t>本駒込6-12-4</t>
  </si>
  <si>
    <t>03-3941-0461</t>
  </si>
  <si>
    <t>第１－２７１７号</t>
  </si>
  <si>
    <t>松林　明</t>
  </si>
  <si>
    <t>アドバンス空調</t>
  </si>
  <si>
    <t>栄区小菅ケ谷2-1-1-506</t>
  </si>
  <si>
    <t>第１－２７１８号</t>
  </si>
  <si>
    <t>株式会社　斉藤冷設</t>
  </si>
  <si>
    <t>株式会社斉藤冷設</t>
  </si>
  <si>
    <t>小松川4-84-14</t>
  </si>
  <si>
    <t>第１－２７１９号</t>
  </si>
  <si>
    <t>株式会社　ケイエムシー</t>
  </si>
  <si>
    <t>株式会社ケイエムシー</t>
  </si>
  <si>
    <t>北馬込1-25-2</t>
  </si>
  <si>
    <t>03-5755-6131</t>
  </si>
  <si>
    <t>第１－２７２０号</t>
  </si>
  <si>
    <t>有限会社　エアメイク</t>
  </si>
  <si>
    <t>有限会社エアメイク</t>
  </si>
  <si>
    <t>第１－２７２２号</t>
  </si>
  <si>
    <t>有限会社　ナカムラシステムサービス</t>
  </si>
  <si>
    <t>有限会社ナカムラシステムサービス</t>
  </si>
  <si>
    <t>稔台7-23-1</t>
  </si>
  <si>
    <t>047-365-0410</t>
  </si>
  <si>
    <t>第１－２７２３号</t>
  </si>
  <si>
    <t>津福工業　株式会社</t>
  </si>
  <si>
    <t>津福工業株式会社</t>
  </si>
  <si>
    <t>久留米市</t>
  </si>
  <si>
    <t>梅満町1202</t>
  </si>
  <si>
    <t>0942-34-3456</t>
  </si>
  <si>
    <t>第１－２７２４号</t>
  </si>
  <si>
    <t>株式会社　ベーカーズプロダクシヨン</t>
  </si>
  <si>
    <t>株式会社ベーカーズプロダクション　関東地区営業所</t>
  </si>
  <si>
    <t>浦和区高砂3-14-14　305号</t>
  </si>
  <si>
    <t>048-705-2200</t>
  </si>
  <si>
    <t>第１－２７２５号</t>
  </si>
  <si>
    <t>福田　信二</t>
  </si>
  <si>
    <t>ＦＲＥＥ</t>
  </si>
  <si>
    <t>南1-18-15　コンフォート・ウィズ・ドルチェ102号室</t>
  </si>
  <si>
    <t>050-7518-2282</t>
  </si>
  <si>
    <t>第１－２７２６号</t>
  </si>
  <si>
    <t>有限会社　エス・ティ・サービス</t>
  </si>
  <si>
    <t>有限会社エス・ティ・サービス</t>
  </si>
  <si>
    <t>若林区上飯田1丁目14番27号</t>
  </si>
  <si>
    <t>022-286-4690</t>
  </si>
  <si>
    <t>第１－２７２７号</t>
  </si>
  <si>
    <t>有限会社　アコール</t>
  </si>
  <si>
    <t>有限会社アコール</t>
  </si>
  <si>
    <t>玉川学園4-3-18</t>
  </si>
  <si>
    <t>042-726-2383</t>
  </si>
  <si>
    <t>第１－２７２８号</t>
  </si>
  <si>
    <t>株式会社　八伸設備工業</t>
  </si>
  <si>
    <t>株式会社八伸設備工業</t>
  </si>
  <si>
    <t>赤山町3丁目260番地</t>
  </si>
  <si>
    <t>048-964-5824</t>
  </si>
  <si>
    <t>第１－２７３０号</t>
  </si>
  <si>
    <t>株式会社　城北冷熱</t>
  </si>
  <si>
    <t>株式会社城北冷熱</t>
  </si>
  <si>
    <t>東大沢4丁目27番地15</t>
  </si>
  <si>
    <t>048-966-0221</t>
  </si>
  <si>
    <t>第１－２７３２号</t>
  </si>
  <si>
    <t>緑区あすみが丘7-39-4</t>
  </si>
  <si>
    <t>043-294-8766</t>
  </si>
  <si>
    <t>第１－２７３３号</t>
  </si>
  <si>
    <t>昭和設備　株式会社</t>
  </si>
  <si>
    <t>昭和設備株式会社</t>
  </si>
  <si>
    <t>久が原一丁目1番5号</t>
  </si>
  <si>
    <t>03-3752-1191</t>
  </si>
  <si>
    <t>第１－２７３４号</t>
  </si>
  <si>
    <t>有限会社　和泉暖冷工業</t>
  </si>
  <si>
    <t>有限会社和泉暖冷工業</t>
  </si>
  <si>
    <t>根岸台8-12-59</t>
  </si>
  <si>
    <t>048-462-1085</t>
  </si>
  <si>
    <t>第１－２７３５号</t>
  </si>
  <si>
    <t>株式会社　鈴代冷暖房工業</t>
  </si>
  <si>
    <t>株式会社鈴代冷暖房工業</t>
  </si>
  <si>
    <t>西小松川町36-12</t>
  </si>
  <si>
    <t>03-3656-7361</t>
  </si>
  <si>
    <t>第１－２７３７号</t>
  </si>
  <si>
    <t>株式会社　茂木電気</t>
  </si>
  <si>
    <t>株式会社茂木電気</t>
  </si>
  <si>
    <t>調布ケ丘2-29-10</t>
  </si>
  <si>
    <t>第１－２７３８号</t>
  </si>
  <si>
    <t>株式会社　明神</t>
  </si>
  <si>
    <t>株式会社明神</t>
  </si>
  <si>
    <t>旭区川島町2065番地4</t>
  </si>
  <si>
    <t>045-459-5609</t>
  </si>
  <si>
    <t>第１－２７３９号</t>
  </si>
  <si>
    <t>株式会社　中部技術サービス</t>
  </si>
  <si>
    <t>株式会社中部技術サービス　浜松支店</t>
  </si>
  <si>
    <t>中央区豊岡町325-1</t>
  </si>
  <si>
    <t>053-439-3020</t>
  </si>
  <si>
    <t>第１－２７４１号</t>
  </si>
  <si>
    <t>ＳＴＫファシリティ　株式会社</t>
  </si>
  <si>
    <t>ＳＴＫファシリティ株式会社</t>
  </si>
  <si>
    <t>川崎区東扇島24番地</t>
  </si>
  <si>
    <t>044-223-7533</t>
  </si>
  <si>
    <t>第１－２７４３号</t>
  </si>
  <si>
    <t>サイエンス　株式会社</t>
  </si>
  <si>
    <t>サイエンス株式会社　</t>
  </si>
  <si>
    <t>北区宮原町2-15-10</t>
  </si>
  <si>
    <t>048-665-7733</t>
  </si>
  <si>
    <t>第１－２７４４号</t>
  </si>
  <si>
    <t>株式会社　タキズミ</t>
  </si>
  <si>
    <t>株式会社タキズミ</t>
  </si>
  <si>
    <t>大塚3-38-8</t>
  </si>
  <si>
    <t>03-5395-7880</t>
  </si>
  <si>
    <t>第１－２７４６号</t>
  </si>
  <si>
    <t>安田　佳乃央</t>
  </si>
  <si>
    <t>三笠産業</t>
  </si>
  <si>
    <t>赤羽西2-17-6</t>
  </si>
  <si>
    <t>03-5856-0088</t>
  </si>
  <si>
    <t>第１－２７４７号</t>
  </si>
  <si>
    <t>有限会社　明幸設備</t>
  </si>
  <si>
    <t>有限会社明幸設備</t>
  </si>
  <si>
    <t>高野台二丁目24番17号</t>
  </si>
  <si>
    <t>03-5923-9554</t>
  </si>
  <si>
    <t>第１－２７４８号</t>
  </si>
  <si>
    <t>有限会社　Ｋ１－テクニカル</t>
  </si>
  <si>
    <t>有限会社Ｋ１－テクニカル</t>
  </si>
  <si>
    <t>松本市</t>
  </si>
  <si>
    <t>小屋北1-17-6</t>
  </si>
  <si>
    <t>0263-87-0351</t>
  </si>
  <si>
    <t>第１－２７４９号</t>
  </si>
  <si>
    <t>株式会社　ＴＫＫ</t>
  </si>
  <si>
    <t>株式会社ＴＫＫ</t>
  </si>
  <si>
    <t>分梅町5-17-9</t>
  </si>
  <si>
    <t>090-6486-9855</t>
  </si>
  <si>
    <t>第１－２７５０号</t>
  </si>
  <si>
    <t>株式会社　山本冷機</t>
  </si>
  <si>
    <t>株式会社山本冷機</t>
  </si>
  <si>
    <t>押立1232-1</t>
  </si>
  <si>
    <t>042-379-9802</t>
  </si>
  <si>
    <t>第１－２７５２号</t>
  </si>
  <si>
    <t>金沢区柴町11-5</t>
  </si>
  <si>
    <t>090-2204-6896</t>
  </si>
  <si>
    <t>第１－２７５３号</t>
  </si>
  <si>
    <t>株式会社　山手クール</t>
  </si>
  <si>
    <t>株式会社山手クール</t>
  </si>
  <si>
    <t>恵比寿西1-26-4</t>
  </si>
  <si>
    <t>03-3461-5192</t>
  </si>
  <si>
    <t>第１－２７５４号</t>
  </si>
  <si>
    <t>株式会社　三友冷設</t>
  </si>
  <si>
    <t>株式会社三友冷設</t>
  </si>
  <si>
    <t>六月3-11-3</t>
  </si>
  <si>
    <t>03-6319-3752</t>
  </si>
  <si>
    <t>第１－２７５６号</t>
  </si>
  <si>
    <t>株式会社　Ｙ・Ｍ・Ｔ</t>
  </si>
  <si>
    <t>株式会社Ｙ・Ｍ・Ｔ</t>
  </si>
  <si>
    <t>宇津木町520番地1　池田第二ビル2階</t>
  </si>
  <si>
    <t>042-649-9708</t>
  </si>
  <si>
    <t>第１－２７５７号</t>
  </si>
  <si>
    <t>株式会社　エデック</t>
  </si>
  <si>
    <t>株式会社エデック</t>
  </si>
  <si>
    <t>二本木1181番地1</t>
  </si>
  <si>
    <t>04-2990-8616</t>
  </si>
  <si>
    <t>第１－２７５８号</t>
  </si>
  <si>
    <t>パナソニック関東設備　株式会社</t>
  </si>
  <si>
    <t>パナソニック関東設備株式会社</t>
  </si>
  <si>
    <t>古市町1-50-14</t>
  </si>
  <si>
    <t>027-251-0571</t>
  </si>
  <si>
    <t>第１－２７５９号</t>
  </si>
  <si>
    <t>ＰＬＡＮＥＴ　株式会社</t>
  </si>
  <si>
    <t>ＰＬＡＮＥＴ株式会社</t>
  </si>
  <si>
    <t>萩山町3-20-19</t>
  </si>
  <si>
    <t>042-313-3283</t>
  </si>
  <si>
    <t>第１－２７６０号</t>
  </si>
  <si>
    <t>光進冷機工業　株式会社</t>
  </si>
  <si>
    <t>光進冷機工業株式会社</t>
  </si>
  <si>
    <t>美浜区真砂5-17-1-302</t>
  </si>
  <si>
    <t>043-303-5567</t>
  </si>
  <si>
    <t>第１－２７６１号</t>
  </si>
  <si>
    <t>宏和工業　株式会社</t>
  </si>
  <si>
    <t>宏和工業株式会社</t>
  </si>
  <si>
    <t>北小松町字西山1710番地</t>
  </si>
  <si>
    <t>059-328-1321</t>
  </si>
  <si>
    <t>第１－２７６２号</t>
  </si>
  <si>
    <t>有限会社　吉本</t>
  </si>
  <si>
    <t>有限会社吉本</t>
  </si>
  <si>
    <t>不動岡2-7-1</t>
  </si>
  <si>
    <t>0480-48-6902</t>
  </si>
  <si>
    <t>第１－２７６６号</t>
  </si>
  <si>
    <t>株式会社　コーリョウ冷熱</t>
  </si>
  <si>
    <t>株式会社コーリョウ冷熱</t>
  </si>
  <si>
    <t>八代町北1655番地</t>
  </si>
  <si>
    <t>055-265-4321</t>
  </si>
  <si>
    <t>第１－２７６７号</t>
  </si>
  <si>
    <t>株式会社　デヴァシオン</t>
  </si>
  <si>
    <t>株式会社デヴァシオン</t>
  </si>
  <si>
    <t>宇治市</t>
  </si>
  <si>
    <t>槇島町十一67-1　デヴァシオンビル2F</t>
  </si>
  <si>
    <t>0774-28-3553</t>
  </si>
  <si>
    <t>第１－２７６８号</t>
  </si>
  <si>
    <t>株式会社　いすゞ製作所</t>
  </si>
  <si>
    <t>株式会社いすゞ製作所</t>
  </si>
  <si>
    <t>新潟県</t>
  </si>
  <si>
    <t>三条市</t>
  </si>
  <si>
    <t>荻堀字藤平1397番地42</t>
  </si>
  <si>
    <t>0256-46-2200</t>
  </si>
  <si>
    <t>第１－２７６９号</t>
  </si>
  <si>
    <t>株式会社　キャプティソリューションズ</t>
  </si>
  <si>
    <t>株式会社キャプティソリューションズ　東部事業所</t>
  </si>
  <si>
    <t>南千住3-28-1</t>
  </si>
  <si>
    <t>03-3802-0416</t>
  </si>
  <si>
    <t>株式会社キャプティソリューションズ　北部事業所</t>
  </si>
  <si>
    <t>豊島1-18-14</t>
  </si>
  <si>
    <t>03-3927-0164</t>
  </si>
  <si>
    <t>株式会社キャプティソリューションズ　神奈川事業所</t>
  </si>
  <si>
    <t>西区平沼2-12</t>
  </si>
  <si>
    <t>045-322-8102</t>
  </si>
  <si>
    <t>株式会社キャプティソリューションズ　川崎事業所</t>
  </si>
  <si>
    <t>中原区上丸子山王町2-1048-9</t>
  </si>
  <si>
    <t>044-382-2108</t>
  </si>
  <si>
    <t>第１－２７７０号</t>
  </si>
  <si>
    <t>松下　悟</t>
  </si>
  <si>
    <t>松下エアコン</t>
  </si>
  <si>
    <t>東小川3丁目16-5</t>
  </si>
  <si>
    <t>054-620-5040</t>
  </si>
  <si>
    <t>第１－２７７２号</t>
  </si>
  <si>
    <t>株式会社　ニチナンメンテ</t>
  </si>
  <si>
    <t>株式会社ニチナンメンテ</t>
  </si>
  <si>
    <t>港北区日吉7-6-30</t>
  </si>
  <si>
    <t>045-560-6601</t>
  </si>
  <si>
    <t>第１－２７７３号</t>
  </si>
  <si>
    <t>合同会社　フジマルサービス</t>
  </si>
  <si>
    <t>合同会社フジマルサービス</t>
  </si>
  <si>
    <t>上藤沢700-7</t>
  </si>
  <si>
    <t>050-1579-6342</t>
  </si>
  <si>
    <t>第１－２７７４号</t>
  </si>
  <si>
    <t>株式会社　ジェイグリッド</t>
  </si>
  <si>
    <t>株式会社ジェイグリッド</t>
  </si>
  <si>
    <t>東神田一丁目11番6号照沼ビル3階</t>
  </si>
  <si>
    <t>03-3866-6668</t>
  </si>
  <si>
    <t>第１－２７７５号</t>
  </si>
  <si>
    <t>株式会社　タカキベーカリー</t>
  </si>
  <si>
    <t>株式会社タカキベーカリー秦野工場</t>
  </si>
  <si>
    <t>秦野市</t>
  </si>
  <si>
    <t>曽屋598-2</t>
  </si>
  <si>
    <t>0463-81-6199</t>
  </si>
  <si>
    <t>第１－２７７６号</t>
  </si>
  <si>
    <t>株式会社　ランテック</t>
  </si>
  <si>
    <t>株式会社ランテック　車輌・設備管理部関東</t>
  </si>
  <si>
    <t>下落合303-13</t>
  </si>
  <si>
    <t>0463-93-6211</t>
  </si>
  <si>
    <t>第１－２７７７号</t>
  </si>
  <si>
    <t>株式会社　クウセツ</t>
  </si>
  <si>
    <t>株式会社クウセツ</t>
  </si>
  <si>
    <t>元横山町2-8-3</t>
  </si>
  <si>
    <t>042-642-3369</t>
  </si>
  <si>
    <t>第１－２７７８号</t>
  </si>
  <si>
    <t>アーステクノサービス　株式会社</t>
  </si>
  <si>
    <t>アーステクノサービス株式会社</t>
  </si>
  <si>
    <t>西元町2-9-9</t>
  </si>
  <si>
    <t>042-327-5290</t>
  </si>
  <si>
    <t>第１－２７７９号</t>
  </si>
  <si>
    <t>株式会社　エアークラフト</t>
  </si>
  <si>
    <t>株式会社エアークラフト</t>
  </si>
  <si>
    <t>砂川町8-86-18</t>
  </si>
  <si>
    <t>042-536-9603</t>
  </si>
  <si>
    <t>第１－２７８１号</t>
  </si>
  <si>
    <t>有限会社　北海空調サービス</t>
  </si>
  <si>
    <t>有限会社北海空調サービス</t>
  </si>
  <si>
    <t>二宮1-56-1-402</t>
  </si>
  <si>
    <t>047-469-9616</t>
  </si>
  <si>
    <t>第１－２７８２号</t>
  </si>
  <si>
    <t>下馬2-24-12</t>
  </si>
  <si>
    <t>03-3418-6661</t>
  </si>
  <si>
    <t>第１－２７８４号</t>
  </si>
  <si>
    <t>株式会社　テクノタック</t>
  </si>
  <si>
    <t>株式会社テクノタック</t>
  </si>
  <si>
    <t>大谷口2-20-3　ブルーウィングビル</t>
  </si>
  <si>
    <t>03-5964-5155</t>
  </si>
  <si>
    <t>第１－２７８６号</t>
  </si>
  <si>
    <t>合同会社　ＳＦＫ</t>
  </si>
  <si>
    <t>合同会社ＳＦＫ</t>
  </si>
  <si>
    <t>東越谷9-6-5</t>
  </si>
  <si>
    <t>第１－２７８８号</t>
  </si>
  <si>
    <t>有限会社　サクマテクノ</t>
  </si>
  <si>
    <t>有限会社サクマテクノ</t>
  </si>
  <si>
    <t>上篠崎2-15-17</t>
  </si>
  <si>
    <t>03-6638-7070</t>
  </si>
  <si>
    <t>第１－２７８９号</t>
  </si>
  <si>
    <t>株式会社　コーシン商会</t>
  </si>
  <si>
    <t>株式会社コーシン商会</t>
  </si>
  <si>
    <t>鶴ケ曽根256-1</t>
  </si>
  <si>
    <t>048-995-0401</t>
  </si>
  <si>
    <t>第１－２７９０号</t>
  </si>
  <si>
    <t>有限会社　フタバ冷熱</t>
  </si>
  <si>
    <t>有限会社フタバ冷熱</t>
  </si>
  <si>
    <t>酒井根2丁目17番37号</t>
  </si>
  <si>
    <t>第１－２７９１号</t>
  </si>
  <si>
    <t>株式会社　大阪冷研</t>
  </si>
  <si>
    <t>株式会社大阪冷研</t>
  </si>
  <si>
    <t>吉田本町1－7－18</t>
  </si>
  <si>
    <t>072-965-0040</t>
  </si>
  <si>
    <t>第１－２７９２号</t>
  </si>
  <si>
    <t>株式会社　利光ファシリティーズ</t>
  </si>
  <si>
    <t>株式会社利光ファシリティーズ</t>
  </si>
  <si>
    <t>緑区中山1-7-8</t>
  </si>
  <si>
    <t>045-482-7193</t>
  </si>
  <si>
    <t>第１－２７９３号</t>
  </si>
  <si>
    <t>株式会社　ＷＨＩＲＬ　ＷＩＮＤ</t>
  </si>
  <si>
    <t>株式会社ＷＨＩＲＬ　ＷＩＮＤ</t>
  </si>
  <si>
    <t>大泉町1丁目14番9号</t>
  </si>
  <si>
    <t>03-5935-9830</t>
  </si>
  <si>
    <t>第１－２７９４号</t>
  </si>
  <si>
    <t>東光プラント　株式会社</t>
  </si>
  <si>
    <t>東光プラント株式会社</t>
  </si>
  <si>
    <t>今寺3-458-3</t>
  </si>
  <si>
    <t>0428-32-0534</t>
  </si>
  <si>
    <t>第１－２７９５号</t>
  </si>
  <si>
    <t>株式会社　イーアス</t>
  </si>
  <si>
    <t>株式会社イーアス</t>
  </si>
  <si>
    <t>第１－２７９６号</t>
  </si>
  <si>
    <t>株式会社　エスアールエス</t>
  </si>
  <si>
    <t>株式会社エスアールエス</t>
  </si>
  <si>
    <t>竹の塚5-19-6-804</t>
  </si>
  <si>
    <t>03-6803-1066</t>
  </si>
  <si>
    <t>第１－２７９７号</t>
  </si>
  <si>
    <t>河村空調テクニカルズ　株式会社</t>
  </si>
  <si>
    <t>河村空調テクニカルズ株式会社</t>
  </si>
  <si>
    <t>秋田県</t>
  </si>
  <si>
    <t>秋田市</t>
  </si>
  <si>
    <t>外旭川八柳3丁目8番18号</t>
  </si>
  <si>
    <t>018-868-5528</t>
  </si>
  <si>
    <t>第１－２７９８号</t>
  </si>
  <si>
    <t>有限会社　エーシーエス</t>
  </si>
  <si>
    <t>有限会社エーシーエス</t>
  </si>
  <si>
    <t>船堀7-11-13</t>
  </si>
  <si>
    <t>第１－２７９９号</t>
  </si>
  <si>
    <t>株式会社　港冷機</t>
  </si>
  <si>
    <t>株式会社港冷機</t>
  </si>
  <si>
    <t>中町4-35-16</t>
  </si>
  <si>
    <t>03-3702-0403</t>
  </si>
  <si>
    <t>第１－２８００号</t>
  </si>
  <si>
    <t>株式会社　ミヤコ低温</t>
  </si>
  <si>
    <t>株式会社ミヤコ低温</t>
  </si>
  <si>
    <t>京都市</t>
  </si>
  <si>
    <t>伏見区深草小久保町371</t>
  </si>
  <si>
    <t>075-642-2908</t>
  </si>
  <si>
    <t>第１－２８０１号</t>
  </si>
  <si>
    <t>尾髙　実</t>
  </si>
  <si>
    <t>尾高電気</t>
  </si>
  <si>
    <t>豊玉上2丁目1番11-407号</t>
  </si>
  <si>
    <t>03-3992-3487</t>
  </si>
  <si>
    <t>第１－２８０２号</t>
  </si>
  <si>
    <t>いしかわ電工　有限会社</t>
  </si>
  <si>
    <t>いしかわ電工有限会社</t>
  </si>
  <si>
    <t>七左町6丁目17番地6</t>
  </si>
  <si>
    <t>048-947-6014</t>
  </si>
  <si>
    <t>第１－２８０５号</t>
  </si>
  <si>
    <t>有限会社　秋元電機設備</t>
  </si>
  <si>
    <t>有限会社秋元電機設備</t>
  </si>
  <si>
    <t>北馬込2丁目1番3号</t>
  </si>
  <si>
    <t>03-3777-6253</t>
  </si>
  <si>
    <t>第１－２８０６号</t>
  </si>
  <si>
    <t>有限会社　グリーン電機産業</t>
  </si>
  <si>
    <t>有限会社グリーン電機産業</t>
  </si>
  <si>
    <t>樋の沢192番地4</t>
  </si>
  <si>
    <t>029-842-7605</t>
  </si>
  <si>
    <t>第１－２８０７号</t>
  </si>
  <si>
    <t>柗下空調株式会社</t>
  </si>
  <si>
    <t>下石神井5丁目15番7号</t>
  </si>
  <si>
    <t>03-3995-3507</t>
  </si>
  <si>
    <t>第１－２８０８号</t>
  </si>
  <si>
    <t>岡村　悟史</t>
  </si>
  <si>
    <t>岡村冷熱</t>
  </si>
  <si>
    <t>増戸618-1</t>
  </si>
  <si>
    <t>048-747-9161</t>
  </si>
  <si>
    <t>第１－２８０９号</t>
  </si>
  <si>
    <t>株式会社　アドウィン</t>
  </si>
  <si>
    <t>株式会社アドウィン</t>
  </si>
  <si>
    <t>大泉学園町6-30-21</t>
  </si>
  <si>
    <t>03-3867-0780</t>
  </si>
  <si>
    <t>第１－２８１０号</t>
  </si>
  <si>
    <t>キタックスエンジニアリング　株式会社</t>
  </si>
  <si>
    <t>キタックスエンジニアリング株式会社　東京営業所</t>
  </si>
  <si>
    <t>大森北2丁目4番18号</t>
  </si>
  <si>
    <t>03-3768-7081</t>
  </si>
  <si>
    <t>第１－２８１１号</t>
  </si>
  <si>
    <t>日本有機　株式会社</t>
  </si>
  <si>
    <t>日本有機株式会社　営業部</t>
  </si>
  <si>
    <t>浜田山3-23-9-101</t>
  </si>
  <si>
    <t>03-3304-1271</t>
  </si>
  <si>
    <t>第１－２８１２号</t>
  </si>
  <si>
    <t>有限会社　菅沼冷熱商会</t>
  </si>
  <si>
    <t>有限会社菅沼冷熱商会</t>
  </si>
  <si>
    <t>恩間396番地</t>
  </si>
  <si>
    <t>048-977-4884</t>
  </si>
  <si>
    <t>第１－２８１３号</t>
  </si>
  <si>
    <t>有限会社　埼空熱学</t>
  </si>
  <si>
    <t>有限会社埼空熱学</t>
  </si>
  <si>
    <t>大泊417-1</t>
  </si>
  <si>
    <t>048-973-0319</t>
  </si>
  <si>
    <t>第１－２８１４号</t>
  </si>
  <si>
    <t>有限会社　アオキエアコンディショニング</t>
  </si>
  <si>
    <t>有限会社アオキエアコンディショニング</t>
  </si>
  <si>
    <t>栄区庄戸5-15-46</t>
  </si>
  <si>
    <t>045-443-6832</t>
  </si>
  <si>
    <t>第１－２８１５号</t>
  </si>
  <si>
    <t>コハタ冷熱工業　株式会社</t>
  </si>
  <si>
    <t>コハタ冷熱工業株式会社</t>
  </si>
  <si>
    <t>緑区大門176-1</t>
  </si>
  <si>
    <t>第１－２８１６号</t>
  </si>
  <si>
    <t>下野　利幸</t>
  </si>
  <si>
    <t>幸信テクノサービス</t>
  </si>
  <si>
    <t>日の出町大久野5498</t>
  </si>
  <si>
    <t>第１－２８１９号</t>
  </si>
  <si>
    <t>有限会社　ポステック</t>
  </si>
  <si>
    <t>有限会社ポステック</t>
  </si>
  <si>
    <t>小川町1-427</t>
  </si>
  <si>
    <t>042-342-5320</t>
  </si>
  <si>
    <t>第１－２８２０号</t>
  </si>
  <si>
    <t>株式会社　三鷹電設</t>
  </si>
  <si>
    <t>株式会社三鷹電設</t>
  </si>
  <si>
    <t>牟礼一丁目5番14号　牟礼ハイツB1</t>
  </si>
  <si>
    <t>0422-43-5767</t>
  </si>
  <si>
    <t>第１－２８２１号</t>
  </si>
  <si>
    <t>都築クロスサポート　株式会社</t>
  </si>
  <si>
    <t>都築クロスサポート株式会社</t>
  </si>
  <si>
    <t>小山台1丁目20番20号</t>
  </si>
  <si>
    <t>03-5721-2538</t>
  </si>
  <si>
    <t>第１－２８２２号</t>
  </si>
  <si>
    <t>昭和冷蔵　株式会社</t>
  </si>
  <si>
    <t>昭和冷蔵株式会社　川崎ＤＣ</t>
  </si>
  <si>
    <t>川崎区池上町2番2号</t>
  </si>
  <si>
    <t>第１－２８２３号</t>
  </si>
  <si>
    <t>有限会社　ＲＥＥＦ</t>
  </si>
  <si>
    <t>有限会社ＲＥＥＦ</t>
  </si>
  <si>
    <t>蕨市</t>
  </si>
  <si>
    <t>南町4-16-14</t>
  </si>
  <si>
    <t>第１－２８２４号</t>
  </si>
  <si>
    <t>有限会社　フジコントロールス</t>
  </si>
  <si>
    <t>有限会社フジコントロールス</t>
  </si>
  <si>
    <t>神奈川区東神奈川2-50-8</t>
  </si>
  <si>
    <t>045-453-0026</t>
  </si>
  <si>
    <t>第１－２８２５号</t>
  </si>
  <si>
    <t>有限会社　沖田電機</t>
  </si>
  <si>
    <t>有限会社沖田電機</t>
  </si>
  <si>
    <t>緑町三丁目4番28号</t>
  </si>
  <si>
    <t>042-544-6482</t>
  </si>
  <si>
    <t>第１－２８２６号</t>
  </si>
  <si>
    <t>タイコーエンジニアリング　有限会社</t>
  </si>
  <si>
    <t>タイコーエンジニアリング有限会社</t>
  </si>
  <si>
    <t>旭ヶ丘6-7-1　ライオンズマンション1003</t>
  </si>
  <si>
    <t>042-582-3420</t>
  </si>
  <si>
    <t>第１－２８２９号</t>
  </si>
  <si>
    <t>株式会社　オフイスコーポレーシヨン</t>
  </si>
  <si>
    <t>株式会社オフィスコーポレーション　神奈川営業所</t>
  </si>
  <si>
    <t>河原口2-9-17</t>
  </si>
  <si>
    <t>046-205-6226</t>
  </si>
  <si>
    <t>第１－２８３０号</t>
  </si>
  <si>
    <t>株式会社　松﨑空調設備</t>
  </si>
  <si>
    <t>株式会社松﨑空調設備</t>
  </si>
  <si>
    <t>西新井4-24-25</t>
  </si>
  <si>
    <t>03-5809-5911</t>
  </si>
  <si>
    <t>第１－２８３１号</t>
  </si>
  <si>
    <t>株式会社　三友工研</t>
  </si>
  <si>
    <t>株式会社三友工研</t>
  </si>
  <si>
    <t>瑞穂町石畑422-1</t>
  </si>
  <si>
    <t>042-513-8036</t>
  </si>
  <si>
    <t>第１－２８３４号</t>
  </si>
  <si>
    <t>株式会社　マルホサービス</t>
  </si>
  <si>
    <t>株式会社マルホサービス</t>
  </si>
  <si>
    <t>中宗岡2丁目5番43号</t>
  </si>
  <si>
    <t>048-471-8255</t>
  </si>
  <si>
    <t>第１－２８３７号</t>
  </si>
  <si>
    <t>株式会社　リョーワ</t>
  </si>
  <si>
    <t>株式会社リョーワ</t>
  </si>
  <si>
    <t>東町5-9-5</t>
  </si>
  <si>
    <t>042-421-1709</t>
  </si>
  <si>
    <t>第１－２８３９号</t>
  </si>
  <si>
    <t>有限会社　東亜冷熱</t>
  </si>
  <si>
    <t>有限会社東亜冷熱</t>
  </si>
  <si>
    <t>大字小ケ谷755番地21</t>
  </si>
  <si>
    <t>049-228-6755</t>
  </si>
  <si>
    <t>第１－２８４０号</t>
  </si>
  <si>
    <t>株式会社　アオノ</t>
  </si>
  <si>
    <t>株式会社アオノ</t>
  </si>
  <si>
    <t>川成新町26</t>
  </si>
  <si>
    <t>0545-63-1166</t>
  </si>
  <si>
    <t>第１－２８４１号</t>
  </si>
  <si>
    <t>共栄エンジニアリング　株式会社</t>
  </si>
  <si>
    <t>共栄エンジニアリング株式会社</t>
  </si>
  <si>
    <t>和泉本町1-2-12-201</t>
  </si>
  <si>
    <t>03-3488-1280</t>
  </si>
  <si>
    <t>第１－２８４２号</t>
  </si>
  <si>
    <t>株式会社　シンセイ空調</t>
  </si>
  <si>
    <t>株式会社シンセイ空調</t>
  </si>
  <si>
    <t>中之郷132-20</t>
  </si>
  <si>
    <t>0545-38-9325</t>
  </si>
  <si>
    <t>第１－２８４３号</t>
  </si>
  <si>
    <t>合同会社　タヤグラ</t>
  </si>
  <si>
    <t>合同会社タヤグラ</t>
  </si>
  <si>
    <t>稲毛区長沼原町564-2</t>
  </si>
  <si>
    <t>043-306-8363</t>
  </si>
  <si>
    <t>第１－２８４６号</t>
  </si>
  <si>
    <t>トモサービスエンジニアリング　株式会社</t>
  </si>
  <si>
    <t>トモサービスエンジニアリング株式会社</t>
  </si>
  <si>
    <t>東松本2-18-3</t>
  </si>
  <si>
    <t>03-5693-5653</t>
  </si>
  <si>
    <t>第１－２８４７号</t>
  </si>
  <si>
    <t>東海テクノサービス　株式会社</t>
  </si>
  <si>
    <t>東海テクノサービス株式会社</t>
  </si>
  <si>
    <t>稲毛区山王町142-5</t>
  </si>
  <si>
    <t>043-424-8881</t>
  </si>
  <si>
    <t>第１－２８５０号</t>
  </si>
  <si>
    <t>株式会社　御用</t>
  </si>
  <si>
    <t>株式会社御用</t>
  </si>
  <si>
    <t>亀戸7丁目6番9号</t>
  </si>
  <si>
    <t>03-5858-5410</t>
  </si>
  <si>
    <t>第１－２８５１号</t>
  </si>
  <si>
    <t>岩崎　晴彦</t>
  </si>
  <si>
    <t>キワミ設備</t>
  </si>
  <si>
    <t>谷塚2丁目18番31-201号</t>
  </si>
  <si>
    <t>第１－２８５２号</t>
  </si>
  <si>
    <t>株式会社　創和エアテクノ</t>
  </si>
  <si>
    <t>株式会社創和エアテクノ</t>
  </si>
  <si>
    <t>南八幡五丁目11番3号</t>
  </si>
  <si>
    <t>047-700-2081</t>
  </si>
  <si>
    <t>第１－２８５６号</t>
  </si>
  <si>
    <t>田中　肇</t>
  </si>
  <si>
    <t>浦和区神明1-8-18　ハイツ神明台101</t>
  </si>
  <si>
    <t>048-866-5569</t>
  </si>
  <si>
    <t>第１－２８５７号</t>
  </si>
  <si>
    <t>株式会社　協和熱学</t>
  </si>
  <si>
    <t>株式会社協和熱学</t>
  </si>
  <si>
    <t>南花畑二丁目1番5号</t>
  </si>
  <si>
    <t>03-3859-0150</t>
  </si>
  <si>
    <t>第１－２８５８号</t>
  </si>
  <si>
    <t>有限会社　ビルドプランニング</t>
  </si>
  <si>
    <t>有限会社ビルドプランニング</t>
  </si>
  <si>
    <t>松江6-8-21</t>
  </si>
  <si>
    <t>048-936-6421</t>
  </si>
  <si>
    <t>第１－２８６０号</t>
  </si>
  <si>
    <t>有限会社　サニーシステム</t>
  </si>
  <si>
    <t>有限会社サニーシステム</t>
  </si>
  <si>
    <t>二宮1156-27</t>
  </si>
  <si>
    <t>042-559-5472</t>
  </si>
  <si>
    <t>第１－２８６１号</t>
  </si>
  <si>
    <t>三州　株式会社</t>
  </si>
  <si>
    <t>三州株式会社</t>
  </si>
  <si>
    <t>南大塚3-37-5</t>
  </si>
  <si>
    <t>03-5396-4181</t>
  </si>
  <si>
    <t>第１－２８６４号</t>
  </si>
  <si>
    <t>有限会社　エアックス</t>
  </si>
  <si>
    <t>有限会社エアックス</t>
  </si>
  <si>
    <t>大宮区三橋4-527-3</t>
  </si>
  <si>
    <t>048-620-5306</t>
  </si>
  <si>
    <t>第１－２８６５号</t>
  </si>
  <si>
    <t>株式会社　ジャパンコールド東京</t>
  </si>
  <si>
    <t>株式会社ジャパンコールド東京</t>
  </si>
  <si>
    <t>南区曲本3-2-1</t>
  </si>
  <si>
    <t>048-866-3361</t>
  </si>
  <si>
    <t>第１－２８６６号</t>
  </si>
  <si>
    <t>株式会社　アニファ</t>
  </si>
  <si>
    <t>株式会社アニファ</t>
  </si>
  <si>
    <t>高木町3-1-33</t>
  </si>
  <si>
    <t>042-571-5303</t>
  </si>
  <si>
    <t>第１－２８６７号</t>
  </si>
  <si>
    <t>有限会社　藤盛興業所</t>
  </si>
  <si>
    <t>有限会社藤盛興業所　綾瀬支店　</t>
  </si>
  <si>
    <t>綾瀬7-7-4</t>
  </si>
  <si>
    <t>第１－２８６９号</t>
  </si>
  <si>
    <t>香野　信一</t>
  </si>
  <si>
    <t>香野設備</t>
  </si>
  <si>
    <t>多摩区登戸273-4</t>
  </si>
  <si>
    <t>044-900-2583</t>
  </si>
  <si>
    <t>第１－２８７０号</t>
  </si>
  <si>
    <t>菱熱工業　株式会社</t>
  </si>
  <si>
    <t>菱熱工業株式会社</t>
  </si>
  <si>
    <t>第１－２８７１号</t>
  </si>
  <si>
    <t>有限会社　ジャイロ神戸</t>
  </si>
  <si>
    <t>有限会社ジャイロ神戸</t>
  </si>
  <si>
    <t>西区水谷1丁目19番43号</t>
  </si>
  <si>
    <t>078-913-1650</t>
  </si>
  <si>
    <t>第１－２８７２号</t>
  </si>
  <si>
    <t>白石　健二</t>
  </si>
  <si>
    <t>ＦＡＩＴＨ</t>
  </si>
  <si>
    <t>青葉区元石川町4256-4</t>
  </si>
  <si>
    <t>第１－２８７３号</t>
  </si>
  <si>
    <t>矢野　博勝</t>
  </si>
  <si>
    <t>アクティブ冷熱サービス</t>
  </si>
  <si>
    <t>国領町1-38-18</t>
  </si>
  <si>
    <t>042-488-4744</t>
  </si>
  <si>
    <t>第１－２８７４号</t>
  </si>
  <si>
    <t>株式会社　ウッドビレッジ空調</t>
  </si>
  <si>
    <t>株式会社ウッドビレッジ空調</t>
  </si>
  <si>
    <t>大字北入曽619番地</t>
  </si>
  <si>
    <t>04-2956-3320</t>
  </si>
  <si>
    <t>第１－２８７５号</t>
  </si>
  <si>
    <t>株式会社　ＫＳエンジニアリング</t>
  </si>
  <si>
    <t>株式会社ＫＳエンジニアリング</t>
  </si>
  <si>
    <t>都筑区池辺町4034</t>
  </si>
  <si>
    <t>045-929-2077</t>
  </si>
  <si>
    <t>第１－２８７６号</t>
  </si>
  <si>
    <t>有限会社　シンコーエアコン</t>
  </si>
  <si>
    <t>有限会社シンコーエアコン</t>
  </si>
  <si>
    <t>方ノ上523-1</t>
  </si>
  <si>
    <t>054-625-7240</t>
  </si>
  <si>
    <t>第１－２８７７号</t>
  </si>
  <si>
    <t>有限会社　岡村冷熱</t>
  </si>
  <si>
    <t>有限会社岡村冷熱</t>
  </si>
  <si>
    <t>茂原市</t>
  </si>
  <si>
    <t>小林2006-1</t>
  </si>
  <si>
    <t>0475-24-1515</t>
  </si>
  <si>
    <t>第１－２８７８号</t>
  </si>
  <si>
    <t>矢作　健</t>
  </si>
  <si>
    <t>矢作設備</t>
  </si>
  <si>
    <t>東国分1-22-8</t>
  </si>
  <si>
    <t>047-710-9756</t>
  </si>
  <si>
    <t>第１－２８８０号</t>
  </si>
  <si>
    <t>有限会社　マックス</t>
  </si>
  <si>
    <t>有限会社マックス</t>
  </si>
  <si>
    <t>幸区矢上1-7 1F</t>
  </si>
  <si>
    <t>044-863-7502</t>
  </si>
  <si>
    <t>第１－２８８２号</t>
  </si>
  <si>
    <t>株式会社　ティーネットジャパン</t>
  </si>
  <si>
    <t>株式会社ティーネットジャパン　ASANETSU事業部</t>
  </si>
  <si>
    <t>芝浦1-1-1　浜松町ビルディング28階</t>
  </si>
  <si>
    <t>03-6722-2151</t>
  </si>
  <si>
    <t>第１－２８８３号</t>
  </si>
  <si>
    <t>Ａｉｒｔｅｃ．ＪＰ　株式会社</t>
  </si>
  <si>
    <t>Ａｉｒｔｅｃ．ＪＰ株式会社</t>
  </si>
  <si>
    <t>松田町334番地1</t>
  </si>
  <si>
    <t>0276-22-8084</t>
  </si>
  <si>
    <t>第１－２８８４号</t>
  </si>
  <si>
    <t>外神田四丁目7番7号</t>
  </si>
  <si>
    <t>03-3526-2690</t>
  </si>
  <si>
    <t>第１－２８８６号</t>
  </si>
  <si>
    <t>エイワ空調　株式会社</t>
  </si>
  <si>
    <t>エイワ空調株式会社</t>
  </si>
  <si>
    <t>幸区戸手1-4-5</t>
  </si>
  <si>
    <t>044-555-1220</t>
  </si>
  <si>
    <t>第１－２８８８号</t>
  </si>
  <si>
    <t>東京冷機工業　株式会社</t>
  </si>
  <si>
    <t>東京冷機工業株式会社　横浜営業所</t>
  </si>
  <si>
    <t>中区日ノ出町1-97-6</t>
  </si>
  <si>
    <t>045-241-0475</t>
  </si>
  <si>
    <t>東京冷機工業株式会社　川崎サービスステーション</t>
  </si>
  <si>
    <t>中原区上平間1700-49</t>
  </si>
  <si>
    <t>044-556-0901</t>
  </si>
  <si>
    <t>東京冷機工業株式会社　湘南営業所</t>
  </si>
  <si>
    <t>辻堂神台2-12-15</t>
  </si>
  <si>
    <t>0466-30-2235</t>
  </si>
  <si>
    <t>東京冷機工業株式会社　相模サービスステーション</t>
  </si>
  <si>
    <t>木曽東1-37-26</t>
  </si>
  <si>
    <t>042-707-6570</t>
  </si>
  <si>
    <t>東京冷機工業株式会社　神奈川出張所</t>
  </si>
  <si>
    <t>白旗2-1-8</t>
  </si>
  <si>
    <t>0466-84-0125</t>
  </si>
  <si>
    <t>東京冷機工業株式会社　厚木営業所</t>
  </si>
  <si>
    <t>妻田南1-24-25</t>
  </si>
  <si>
    <t>046-297-3005</t>
  </si>
  <si>
    <t>第１－２８８９号</t>
  </si>
  <si>
    <t>株式会社　平蔵</t>
  </si>
  <si>
    <t>株式会社平蔵</t>
  </si>
  <si>
    <t>大町108-1</t>
  </si>
  <si>
    <t>047-712-2724</t>
  </si>
  <si>
    <t>第１－２８９０号</t>
  </si>
  <si>
    <t>福住　公彦</t>
  </si>
  <si>
    <t>ＢＲＯＳ．</t>
  </si>
  <si>
    <t>保土ケ谷区上菅田町435-16</t>
  </si>
  <si>
    <t>045-381-4155</t>
  </si>
  <si>
    <t>第１－２８９２号</t>
  </si>
  <si>
    <t>株式会社　ミノル</t>
  </si>
  <si>
    <t>株式会社ミノル</t>
  </si>
  <si>
    <t>原町3-5-6</t>
  </si>
  <si>
    <t>048-944-6881</t>
  </si>
  <si>
    <t>第１－２８９３号</t>
  </si>
  <si>
    <t>株式会社　広藤</t>
  </si>
  <si>
    <t>株式会社広藤</t>
  </si>
  <si>
    <t>藪塚町3021番地8</t>
  </si>
  <si>
    <t>0277-78-0553</t>
  </si>
  <si>
    <t>第１－２８９４号</t>
  </si>
  <si>
    <t>株式会社　エーシークラフト</t>
  </si>
  <si>
    <t>株式会社エーシークラフト</t>
  </si>
  <si>
    <t>多摩区南生田3丁目9番21号</t>
  </si>
  <si>
    <t>044-767-3389</t>
  </si>
  <si>
    <t>第１－２８９５号</t>
  </si>
  <si>
    <t>株式会社　ＡＰＦ</t>
  </si>
  <si>
    <t>株式会社ＡＰＦ</t>
  </si>
  <si>
    <t>丸山2-24-1-105</t>
  </si>
  <si>
    <t>03-5373-5527</t>
  </si>
  <si>
    <t>第１－２８９９号</t>
  </si>
  <si>
    <t>株式会社　シイナエアシステム</t>
  </si>
  <si>
    <t>株式会社シイナエアシステム</t>
  </si>
  <si>
    <t>綿貫町742-1</t>
  </si>
  <si>
    <t>0270-55-2925</t>
  </si>
  <si>
    <t>第１－２９００号</t>
  </si>
  <si>
    <t>株式会社　マーキュリー</t>
  </si>
  <si>
    <t>株式会社マーキュリー</t>
  </si>
  <si>
    <t>広島県</t>
  </si>
  <si>
    <t>福山市</t>
  </si>
  <si>
    <t>新市町相方1089-63</t>
  </si>
  <si>
    <t>0847-40-3501</t>
  </si>
  <si>
    <t>第１－２９０１号</t>
  </si>
  <si>
    <t>東洋テクノ　株式会社</t>
  </si>
  <si>
    <t>東洋テクノ株式会社</t>
  </si>
  <si>
    <t>千歳台4－30－15</t>
  </si>
  <si>
    <t>03-5429-8836</t>
  </si>
  <si>
    <t>第１－２９０４号</t>
  </si>
  <si>
    <t>株式会社　フジソー</t>
  </si>
  <si>
    <t>株式会社フジソー</t>
  </si>
  <si>
    <t>港南区野庭町659番地30</t>
  </si>
  <si>
    <t>045-842-3989</t>
  </si>
  <si>
    <t>第１－２９０５号</t>
  </si>
  <si>
    <t>エス・エー・シー　有限会社</t>
  </si>
  <si>
    <t>エス・エー・シー有限会社</t>
  </si>
  <si>
    <t>問屋町西2-5-3</t>
  </si>
  <si>
    <t>第１－２９０６号</t>
  </si>
  <si>
    <t>紀平　宗広</t>
  </si>
  <si>
    <t>紀平冷熱</t>
  </si>
  <si>
    <t>津市</t>
  </si>
  <si>
    <t>安濃町草生237番地64</t>
  </si>
  <si>
    <t>090-4440-0580</t>
  </si>
  <si>
    <t>第１－２９０８号</t>
  </si>
  <si>
    <t>株式会社　ヌマデン</t>
  </si>
  <si>
    <t>株式会社ヌマデン</t>
  </si>
  <si>
    <t>東雪谷3-28-13</t>
  </si>
  <si>
    <t>03-6425-9240</t>
  </si>
  <si>
    <t>第１－２９０９号</t>
  </si>
  <si>
    <t>有限会社　神栄設備</t>
  </si>
  <si>
    <t>有限会社神栄設備</t>
  </si>
  <si>
    <t>八幡市</t>
  </si>
  <si>
    <t>男山泉3番地21</t>
  </si>
  <si>
    <t>075-972-0073</t>
  </si>
  <si>
    <t>第１－２９１１号</t>
  </si>
  <si>
    <t>株式会社　ＵＮＯ　ＡＤＶＡＮＣＥ</t>
  </si>
  <si>
    <t>株式会社ＵＮＯ　ＡＤＶＡＮＣＥ</t>
  </si>
  <si>
    <t>栄町3-9-3グーディッシュ久米川405</t>
  </si>
  <si>
    <t>042-397-6367</t>
  </si>
  <si>
    <t>第１－２９１３号</t>
  </si>
  <si>
    <t>三田産業　株式会社</t>
  </si>
  <si>
    <t>三田産業株式会社</t>
  </si>
  <si>
    <t>坂東市</t>
  </si>
  <si>
    <t>長谷908-3</t>
  </si>
  <si>
    <t>第１－２９１４号</t>
  </si>
  <si>
    <t>株式会社　Ｍａｒｋ　Ｆｏｕｒ</t>
  </si>
  <si>
    <t>株式会社Ｍａｒｋ　Ｆｏｕｒ</t>
  </si>
  <si>
    <t>神奈川区神之木町1-9大塚マンション1F</t>
  </si>
  <si>
    <t>045-947-3876</t>
  </si>
  <si>
    <t>第１－２９１５号</t>
  </si>
  <si>
    <t>有限会社　島原空調工業</t>
  </si>
  <si>
    <t>有限会社島原空調工業</t>
  </si>
  <si>
    <t>保土ケ谷区今井町839-9</t>
  </si>
  <si>
    <t>045-351-7702</t>
  </si>
  <si>
    <t>第１－２９１６号</t>
  </si>
  <si>
    <t>株式会社　ライジング</t>
  </si>
  <si>
    <t>株式会社ライジング</t>
  </si>
  <si>
    <t>旭区矢指町2000-3</t>
  </si>
  <si>
    <t>045-442-6905</t>
  </si>
  <si>
    <t>第１－２９１７号</t>
  </si>
  <si>
    <t>田中　健雄</t>
  </si>
  <si>
    <t>コア空設</t>
  </si>
  <si>
    <t>大森東4-23-19　コーポファミリー102</t>
  </si>
  <si>
    <t>第１－２９１９号</t>
  </si>
  <si>
    <t>有限会社　髙伸興業</t>
  </si>
  <si>
    <t>有限会社髙伸興業</t>
  </si>
  <si>
    <t>緑区松木1-4-5</t>
  </si>
  <si>
    <t>048-711-2407</t>
  </si>
  <si>
    <t>第１－２９２０号</t>
  </si>
  <si>
    <t>ＡＩＲＴＥＣＨ　株式会社</t>
  </si>
  <si>
    <t>ＡＩＲＴＥＣＨ株式会社</t>
  </si>
  <si>
    <t>大橋748</t>
  </si>
  <si>
    <t>047-391-7722</t>
  </si>
  <si>
    <t>第１－２９２２号</t>
  </si>
  <si>
    <t>有限会社　ケイクラフト</t>
  </si>
  <si>
    <t>有限会社ケイクラフト</t>
  </si>
  <si>
    <t>松伏町大字松伏2206番地3</t>
  </si>
  <si>
    <t>048-993-4477</t>
  </si>
  <si>
    <t>第１－２９２３号</t>
  </si>
  <si>
    <t>中央2-6-20</t>
  </si>
  <si>
    <t>03-3655-3267</t>
  </si>
  <si>
    <t>第１－２９２６号</t>
  </si>
  <si>
    <t>横浜設備　株式会社</t>
  </si>
  <si>
    <t>横浜設備株式会社</t>
  </si>
  <si>
    <t>磯子区丸山一丁目6番6号</t>
  </si>
  <si>
    <t>045-754-0677</t>
  </si>
  <si>
    <t>第１－２９２７号</t>
  </si>
  <si>
    <t>株式会社　大同工業所</t>
  </si>
  <si>
    <t>株式会社大同工業所</t>
  </si>
  <si>
    <t>楠根1丁目6番45号</t>
  </si>
  <si>
    <t>06-6746-7141</t>
  </si>
  <si>
    <t>株式会社大同工業所　東京メンテナンスセンター</t>
  </si>
  <si>
    <t>南六郷2丁目20番11号</t>
  </si>
  <si>
    <t>0120-383-366</t>
  </si>
  <si>
    <t>第１－２９２８号</t>
  </si>
  <si>
    <t>株式会社　孝和</t>
  </si>
  <si>
    <t>株式会社孝和</t>
  </si>
  <si>
    <t>那珂市</t>
  </si>
  <si>
    <t>福田1658-1</t>
  </si>
  <si>
    <t>029-212-8333</t>
  </si>
  <si>
    <t>第１－２９２９号</t>
  </si>
  <si>
    <t>株式会社　掛川空調サービス</t>
  </si>
  <si>
    <t>株式会社掛川空調サービス</t>
  </si>
  <si>
    <t>掛川市</t>
  </si>
  <si>
    <t>大池31-3</t>
  </si>
  <si>
    <t>0537-24-4500</t>
  </si>
  <si>
    <t>第１－２９３０号</t>
  </si>
  <si>
    <t>三洋メンテナンスサービス　株式会社</t>
  </si>
  <si>
    <t>三洋メンテナンスサービス株式会社</t>
  </si>
  <si>
    <t>中区常盤町2-10常盤不動産ビル2階109号室</t>
  </si>
  <si>
    <t>045-232-4680</t>
  </si>
  <si>
    <t>第１－２９３１号</t>
  </si>
  <si>
    <t>岩切空調設備　株式会社</t>
  </si>
  <si>
    <t>岩切空調設備株式会社</t>
  </si>
  <si>
    <t>磯子区峰町225</t>
  </si>
  <si>
    <t>045-349-3681</t>
  </si>
  <si>
    <t>第１－２９３２号</t>
  </si>
  <si>
    <t>株式会社　秀興ハーモナイズ</t>
  </si>
  <si>
    <t>株式会社秀興ハーモナイズ本社</t>
  </si>
  <si>
    <t>松島四丁目31番22号</t>
  </si>
  <si>
    <t>03-5663-2833</t>
  </si>
  <si>
    <t>第１－２９３４号</t>
  </si>
  <si>
    <t>栗原工業　株式会社</t>
  </si>
  <si>
    <t>栗原工業株式会社</t>
  </si>
  <si>
    <t>神奈川区七島町113砂塚ビル1階</t>
  </si>
  <si>
    <t>045-642-8884</t>
  </si>
  <si>
    <t>第１－２９３５号</t>
  </si>
  <si>
    <t>株式会社　名成工業</t>
  </si>
  <si>
    <t>株式会社名成工業</t>
  </si>
  <si>
    <t>西区城西四丁目14番8号</t>
  </si>
  <si>
    <t>052-524-5081</t>
  </si>
  <si>
    <t>第１－２９３７号</t>
  </si>
  <si>
    <t>株式会社　ハイテクノ</t>
  </si>
  <si>
    <t>株式会社ハイテクノ</t>
  </si>
  <si>
    <t>大穴南5-10-10</t>
  </si>
  <si>
    <t>第１－２９３８号</t>
  </si>
  <si>
    <t>株式会社　ＥＢＬサービス</t>
  </si>
  <si>
    <t>株式会社ＥＢＬサービス</t>
  </si>
  <si>
    <t>東日暮里1丁目32番6号　1階</t>
  </si>
  <si>
    <t>03-6894-0085</t>
  </si>
  <si>
    <t>第１－２９３９号</t>
  </si>
  <si>
    <t>株式会社　アースクリエイト</t>
  </si>
  <si>
    <t>株式会社アースクリエイト</t>
  </si>
  <si>
    <t>045-228-8190</t>
  </si>
  <si>
    <t>第１－２９４０号</t>
  </si>
  <si>
    <t>株式会社　山勝</t>
  </si>
  <si>
    <t>株式会社山勝</t>
  </si>
  <si>
    <t>奥戸六丁目20番4号</t>
  </si>
  <si>
    <t>03-3696-1766</t>
  </si>
  <si>
    <t>第１－２９４１号</t>
  </si>
  <si>
    <t>大沼　利典</t>
  </si>
  <si>
    <t>大沼空調</t>
  </si>
  <si>
    <t>保土ケ谷区宮田町1-15-2　池田荘202</t>
  </si>
  <si>
    <t>045-336-2580</t>
  </si>
  <si>
    <t>第１－２９４２号</t>
  </si>
  <si>
    <t>株式会社　カヌマ</t>
  </si>
  <si>
    <t>株式会社カヌマ</t>
  </si>
  <si>
    <t>荒子町778</t>
  </si>
  <si>
    <t>027-268-5577</t>
  </si>
  <si>
    <t>第１－２９４３号</t>
  </si>
  <si>
    <t>株式会社　ＢＵＮ・ＺＯ</t>
  </si>
  <si>
    <t>株式会社ＢＵＮ・ＺＯ</t>
  </si>
  <si>
    <t>青葉区藤が丘1-3-7ヒロック藤が丘Ⅱ1F</t>
  </si>
  <si>
    <t>第１－２９４４号</t>
  </si>
  <si>
    <t>有限会社　岡﨑設備</t>
  </si>
  <si>
    <t>有限会社岡﨑設備</t>
  </si>
  <si>
    <t>新蒲田3-10-1</t>
  </si>
  <si>
    <t>03-3730-7841</t>
  </si>
  <si>
    <t>第１－２９４５号</t>
  </si>
  <si>
    <t>坂口電機工業　株式会社</t>
  </si>
  <si>
    <t>坂口電機工業株式会社</t>
  </si>
  <si>
    <t>向島1-29-5</t>
  </si>
  <si>
    <t>03-3624-4531</t>
  </si>
  <si>
    <t>坂口電機工業株式会社　船橋営業所</t>
  </si>
  <si>
    <t>栄町2-10-9</t>
  </si>
  <si>
    <t>047-434-8054</t>
  </si>
  <si>
    <t>坂口電機工業株式会社　新木場営業所</t>
  </si>
  <si>
    <t>新木場4-12-29</t>
  </si>
  <si>
    <t>03-3521-8901</t>
  </si>
  <si>
    <t>坂口電機工業株式会社　松戸営業所</t>
  </si>
  <si>
    <t>上本郷2933-5</t>
  </si>
  <si>
    <t>047-367-1321</t>
  </si>
  <si>
    <t>坂口電機工業株式会社　江戸川営業所</t>
  </si>
  <si>
    <t>西葛西4-3-18</t>
  </si>
  <si>
    <t>03-3689-3401</t>
  </si>
  <si>
    <t>第１－２９４６号</t>
  </si>
  <si>
    <t>株式会社　ＧＯＯＤ　ＡＣＥ</t>
  </si>
  <si>
    <t>株式会社ＧＯＯＤ　ＡＣＥ</t>
  </si>
  <si>
    <t>石神3-14-12</t>
  </si>
  <si>
    <t>042-456-7315</t>
  </si>
  <si>
    <t>第１－２９４７号</t>
  </si>
  <si>
    <t>株式会社　ブロードリンク</t>
  </si>
  <si>
    <t>株式会社ブロードリンク　リサイクルセンター</t>
  </si>
  <si>
    <t>東墨田2丁目21番5号</t>
  </si>
  <si>
    <t>03-5631-4551</t>
  </si>
  <si>
    <t>第１－２９４９号</t>
  </si>
  <si>
    <t>株式会社　ビルテック</t>
  </si>
  <si>
    <t>株式会社ビルテック　川口営業所</t>
  </si>
  <si>
    <t>戸塚東3-39-9</t>
  </si>
  <si>
    <t>048-291-2971</t>
  </si>
  <si>
    <t>第１－２９５０号</t>
  </si>
  <si>
    <t>株式会社　サンエス</t>
  </si>
  <si>
    <t>株式会社サンエス</t>
  </si>
  <si>
    <t>上青木西二丁目2番27号</t>
  </si>
  <si>
    <t>048-299-7440</t>
  </si>
  <si>
    <t>第１－２９５１号</t>
  </si>
  <si>
    <t>株式会社　松本冷機</t>
  </si>
  <si>
    <t>株式会社松本冷機</t>
  </si>
  <si>
    <t>馬見塚町1365-2</t>
  </si>
  <si>
    <t>0270-32-4288</t>
  </si>
  <si>
    <t>第１－２９５２号</t>
  </si>
  <si>
    <t>株式会社　Ｓ＆Ａ</t>
  </si>
  <si>
    <t>株式会社Ｓ＆Ａ</t>
  </si>
  <si>
    <t>水元4-8-17</t>
  </si>
  <si>
    <t>03-6754-7429</t>
  </si>
  <si>
    <t>第１－２９５３号</t>
  </si>
  <si>
    <t>株式会社　ＭＡＳＡ１ＧＲＯＵＰ・湯澤コーポレーション</t>
  </si>
  <si>
    <t>株式会社ＭＡＳＡ１ＧＲＯＵＰ・湯澤コーポレーション</t>
  </si>
  <si>
    <t>旭区鶴ケ峰2-10-36</t>
  </si>
  <si>
    <t>045-953-4905</t>
  </si>
  <si>
    <t>第１－２９５４号</t>
  </si>
  <si>
    <t>ユアサエレクトロニクス　株式会社</t>
  </si>
  <si>
    <t>ユアサエレクトロニクス株式会社</t>
  </si>
  <si>
    <t>多摩区宿河原1-1-33</t>
  </si>
  <si>
    <t>044-930-5671</t>
  </si>
  <si>
    <t>第１－２９５６号</t>
  </si>
  <si>
    <t>有限会社　岡本設備工業</t>
  </si>
  <si>
    <t>有限会社岡本設備工業</t>
  </si>
  <si>
    <t>結城郡</t>
  </si>
  <si>
    <t>八千代町菅谷1323-2</t>
  </si>
  <si>
    <t>0296-48-2898</t>
  </si>
  <si>
    <t>第１－２９５８号</t>
  </si>
  <si>
    <t>株式会社　ＥＳＴ</t>
  </si>
  <si>
    <t>株式会社ＥＳＴ</t>
  </si>
  <si>
    <t>港南区芹が谷三丁目33番10号</t>
  </si>
  <si>
    <t>045-825-9773</t>
  </si>
  <si>
    <t>第１－２９５９号</t>
  </si>
  <si>
    <t>株式会社　オカジマ</t>
  </si>
  <si>
    <t>株式会社オカジマ</t>
  </si>
  <si>
    <t>東糀谷三丁目8番15号</t>
  </si>
  <si>
    <t>03-6423-6670</t>
  </si>
  <si>
    <t>第１－２９６０号</t>
  </si>
  <si>
    <t>株式会社　関東設備</t>
  </si>
  <si>
    <t>株式会社関東設備</t>
  </si>
  <si>
    <t>泉区中田南3-6-1</t>
  </si>
  <si>
    <t>045-804-1286</t>
  </si>
  <si>
    <t>第１－２９６１号</t>
  </si>
  <si>
    <t>有限会社　ニッコーサービス</t>
  </si>
  <si>
    <t>有限会社ニッコーサービス</t>
  </si>
  <si>
    <t>駿河区向敷地2丁目9番8号</t>
  </si>
  <si>
    <t>第１－２９６２号</t>
  </si>
  <si>
    <t>株式会社　セイフティーサービス</t>
  </si>
  <si>
    <t>株式会社セイフティーサービス</t>
  </si>
  <si>
    <t>彦川戸1-184-2</t>
  </si>
  <si>
    <t>第１－２９６３号</t>
  </si>
  <si>
    <t>株式会社　ニチエネ</t>
  </si>
  <si>
    <t>株式会社ニチエネ　横浜・町田支店</t>
  </si>
  <si>
    <t>南つくし野二丁目31番地8</t>
  </si>
  <si>
    <t>042-788-3055</t>
  </si>
  <si>
    <t>第１－２９６４号</t>
  </si>
  <si>
    <t>株式会社　ＴＲＩＳＥ</t>
  </si>
  <si>
    <t>株式会社ＴＲＩＳＥ</t>
  </si>
  <si>
    <t>新田3-32-2</t>
  </si>
  <si>
    <t>03-6915-4677</t>
  </si>
  <si>
    <t>第１－２９６５号</t>
  </si>
  <si>
    <t>株式会社　太陽冷温サービス</t>
  </si>
  <si>
    <t>株式会社太陽冷温サービス</t>
  </si>
  <si>
    <t>富士見1-7-35</t>
  </si>
  <si>
    <t>047-353-8211</t>
  </si>
  <si>
    <t>第１－２９６８号</t>
  </si>
  <si>
    <t>神門　泰行</t>
  </si>
  <si>
    <t>埼玉エアコンサービス</t>
  </si>
  <si>
    <t>蒲生1-4-16</t>
  </si>
  <si>
    <t>048-986-0096</t>
  </si>
  <si>
    <t>第１－２９６９号</t>
  </si>
  <si>
    <t>株式会社　勝田</t>
  </si>
  <si>
    <t>株式会社勝田</t>
  </si>
  <si>
    <t>南区西中町1-2</t>
  </si>
  <si>
    <t>045-253-6966</t>
  </si>
  <si>
    <t>第１－２９７０号</t>
  </si>
  <si>
    <t>有限会社　川村配管</t>
  </si>
  <si>
    <t>有限会社川村配管</t>
  </si>
  <si>
    <t>駿河区下川原6-10-5</t>
  </si>
  <si>
    <t>054-258-8348</t>
  </si>
  <si>
    <t>第１－２９７２号</t>
  </si>
  <si>
    <t>有限会社　サンネクスト</t>
  </si>
  <si>
    <t>有限会社サンネクスト</t>
  </si>
  <si>
    <t>本庄市</t>
  </si>
  <si>
    <t>児玉町入浅見845-4</t>
  </si>
  <si>
    <t>0495-73-1633</t>
  </si>
  <si>
    <t>第１－２９７３号</t>
  </si>
  <si>
    <t>吉川　輝夫</t>
  </si>
  <si>
    <t>エムケイ機工</t>
  </si>
  <si>
    <t>四都野台9-11</t>
  </si>
  <si>
    <t>049-238-1711</t>
  </si>
  <si>
    <t>第１－２９７４号</t>
  </si>
  <si>
    <t>株式会社　佐藤電工</t>
  </si>
  <si>
    <t>株式会社佐藤電工</t>
  </si>
  <si>
    <t>保木間4-4-23</t>
  </si>
  <si>
    <t>第１－２９７５号</t>
  </si>
  <si>
    <t>株式会社　ケーテック</t>
  </si>
  <si>
    <t>株式会社ケーテック</t>
  </si>
  <si>
    <t>福栄2-2-15</t>
  </si>
  <si>
    <t>047-711-0391</t>
  </si>
  <si>
    <t>第１－２９７６号</t>
  </si>
  <si>
    <t>サンレイ工業　株式会社</t>
  </si>
  <si>
    <t>サンレイ工業株式会社</t>
  </si>
  <si>
    <t>岩瀬614番地の13</t>
  </si>
  <si>
    <t>047-365-3363</t>
  </si>
  <si>
    <t>第１－２９７７号</t>
  </si>
  <si>
    <t>株式会社　モダンビル管理</t>
  </si>
  <si>
    <t>株式会社モダンビル管理</t>
  </si>
  <si>
    <t>中区常盤町2-15-1　モダン関内ビル3Ｆ</t>
  </si>
  <si>
    <t>第１－２９７８号</t>
  </si>
  <si>
    <t>有限会社　ＢＲＵＮＯ</t>
  </si>
  <si>
    <t>有限会社ＢＲＵＮＯ</t>
  </si>
  <si>
    <t>北原町2-13-12</t>
  </si>
  <si>
    <t>042-452-5632</t>
  </si>
  <si>
    <t>第１－２９８０号</t>
  </si>
  <si>
    <t>戸倉商事　株式会社</t>
  </si>
  <si>
    <t>戸倉商事株式会社　東京営業所</t>
  </si>
  <si>
    <t>東上野5-12-10</t>
  </si>
  <si>
    <t>03-5806-3511</t>
  </si>
  <si>
    <t>第１－２９８２号</t>
  </si>
  <si>
    <t>有限会社　フレンドエアコン</t>
  </si>
  <si>
    <t>有限会社フレンドエアコン</t>
  </si>
  <si>
    <t>東野川1-6-13</t>
  </si>
  <si>
    <t>第１－２９８３号</t>
  </si>
  <si>
    <t>有限会社　小倉電機サービス</t>
  </si>
  <si>
    <t>有限会社小倉電機サービス</t>
  </si>
  <si>
    <t>是政2-37-22</t>
  </si>
  <si>
    <t>042-363-8281</t>
  </si>
  <si>
    <t>第１－２９８４号</t>
  </si>
  <si>
    <t>株式会社　ショウエイ</t>
  </si>
  <si>
    <t>株式会社ショウエイ</t>
  </si>
  <si>
    <t>下石神井6-28-10</t>
  </si>
  <si>
    <t>03-5372-5312</t>
  </si>
  <si>
    <t>第１－２９８５号</t>
  </si>
  <si>
    <t>株式会社　ダイヤ機器</t>
  </si>
  <si>
    <t>株式会社ダイヤ機器</t>
  </si>
  <si>
    <t>板橋三丁目39番3号　トーコーハイム101</t>
  </si>
  <si>
    <t>03-3961-3900</t>
  </si>
  <si>
    <t>第１－２９８６号</t>
  </si>
  <si>
    <t>新洋技研工業　株式会社</t>
  </si>
  <si>
    <t>新洋技研工業株式会社</t>
  </si>
  <si>
    <t>新潟市</t>
  </si>
  <si>
    <t>南区下塩俵1463番地1</t>
  </si>
  <si>
    <t>025-362-1611</t>
  </si>
  <si>
    <t>第１－２９８７号</t>
  </si>
  <si>
    <t>柊空調　株式会社</t>
  </si>
  <si>
    <t>柊空調株式会社</t>
  </si>
  <si>
    <t>小林2337-5</t>
  </si>
  <si>
    <t>0475-23-6647</t>
  </si>
  <si>
    <t>第１－２９８９号</t>
  </si>
  <si>
    <t>有限会社　海藤住建</t>
  </si>
  <si>
    <t>有限会社海藤住建</t>
  </si>
  <si>
    <t>緑区白山一丁目12-5</t>
  </si>
  <si>
    <t>045-933-1428</t>
  </si>
  <si>
    <t>第１－２９９０号</t>
  </si>
  <si>
    <t>エーシーテクノサンヨー　株式会社</t>
  </si>
  <si>
    <t>エーシーテクノサンヨー株式会社　埼玉営業所</t>
  </si>
  <si>
    <t>北区日進町3-597-1</t>
  </si>
  <si>
    <t>048-652-4449</t>
  </si>
  <si>
    <t>第１－２９９１号</t>
  </si>
  <si>
    <t>ブルーテック　株式会社</t>
  </si>
  <si>
    <t>ブルーテック株式会社</t>
  </si>
  <si>
    <t>多摩区東生田2-4-22</t>
  </si>
  <si>
    <t>044-922-9902</t>
  </si>
  <si>
    <t>第１－２９９２号</t>
  </si>
  <si>
    <t>株式会社ＴＳＫ</t>
  </si>
  <si>
    <t>東四つ木1丁目22番1号　</t>
  </si>
  <si>
    <t>03-5875-7308</t>
  </si>
  <si>
    <t>第１－２９９３号</t>
  </si>
  <si>
    <t>株式会社　富岡電子工業</t>
  </si>
  <si>
    <t>株式会社富岡電子工業　境工場</t>
  </si>
  <si>
    <t>境三ツ木151</t>
  </si>
  <si>
    <t>0270-75-4711</t>
  </si>
  <si>
    <t>第１－２９９４号</t>
  </si>
  <si>
    <t>堀田　邦夫</t>
  </si>
  <si>
    <t>鶴見区東寺尾6-11-11</t>
  </si>
  <si>
    <t>090-8876-0488</t>
  </si>
  <si>
    <t>第１－２９９５号</t>
  </si>
  <si>
    <t>髙橋　暢康</t>
  </si>
  <si>
    <t>タカハシ設備</t>
  </si>
  <si>
    <t>和田1-13</t>
  </si>
  <si>
    <t>第１－２９９７号</t>
  </si>
  <si>
    <t>スガ試験機　株式会社</t>
  </si>
  <si>
    <t>スガ試験機株式会社　日高・川越工場</t>
  </si>
  <si>
    <t>高萩1973-1</t>
  </si>
  <si>
    <t>042-985-1661</t>
  </si>
  <si>
    <t>第１－２９９８号</t>
  </si>
  <si>
    <t>アパッチ　株式会社</t>
  </si>
  <si>
    <t>アパッチ株式会社</t>
  </si>
  <si>
    <t>高石市</t>
  </si>
  <si>
    <t>西取石七丁目6番12号</t>
  </si>
  <si>
    <t>072-267-0405</t>
  </si>
  <si>
    <t>第１－２９９９号</t>
  </si>
  <si>
    <t>佐藤　喜徳</t>
  </si>
  <si>
    <t>佐藤空調</t>
  </si>
  <si>
    <t>港南区日野8-19-12-207</t>
  </si>
  <si>
    <t>第１－３０００号</t>
  </si>
  <si>
    <t>株式会社　アクト</t>
  </si>
  <si>
    <t>株式会社アクト</t>
  </si>
  <si>
    <t>宮前区潮見台8-8</t>
  </si>
  <si>
    <t>044-975-4835</t>
  </si>
  <si>
    <t>第１－３００１号</t>
  </si>
  <si>
    <t>東静オリオン販売　有限会社</t>
  </si>
  <si>
    <t>東静オリオン販売有限会社</t>
  </si>
  <si>
    <t>西小泉町13-3</t>
  </si>
  <si>
    <t>0544-22-4320</t>
  </si>
  <si>
    <t>第１－３００２号</t>
  </si>
  <si>
    <t>株式会社　アールマックス</t>
  </si>
  <si>
    <t>株式会社アールマックス</t>
  </si>
  <si>
    <t>千駄木3-42-5-201</t>
  </si>
  <si>
    <t>03-3822-7281</t>
  </si>
  <si>
    <t>第１－３００３号</t>
  </si>
  <si>
    <t>株式会社　エクシス</t>
  </si>
  <si>
    <t>株式会社エクシス</t>
  </si>
  <si>
    <t>都筑区池辺町2445番地4</t>
  </si>
  <si>
    <t>045-508-9627</t>
  </si>
  <si>
    <t>第１－３００５号</t>
  </si>
  <si>
    <t>株式会社　多田設備工業</t>
  </si>
  <si>
    <t>株式会社多田設備工業</t>
  </si>
  <si>
    <t>緑区中山1-7-16第三丸正ビル401</t>
  </si>
  <si>
    <t>045-482-4424</t>
  </si>
  <si>
    <t>第１－３００６号</t>
  </si>
  <si>
    <t>株式会社　エイディーディー</t>
  </si>
  <si>
    <t>株式会社エイディーディー</t>
  </si>
  <si>
    <t>宮本25番地の1</t>
  </si>
  <si>
    <t>055-943-6371</t>
  </si>
  <si>
    <t>第１－３００７号</t>
  </si>
  <si>
    <t>有限会社　東京冷機サービス</t>
  </si>
  <si>
    <t>有限会社東京冷機サービス</t>
  </si>
  <si>
    <t>久我山3-41-14</t>
  </si>
  <si>
    <t>03-3331-5621</t>
  </si>
  <si>
    <t>第１－３００８号</t>
  </si>
  <si>
    <t>英電機工業　株式会社</t>
  </si>
  <si>
    <t>英電機工業株式会社</t>
  </si>
  <si>
    <t>大泉学園町8-33-15</t>
  </si>
  <si>
    <t>03-3922-9111</t>
  </si>
  <si>
    <t>第１－３００９号</t>
  </si>
  <si>
    <t>有限会社　ファーム空調設備</t>
  </si>
  <si>
    <t>有限会社ファーム空調設備</t>
  </si>
  <si>
    <t>新田3-6-8</t>
  </si>
  <si>
    <t>090-8583-5921</t>
  </si>
  <si>
    <t>第１－３０１０号</t>
  </si>
  <si>
    <t>串田　美智清</t>
  </si>
  <si>
    <t>串田冷熱商会</t>
  </si>
  <si>
    <t>中原区下小田中6丁目2-33-105号</t>
  </si>
  <si>
    <t>044-798-5081</t>
  </si>
  <si>
    <t>第１－３０１１号</t>
  </si>
  <si>
    <t>有限会社　イガラシ冷熱</t>
  </si>
  <si>
    <t>有限会社イガラシ冷熱</t>
  </si>
  <si>
    <t>弐分方町453-5</t>
  </si>
  <si>
    <t>042-622-3671</t>
  </si>
  <si>
    <t>第１－３０１４号</t>
  </si>
  <si>
    <t>立花冷設　株式会社</t>
  </si>
  <si>
    <t>立花冷設株式会社</t>
  </si>
  <si>
    <t>上冨居二丁目28番36号</t>
  </si>
  <si>
    <t>076-451-5135</t>
  </si>
  <si>
    <t>第１－３０１５号</t>
  </si>
  <si>
    <t>有限会社　ミズホ冷熱</t>
  </si>
  <si>
    <t>有限会社ミズホ冷熱</t>
  </si>
  <si>
    <t>町屋6-23-3</t>
  </si>
  <si>
    <t>03-5901-5640</t>
  </si>
  <si>
    <t>第１－３０１６号</t>
  </si>
  <si>
    <t>齋藤　裕一</t>
  </si>
  <si>
    <t>エスケーエンヂニアリング</t>
  </si>
  <si>
    <t>栄町1-16-10　118</t>
  </si>
  <si>
    <t>042-424-1153</t>
  </si>
  <si>
    <t>第１－３０１７号</t>
  </si>
  <si>
    <t>株式会社　イオタ</t>
  </si>
  <si>
    <t>株式会社イオタ</t>
  </si>
  <si>
    <t>青柳1-8-35</t>
  </si>
  <si>
    <t>042-526-4043</t>
  </si>
  <si>
    <t>第１－３０２０号</t>
  </si>
  <si>
    <t>有限会社　プランケイ</t>
  </si>
  <si>
    <t>有限会社プランケイ</t>
  </si>
  <si>
    <t>宮前区西野川3-15-6</t>
  </si>
  <si>
    <t>044-863-9800</t>
  </si>
  <si>
    <t>第１－３０２１号</t>
  </si>
  <si>
    <t>株式会社　岡山空調</t>
  </si>
  <si>
    <t>株式会社岡山空調</t>
  </si>
  <si>
    <t>丸山4-50-2</t>
  </si>
  <si>
    <t>080-1198-2413</t>
  </si>
  <si>
    <t>第１－３０２４号</t>
  </si>
  <si>
    <t>有限会社　涼光メンテナンス</t>
  </si>
  <si>
    <t>有限会社涼光メンテナンス</t>
  </si>
  <si>
    <t>南大沢四丁目40番地10</t>
  </si>
  <si>
    <t>042-678-1171</t>
  </si>
  <si>
    <t>第１－３０２６号</t>
  </si>
  <si>
    <t>株式会社　コスモテック</t>
  </si>
  <si>
    <t>株式会社コスモテック　東京支店</t>
  </si>
  <si>
    <t>東和5-10-3</t>
  </si>
  <si>
    <t>03-6802-6101</t>
  </si>
  <si>
    <t>第１－３０２７号</t>
  </si>
  <si>
    <t>株式会社　インセリティー</t>
  </si>
  <si>
    <t>株式会社インセリティー</t>
  </si>
  <si>
    <t>東所沢二丁目36番地の7</t>
  </si>
  <si>
    <t>04-2944-1226</t>
  </si>
  <si>
    <t>第１－３０２８号</t>
  </si>
  <si>
    <t>株式会社　栗原設備</t>
  </si>
  <si>
    <t>株式会社栗原設備</t>
  </si>
  <si>
    <t>佐野一丁目28番6号</t>
  </si>
  <si>
    <t>03-5613-1750</t>
  </si>
  <si>
    <t>第１－３０３０号</t>
  </si>
  <si>
    <t>株式会社　東栄サービス</t>
  </si>
  <si>
    <t>株式会社東栄サービス</t>
  </si>
  <si>
    <t>池袋二丁目24番2号　メゾン旭302</t>
  </si>
  <si>
    <t>03-5951-3464</t>
  </si>
  <si>
    <t>第１－３０３１号</t>
  </si>
  <si>
    <t>株式会社　小島空調</t>
  </si>
  <si>
    <t>株式会社小島空調</t>
  </si>
  <si>
    <t>常盤平7-20-9</t>
  </si>
  <si>
    <t>第１－３０３２号</t>
  </si>
  <si>
    <t>株式会社　ワンフォワード</t>
  </si>
  <si>
    <t>株式会社ワンフォワード</t>
  </si>
  <si>
    <t>神奈川区平川町12-7インペリアル東洋1階</t>
  </si>
  <si>
    <t>045-823-9095</t>
  </si>
  <si>
    <t>第１－３０３３号</t>
  </si>
  <si>
    <t>有限会社　友伸空設</t>
  </si>
  <si>
    <t>有限会社友伸空設</t>
  </si>
  <si>
    <t>安行領根岸2942-15</t>
  </si>
  <si>
    <t>048-285-8897</t>
  </si>
  <si>
    <t>第１－３０３５号</t>
  </si>
  <si>
    <t>株式会社　サンキ精機</t>
  </si>
  <si>
    <t>株式会社サンキ精機</t>
  </si>
  <si>
    <t>西淀川区御幣島二丁目8番32号</t>
  </si>
  <si>
    <t>06-6472-8346</t>
  </si>
  <si>
    <t>第１－３０３６号</t>
  </si>
  <si>
    <t>株式会社　鈴𠮷</t>
  </si>
  <si>
    <t>株式会社鈴𠮷</t>
  </si>
  <si>
    <t>東砂3丁目18番3号</t>
  </si>
  <si>
    <t>03-3646-3541</t>
  </si>
  <si>
    <t>第１－３０３７号</t>
  </si>
  <si>
    <t>川上　悟</t>
  </si>
  <si>
    <t>Ｓｍａｒｔ　Ｇｒｅｅｎ</t>
  </si>
  <si>
    <t>金沢区能見台4丁目3-15　つどいの街5-206</t>
  </si>
  <si>
    <t>045-515-0041</t>
  </si>
  <si>
    <t>第１－３０４２号</t>
  </si>
  <si>
    <t>東和冷機　有限会社</t>
  </si>
  <si>
    <t>東和冷機有限会社</t>
  </si>
  <si>
    <t>大森東4-19-20　森谷ビル1階</t>
  </si>
  <si>
    <t>第１－３０４３号</t>
  </si>
  <si>
    <t>株式会社　蒼</t>
  </si>
  <si>
    <t>株式会社蒼</t>
  </si>
  <si>
    <t>南増尾六丁目3番40号</t>
  </si>
  <si>
    <t>04-7161-5910</t>
  </si>
  <si>
    <t>第１－３０４４号</t>
  </si>
  <si>
    <t>東栄電設工業　株式会社</t>
  </si>
  <si>
    <t>東栄電設工業株式会社</t>
  </si>
  <si>
    <t>西ケ原3-11-3</t>
  </si>
  <si>
    <t>03-3910-3321</t>
  </si>
  <si>
    <t>第１－３０４５号</t>
  </si>
  <si>
    <t>内田　政雄</t>
  </si>
  <si>
    <t>内田冷機</t>
  </si>
  <si>
    <t>木間ケ瀬3164-10</t>
  </si>
  <si>
    <t>04-7198-4794</t>
  </si>
  <si>
    <t>第１－３０４７号</t>
  </si>
  <si>
    <t>株式会社　アクテス</t>
  </si>
  <si>
    <t>株式会社アクテス</t>
  </si>
  <si>
    <t>見沼区深作1丁目36番8号</t>
  </si>
  <si>
    <t>048-683-2107</t>
  </si>
  <si>
    <t>第１－３０４８号</t>
  </si>
  <si>
    <t>株式会社　大和電設</t>
  </si>
  <si>
    <t>株式会社大和電設</t>
  </si>
  <si>
    <t>中目黒4丁目2番5号</t>
  </si>
  <si>
    <t>03-3710-3135</t>
  </si>
  <si>
    <t>第１－３０４９号</t>
  </si>
  <si>
    <t>有限会社　大光</t>
  </si>
  <si>
    <t>有限会社大光</t>
  </si>
  <si>
    <t>緑区大牧1434-24</t>
  </si>
  <si>
    <t>048-874-7871</t>
  </si>
  <si>
    <t>第１－３０５０号</t>
  </si>
  <si>
    <t>株式会社　オカヤ</t>
  </si>
  <si>
    <t>株式会社オカヤ</t>
  </si>
  <si>
    <t>入間川4-1-3</t>
  </si>
  <si>
    <t>04-2953-6484</t>
  </si>
  <si>
    <t>第１－３０５１号</t>
  </si>
  <si>
    <t>株式会社　ワイエーシステム</t>
  </si>
  <si>
    <t>株式会社ワイエーシステム</t>
  </si>
  <si>
    <t>川原ケ谷230-8</t>
  </si>
  <si>
    <t>055-975-3233</t>
  </si>
  <si>
    <t>第１－３０５２号</t>
  </si>
  <si>
    <t>有限会社　東洋自動車整備販売</t>
  </si>
  <si>
    <t>有限会社東洋自動車整備販売</t>
  </si>
  <si>
    <t>西区中央1-38-1</t>
  </si>
  <si>
    <t>045-321-0560</t>
  </si>
  <si>
    <t>第１－３０５３号</t>
  </si>
  <si>
    <t>ヤマトオートワークス　株式会社</t>
  </si>
  <si>
    <t>ヤマトオートワークス株式会社　横浜工場</t>
  </si>
  <si>
    <t>磯子区杉田5-31-27</t>
  </si>
  <si>
    <t>045-776-7356</t>
  </si>
  <si>
    <t>ヤマトオートワークス株式会社　川崎工場</t>
  </si>
  <si>
    <t>川崎区日ノ出2-12-1</t>
  </si>
  <si>
    <t>044-270-5081</t>
  </si>
  <si>
    <t>ヤマトオートワークス株式会社　厚木工場</t>
  </si>
  <si>
    <t>岡田3089</t>
  </si>
  <si>
    <t>046-226-8211</t>
  </si>
  <si>
    <t>ヤマトオートワークス株式会社　神奈川ボックス工場</t>
  </si>
  <si>
    <t>中央区横山台1-34-4</t>
  </si>
  <si>
    <t>042-730-1538</t>
  </si>
  <si>
    <t>第１－３０５４号</t>
  </si>
  <si>
    <t>フジ冷凍設備　株式会社</t>
  </si>
  <si>
    <t>フジ冷凍設備株式会社</t>
  </si>
  <si>
    <t>中新田1666番地</t>
  </si>
  <si>
    <t>054-624-3630</t>
  </si>
  <si>
    <t>第１－３０５５号</t>
  </si>
  <si>
    <t>株式会社　瀬川空設工業</t>
  </si>
  <si>
    <t>株式会社瀬川空設工業</t>
  </si>
  <si>
    <t>笹目三丁目18番地の9-102号</t>
  </si>
  <si>
    <t>048-423-7446</t>
  </si>
  <si>
    <t>第１－３０５６号</t>
  </si>
  <si>
    <t>株式会社　シンセイ設備</t>
  </si>
  <si>
    <t>株式会社シンセイ設備</t>
  </si>
  <si>
    <t>本多1-19-16-7</t>
  </si>
  <si>
    <t>048-424-7950</t>
  </si>
  <si>
    <t>第１－３０５７号</t>
  </si>
  <si>
    <t>株式会社　仁和空調設備</t>
  </si>
  <si>
    <t>株式会社仁和空調設備</t>
  </si>
  <si>
    <t>青葉町二丁目23番地131</t>
  </si>
  <si>
    <t>042-306-3657</t>
  </si>
  <si>
    <t>第１－３０５８号</t>
  </si>
  <si>
    <t>株式会社　大輝設備</t>
  </si>
  <si>
    <t>株式会社大輝設備　</t>
  </si>
  <si>
    <t>神奈川区入江1-29-10</t>
  </si>
  <si>
    <t>045-947-4011</t>
  </si>
  <si>
    <t>第１－３０５９号</t>
  </si>
  <si>
    <t>株式会社　東洋製作所</t>
  </si>
  <si>
    <t>株式会社東洋製作所　サービス部　東京サービスセンター</t>
  </si>
  <si>
    <t>高田1335番地</t>
  </si>
  <si>
    <t>04-7180-2078</t>
  </si>
  <si>
    <t>第１－３０６１号</t>
  </si>
  <si>
    <t>株式会社　静岡日立</t>
  </si>
  <si>
    <t>株式会社静岡日立</t>
  </si>
  <si>
    <t>駿河区聖一色84-1</t>
  </si>
  <si>
    <t>054-264-7171</t>
  </si>
  <si>
    <t>第１－３０６２号</t>
  </si>
  <si>
    <t>山田　賢治</t>
  </si>
  <si>
    <t>山田空調</t>
  </si>
  <si>
    <t>宮前区馬絹3-4-42　トーカド宮崎台E-12</t>
  </si>
  <si>
    <t>044-866-0294</t>
  </si>
  <si>
    <t>第１－３０６３号</t>
  </si>
  <si>
    <t>有限会社　ＡＪＭ</t>
  </si>
  <si>
    <t>有限会社ＡＪＭ</t>
  </si>
  <si>
    <t>港南区丸山台4-6-18</t>
  </si>
  <si>
    <t>045-844-6638</t>
  </si>
  <si>
    <t>第１－３０６４号</t>
  </si>
  <si>
    <t>長沼　伸二</t>
  </si>
  <si>
    <t>エアテックス</t>
  </si>
  <si>
    <t>川崎区旭町2-16-6-302</t>
  </si>
  <si>
    <t>044-244-6309</t>
  </si>
  <si>
    <t>第１－３０６６号</t>
  </si>
  <si>
    <t>有限会社　松下工務店</t>
  </si>
  <si>
    <t>有限会社松下工務店</t>
  </si>
  <si>
    <t>西区中央2-37-7</t>
  </si>
  <si>
    <t>045-321-1432</t>
  </si>
  <si>
    <t>第１－３０６７号</t>
  </si>
  <si>
    <t>瀬戸　利寛</t>
  </si>
  <si>
    <t>瀬戸空調工事</t>
  </si>
  <si>
    <t>大蔵町2946-12</t>
  </si>
  <si>
    <t>042-736-5415</t>
  </si>
  <si>
    <t>第１－３０６８号</t>
  </si>
  <si>
    <t>有限会社　三備</t>
  </si>
  <si>
    <t>有限会社三備</t>
  </si>
  <si>
    <t>中央区初生町56番地の1</t>
  </si>
  <si>
    <t>053-414-0662</t>
  </si>
  <si>
    <t>第１－３０６９号</t>
  </si>
  <si>
    <t>協和クリーン　株式会社</t>
  </si>
  <si>
    <t>協和クリーン株式会社</t>
  </si>
  <si>
    <t>中央区蘇我町2丁目935番地4</t>
  </si>
  <si>
    <t>043-266-1892</t>
  </si>
  <si>
    <t>第１－３０７０号</t>
  </si>
  <si>
    <t>産栄空調　株式会社</t>
  </si>
  <si>
    <t>産栄空調株式会社</t>
  </si>
  <si>
    <t>新田二丁目4番21号</t>
  </si>
  <si>
    <t>03-3912-9406</t>
  </si>
  <si>
    <t>第１－３０７１号</t>
  </si>
  <si>
    <t>株式会社　ＫＭＣＴ</t>
  </si>
  <si>
    <t>株式会社ＫＭＣＴ　秦野工場</t>
  </si>
  <si>
    <t>平沢65番地</t>
  </si>
  <si>
    <t>0463-82-3111</t>
  </si>
  <si>
    <t>第１－３０７４号</t>
  </si>
  <si>
    <t>島津エイテック　株式会社</t>
  </si>
  <si>
    <t>島津エイテック株式会社　厚木工場</t>
  </si>
  <si>
    <t>飯山南3-20-10</t>
  </si>
  <si>
    <t>046-290-3777</t>
  </si>
  <si>
    <t>第１－３０７５号</t>
  </si>
  <si>
    <t>有限会社　メイトク</t>
  </si>
  <si>
    <t>有限会社メイトク</t>
  </si>
  <si>
    <t>古千谷本町4-4-21</t>
  </si>
  <si>
    <t>03-3855-6416</t>
  </si>
  <si>
    <t>第１－３０７６号</t>
  </si>
  <si>
    <t>株式会社　ミツケ商会</t>
  </si>
  <si>
    <t>株式会社ミツケ商会</t>
  </si>
  <si>
    <t>広島市</t>
  </si>
  <si>
    <t>中区江波東1丁目1-4</t>
  </si>
  <si>
    <t>082-294-1918</t>
  </si>
  <si>
    <t>第１－３０７８号</t>
  </si>
  <si>
    <t>株式会社　サト商ビルフレックス</t>
  </si>
  <si>
    <t>株式会社サト商ビルフレックス</t>
  </si>
  <si>
    <t>練馬3-24-6</t>
  </si>
  <si>
    <t>03-3993-5265</t>
  </si>
  <si>
    <t>第１－３０７９号</t>
  </si>
  <si>
    <t>有限会社　シバタ空調</t>
  </si>
  <si>
    <t>有限会社シバタ空調</t>
  </si>
  <si>
    <t>南区西町881</t>
  </si>
  <si>
    <t>053-424-7577</t>
  </si>
  <si>
    <t>第１－３０８０号</t>
  </si>
  <si>
    <t>株式会社　常和冷熱</t>
  </si>
  <si>
    <t>株式会社常和冷熱</t>
  </si>
  <si>
    <t>平井7-1-17</t>
  </si>
  <si>
    <t>03-3614-5352</t>
  </si>
  <si>
    <t>第１－３０８１号</t>
  </si>
  <si>
    <t>有限会社　エイワシステム</t>
  </si>
  <si>
    <t>有限会社エイワシステム</t>
  </si>
  <si>
    <t>郷地町3-16-16</t>
  </si>
  <si>
    <t>042-541-9106</t>
  </si>
  <si>
    <t>第１－３０８２号</t>
  </si>
  <si>
    <t>サン冷機工業　株式会社</t>
  </si>
  <si>
    <t>サン冷機工業株式会社</t>
  </si>
  <si>
    <t>若葉区若松町543-2</t>
  </si>
  <si>
    <t>043-420-2255</t>
  </si>
  <si>
    <t>第１－３０８４号</t>
  </si>
  <si>
    <t>有限会社　堀越設備</t>
  </si>
  <si>
    <t>有限会社堀越設備</t>
  </si>
  <si>
    <t>保塚町5-9</t>
  </si>
  <si>
    <t>03-3859-1614</t>
  </si>
  <si>
    <t>第１－３０８５号</t>
  </si>
  <si>
    <t>株式会社　エフ・シー・メンテナンス</t>
  </si>
  <si>
    <t>株式会社エフ・シー・メンテナンス　　　</t>
  </si>
  <si>
    <t>蓮根2-6-13-405</t>
  </si>
  <si>
    <t>第１－３０８６号</t>
  </si>
  <si>
    <t>ファースト・フリーズ　株式会社</t>
  </si>
  <si>
    <t>ファースト･フリーズ株式会社</t>
  </si>
  <si>
    <t>忠生1-13-1　マルセビル1階</t>
  </si>
  <si>
    <t>042-851-9731</t>
  </si>
  <si>
    <t>第１－３０８７号</t>
  </si>
  <si>
    <t>株式会社　明治ガステック</t>
  </si>
  <si>
    <t>株式会社明治ガステック</t>
  </si>
  <si>
    <t>柵町2-9-12</t>
  </si>
  <si>
    <t>029-221-7446</t>
  </si>
  <si>
    <t>第１－３０９０号</t>
  </si>
  <si>
    <t>不二技研工業　株式会社</t>
  </si>
  <si>
    <t>不二技研工業株式会社　東京支店</t>
  </si>
  <si>
    <t>高津区溝口6-6-23</t>
  </si>
  <si>
    <t>044-833-4466</t>
  </si>
  <si>
    <t>第１－３０９１号</t>
  </si>
  <si>
    <t>エム・シー空調　有限会社</t>
  </si>
  <si>
    <t>エムシー空調有限会社　東京出張所</t>
  </si>
  <si>
    <t>大丸355-14</t>
  </si>
  <si>
    <t>042-319-1955</t>
  </si>
  <si>
    <t>第１－３０９２号</t>
  </si>
  <si>
    <t>株式会社　山手機設工事</t>
  </si>
  <si>
    <t>株式会社山手機設工事</t>
  </si>
  <si>
    <t>神奈川区大口仲町2-1</t>
  </si>
  <si>
    <t>045-401-8181</t>
  </si>
  <si>
    <t>第１－３０９４号</t>
  </si>
  <si>
    <t>株式会社　ユニエツクス・エンジニアリング</t>
  </si>
  <si>
    <t>株式会社ユニエツクス・エンジニアリング　南本牧整備部</t>
  </si>
  <si>
    <t>中区南本牧1番地 日本郵船コンテナターミナル</t>
  </si>
  <si>
    <t>045-628-1382</t>
  </si>
  <si>
    <t>第１－３０９５号</t>
  </si>
  <si>
    <t>株式会社　ＳＥＶＥＮ　ＳＥＡＳ</t>
  </si>
  <si>
    <t>株式会社ＳＥＶＥＮ　ＳＥＡＳ</t>
  </si>
  <si>
    <t>旭区西川島町15-14</t>
  </si>
  <si>
    <t>045-489-9284</t>
  </si>
  <si>
    <t>第１－３０９７号</t>
  </si>
  <si>
    <t>本町4-43-2</t>
  </si>
  <si>
    <t>03-3383-0573</t>
  </si>
  <si>
    <t>第１－３１００号</t>
  </si>
  <si>
    <t>有限会社　赤木重機</t>
  </si>
  <si>
    <t>有限会社赤木重機</t>
  </si>
  <si>
    <t>下触町8</t>
  </si>
  <si>
    <t>0270-27-5275</t>
  </si>
  <si>
    <t>第１－３１０１号</t>
  </si>
  <si>
    <t>旭調温工業　株式会社</t>
  </si>
  <si>
    <t>旭調温工業株式会社</t>
  </si>
  <si>
    <t>西区大宮1丁目27番20号</t>
  </si>
  <si>
    <t>082-237-0201</t>
  </si>
  <si>
    <t>第１－３１０２号</t>
  </si>
  <si>
    <t>システム・オンザフィールド　株式会社</t>
  </si>
  <si>
    <t>システム・オンザフィールド株式会社</t>
  </si>
  <si>
    <t>大字東本郷89-1</t>
  </si>
  <si>
    <t>048-235-1188</t>
  </si>
  <si>
    <t>第１－３１０３号</t>
  </si>
  <si>
    <t>早川空調設備　株式会社</t>
  </si>
  <si>
    <t>早川空調設備株式会社</t>
  </si>
  <si>
    <t>緑区定納山1丁目302</t>
  </si>
  <si>
    <t>052-629-7244</t>
  </si>
  <si>
    <t>第１－３１０４号</t>
  </si>
  <si>
    <t>東野　正晴</t>
  </si>
  <si>
    <t>東空調</t>
  </si>
  <si>
    <t>雨間1937-76</t>
  </si>
  <si>
    <t>090-2214-6229</t>
  </si>
  <si>
    <t>第１－３１０７号</t>
  </si>
  <si>
    <t>株式会社　平和エアテック</t>
  </si>
  <si>
    <t>株式会社平和エアテック</t>
  </si>
  <si>
    <t>青葉町3-9</t>
  </si>
  <si>
    <t>0557-82-8231</t>
  </si>
  <si>
    <t>第１－３１１０号</t>
  </si>
  <si>
    <t>株式会社　冷研テクノ</t>
  </si>
  <si>
    <t>株式会社冷研テクノ</t>
  </si>
  <si>
    <t>平野区加美南5-5-11</t>
  </si>
  <si>
    <t>06-6777-3188</t>
  </si>
  <si>
    <t>第１－３１１１号</t>
  </si>
  <si>
    <t>株式会社　ウチダ空調設備</t>
  </si>
  <si>
    <t>株式会社ウチダ空調設備</t>
  </si>
  <si>
    <t>常盤台3-32-8-101</t>
  </si>
  <si>
    <t>03-6454-9874</t>
  </si>
  <si>
    <t>第１－３１１２号</t>
  </si>
  <si>
    <t>株式会社　シイナ</t>
  </si>
  <si>
    <t>株式会社シイナ</t>
  </si>
  <si>
    <t>新和4-540</t>
  </si>
  <si>
    <t>048-954-7301</t>
  </si>
  <si>
    <t>第１－３１１３号</t>
  </si>
  <si>
    <t>株式会社　ＫＡＷＡＮＯ</t>
  </si>
  <si>
    <t>株式会社ＫＡＷＡＮＯ</t>
  </si>
  <si>
    <t>東塚口町二丁目3番44号</t>
  </si>
  <si>
    <t>06-7507-2674</t>
  </si>
  <si>
    <t>第１－３１１４号</t>
  </si>
  <si>
    <t>有限会社　多摩エアコンサービス</t>
  </si>
  <si>
    <t>有限会社多摩エアコンサービス</t>
  </si>
  <si>
    <t>図師町1624-17</t>
  </si>
  <si>
    <t>042-860-5265</t>
  </si>
  <si>
    <t>第１－３１１５号</t>
  </si>
  <si>
    <t>奥　健司</t>
  </si>
  <si>
    <t>ＫＫＳ</t>
  </si>
  <si>
    <t>中原区下小田中6-7-25-107号　武蔵小杉第2サマリアマンション</t>
  </si>
  <si>
    <t>第１－３１１７号</t>
  </si>
  <si>
    <t>株式会社　スリーコアジャパン</t>
  </si>
  <si>
    <t>株式会社スリーコアジャパン</t>
  </si>
  <si>
    <t>大森西3-30-8</t>
  </si>
  <si>
    <t>03-6459-6905</t>
  </si>
  <si>
    <t>第１－３１１９号</t>
  </si>
  <si>
    <t>佐藤　清志</t>
  </si>
  <si>
    <t>ケーエスワークス</t>
  </si>
  <si>
    <t>荒川5丁目6-7</t>
  </si>
  <si>
    <t>03-3806-6282</t>
  </si>
  <si>
    <t>第１－３１２２号</t>
  </si>
  <si>
    <t>日本エコシステム　株式会社</t>
  </si>
  <si>
    <t>日本エコシステム株式会社　ＦＵＪＩ１３８ＯＦＦＩＣＥ</t>
  </si>
  <si>
    <t>一宮市</t>
  </si>
  <si>
    <t>富士三丁目5番15号</t>
  </si>
  <si>
    <t>0586-26-0001</t>
  </si>
  <si>
    <t>第１－３１２３号</t>
  </si>
  <si>
    <t>タケダ　株式会社</t>
  </si>
  <si>
    <t>タケダ株式会社</t>
  </si>
  <si>
    <t>宮前区犬蔵1-8-31</t>
  </si>
  <si>
    <t>044-976-1881</t>
  </si>
  <si>
    <t>第１－３１２５号</t>
  </si>
  <si>
    <t>株式会社　シュアーズ</t>
  </si>
  <si>
    <t>株式会社シュアーズ　関東営業所</t>
  </si>
  <si>
    <t>緑区白山一丁目2番16号</t>
  </si>
  <si>
    <t>045-595-9556</t>
  </si>
  <si>
    <t>第１－３１２６号</t>
  </si>
  <si>
    <t>綱嶋　進</t>
  </si>
  <si>
    <t>明進電気</t>
  </si>
  <si>
    <t>北嶺町25-11</t>
  </si>
  <si>
    <t>03-6421-8805</t>
  </si>
  <si>
    <t>第１－３１２７号</t>
  </si>
  <si>
    <t>山田空調設備　株式会社</t>
  </si>
  <si>
    <t>山田空調設備株式会社</t>
  </si>
  <si>
    <t>土浦市</t>
  </si>
  <si>
    <t>高岡2390-1</t>
  </si>
  <si>
    <t>029-830-6171</t>
  </si>
  <si>
    <t>第１－３１２８号</t>
  </si>
  <si>
    <t>テラダエンタープライズ　株式会社</t>
  </si>
  <si>
    <t>テラダエンタープライズ株式会社</t>
  </si>
  <si>
    <t>幸区都町12</t>
  </si>
  <si>
    <t>044-200-4011</t>
  </si>
  <si>
    <t>第１－３１３０号</t>
  </si>
  <si>
    <t>株式会社　三進エンジニアリング</t>
  </si>
  <si>
    <t>株式会社三進エンジニアリング</t>
  </si>
  <si>
    <t>暁町三丁目8番8号</t>
  </si>
  <si>
    <t>第１－３１３１号</t>
  </si>
  <si>
    <t>株式会社　ニッタク</t>
  </si>
  <si>
    <t>株式会社ニッタク</t>
  </si>
  <si>
    <t>神奈川区新子安1-34-4　メルビック電工ビル2階</t>
  </si>
  <si>
    <t>045-439-5600</t>
  </si>
  <si>
    <t>第１－３１３２号</t>
  </si>
  <si>
    <t>ＦＡＬ－ＣＯＮ　株式会社</t>
  </si>
  <si>
    <t>ＦＡＬ－ＣＯＮ株式会社</t>
  </si>
  <si>
    <t>長坂2-6-1　財団法人電力中央研究所内　中央監視室</t>
  </si>
  <si>
    <t>046-858-0572</t>
  </si>
  <si>
    <t>磯子区中原1-2-23</t>
  </si>
  <si>
    <t>第１－３１３６号</t>
  </si>
  <si>
    <t>オーエム通商　株式会社</t>
  </si>
  <si>
    <t>オーエム通商株式会社</t>
  </si>
  <si>
    <t>小津町106番地1</t>
  </si>
  <si>
    <t>042-651-2717</t>
  </si>
  <si>
    <t>第１－３１３８号</t>
  </si>
  <si>
    <t>日設工業　株式会社</t>
  </si>
  <si>
    <t>日設工業株式会社</t>
  </si>
  <si>
    <t>南区白金町2丁目32番地　日神パレス吉野町101号</t>
  </si>
  <si>
    <t>045-253-2341</t>
  </si>
  <si>
    <t>第１－３１３９号</t>
  </si>
  <si>
    <t>トーショーエンジニアリング　株式会社</t>
  </si>
  <si>
    <t>トーショーエンジニアリング株式会社</t>
  </si>
  <si>
    <t>上志津原64-5</t>
  </si>
  <si>
    <t>043-464-0900</t>
  </si>
  <si>
    <t>第１－３１４０号</t>
  </si>
  <si>
    <t>株式会社　エレパイン</t>
  </si>
  <si>
    <t>株式会社エレパイン</t>
  </si>
  <si>
    <t>東立石2-9-4-1F</t>
  </si>
  <si>
    <t>03-6666-9401</t>
  </si>
  <si>
    <t>第１－３１４２号</t>
  </si>
  <si>
    <t>株式会社　オカムラ</t>
  </si>
  <si>
    <t>株式会社オカムラ　冷熱サービスセンター</t>
  </si>
  <si>
    <t>内神田1-1-7　東大手ビル6階</t>
  </si>
  <si>
    <t>03-3259-6050</t>
  </si>
  <si>
    <t>第１－３１４４号</t>
  </si>
  <si>
    <t>羽田コンプレッサー　株式会社</t>
  </si>
  <si>
    <t>羽田コンプレッサー株式会社</t>
  </si>
  <si>
    <t>本羽田1丁目3番13号</t>
  </si>
  <si>
    <t>03-5736-9921</t>
  </si>
  <si>
    <t>第１－３１４５号</t>
  </si>
  <si>
    <t>サンコー電気　株式会社</t>
  </si>
  <si>
    <t>サンコー電気株式会社</t>
  </si>
  <si>
    <t>富士吉田市</t>
  </si>
  <si>
    <t>松山1-6-23</t>
  </si>
  <si>
    <t>0555-24-8181</t>
  </si>
  <si>
    <t>第１－３１４８号</t>
  </si>
  <si>
    <t>児玉　卓</t>
  </si>
  <si>
    <t>エクセルコーポレーション　</t>
  </si>
  <si>
    <t>都筑区仲町台2-1-15　ファミール鈴木102</t>
  </si>
  <si>
    <t>090-6048-3913</t>
  </si>
  <si>
    <t>第１－３１４９号</t>
  </si>
  <si>
    <t>有限会社　ヒロダクト工業</t>
  </si>
  <si>
    <t>有限会社ヒロダクト工業</t>
  </si>
  <si>
    <t>畑中一丁目8番14号</t>
  </si>
  <si>
    <t>048-480-9981</t>
  </si>
  <si>
    <t>第１－３１５０号</t>
  </si>
  <si>
    <t>有限会社　アスコ</t>
  </si>
  <si>
    <t>有限会社アスコ</t>
  </si>
  <si>
    <t>春日町1-11-22</t>
  </si>
  <si>
    <t>第１－３１５１号</t>
  </si>
  <si>
    <t>敷島製パン　株式会社</t>
  </si>
  <si>
    <t>敷島製パン株式会社　パスコ湘南工場</t>
  </si>
  <si>
    <t>寒川町一之宮七丁目9番1号</t>
  </si>
  <si>
    <t>0467-74-1406</t>
  </si>
  <si>
    <t>第１－３１５２号</t>
  </si>
  <si>
    <t>奥谷電機　株式会社</t>
  </si>
  <si>
    <t>奥谷電機株式会社</t>
  </si>
  <si>
    <t>中京区富小路通錦小路上ル高宮町595番地</t>
  </si>
  <si>
    <t>075-221-1809</t>
  </si>
  <si>
    <t>第１－３１５３号</t>
  </si>
  <si>
    <t>有限会社　ワタナベ設備</t>
  </si>
  <si>
    <t>有限会社ワタナベ設備</t>
  </si>
  <si>
    <t>泉区和泉中央北四丁目17-3　</t>
  </si>
  <si>
    <t>045-803-1302</t>
  </si>
  <si>
    <t>第１－３１５５号</t>
  </si>
  <si>
    <t>株式会社　エヌ・ケー・プランニング</t>
  </si>
  <si>
    <t>株式会社エヌ・ケー・プランニング</t>
  </si>
  <si>
    <t>弥生町62番5号</t>
  </si>
  <si>
    <t>03-3958-6886</t>
  </si>
  <si>
    <t>第１－３１５６号</t>
  </si>
  <si>
    <t>リョーコー　株式会社</t>
  </si>
  <si>
    <t>リョーコー株式会社</t>
  </si>
  <si>
    <t>梅田7-8-10</t>
  </si>
  <si>
    <t>03-5681-2011</t>
  </si>
  <si>
    <t>第１－３１５７号</t>
  </si>
  <si>
    <t>ラ・ステップ　株式会社</t>
  </si>
  <si>
    <t>ラ・ステップ株式会社</t>
  </si>
  <si>
    <t>川崎区昭和2-11-23-201</t>
  </si>
  <si>
    <t>044-271-1351</t>
  </si>
  <si>
    <t>第１－３１５８号</t>
  </si>
  <si>
    <t>有限会社　日高商会</t>
  </si>
  <si>
    <t>有限会社日高商会</t>
  </si>
  <si>
    <t>青葉町143番地</t>
  </si>
  <si>
    <t>0545-63-8887</t>
  </si>
  <si>
    <t>第１－３１５９号</t>
  </si>
  <si>
    <t>有限会社　フジエアサービス</t>
  </si>
  <si>
    <t>有限会社フジエアサービス</t>
  </si>
  <si>
    <t>赤塚3-33-11</t>
  </si>
  <si>
    <t>03-3975-5856</t>
  </si>
  <si>
    <t>第１－３１６０号</t>
  </si>
  <si>
    <t>株式会社　ルナテック</t>
  </si>
  <si>
    <t>株式会社ルナテック</t>
  </si>
  <si>
    <t>東間8-181-1</t>
  </si>
  <si>
    <t>048-578-7219</t>
  </si>
  <si>
    <t>第１－３１６２号</t>
  </si>
  <si>
    <t>アートテクノ　株式会社</t>
  </si>
  <si>
    <t>アートテクノ株式会社</t>
  </si>
  <si>
    <t>小金井市</t>
  </si>
  <si>
    <t>緑町五丁目16番25号</t>
  </si>
  <si>
    <t>042-383-0753</t>
  </si>
  <si>
    <t>第１－３１６６号</t>
  </si>
  <si>
    <t>株式会社　Ｇ－ＢＡＮＫ</t>
  </si>
  <si>
    <t>株式会社Ｇ－ＢＡＮＫ</t>
  </si>
  <si>
    <t>菊野台3-20-21</t>
  </si>
  <si>
    <t>042-444-4210</t>
  </si>
  <si>
    <t>第１－３１６７号</t>
  </si>
  <si>
    <t>有限会社　カワサキ空調</t>
  </si>
  <si>
    <t>有限会社カワサキ空調</t>
  </si>
  <si>
    <t>赤羽西6-24-8</t>
  </si>
  <si>
    <t>03-3909-8530</t>
  </si>
  <si>
    <t>第１－３１６８号</t>
  </si>
  <si>
    <t>株式会社　ティーエンジ</t>
  </si>
  <si>
    <t>株式会社ティーエンジ</t>
  </si>
  <si>
    <t>新橋5-13-13　川勝ビル4階　</t>
  </si>
  <si>
    <t>03-4500-1811</t>
  </si>
  <si>
    <t>第１－３１７１号</t>
  </si>
  <si>
    <t>株式会社　奄美電設</t>
  </si>
  <si>
    <t>株式会社奄美電設</t>
  </si>
  <si>
    <t>中央区生実町68番地1</t>
  </si>
  <si>
    <t>043-261-7188</t>
  </si>
  <si>
    <t>第１－３１７２号</t>
  </si>
  <si>
    <t>株式会社　アーキテックサービス</t>
  </si>
  <si>
    <t>株式会社アーキテックサービス</t>
  </si>
  <si>
    <t>柳島町139-17</t>
  </si>
  <si>
    <t>048-929-5626</t>
  </si>
  <si>
    <t>第１－３１７４号</t>
  </si>
  <si>
    <t>有限会社　菱和空調サービス</t>
  </si>
  <si>
    <t>有限会社菱和空調サービス</t>
  </si>
  <si>
    <t>山形県</t>
  </si>
  <si>
    <t>山形市</t>
  </si>
  <si>
    <t>西原1-10-1</t>
  </si>
  <si>
    <t>023-674-9069</t>
  </si>
  <si>
    <t>第１－３１７５号</t>
  </si>
  <si>
    <t>株式会社　ジュピターコーポレーション</t>
  </si>
  <si>
    <t>株式会社ジュピターコーポレーション　富津工場</t>
  </si>
  <si>
    <t>富津市</t>
  </si>
  <si>
    <t>西大和田1174-2</t>
  </si>
  <si>
    <t>0439-65-1146</t>
  </si>
  <si>
    <t>第１－３１７６号</t>
  </si>
  <si>
    <t>株式会社　ＳＱＡＩＲ</t>
  </si>
  <si>
    <t>株式会社ＳＱＡＩＲ</t>
  </si>
  <si>
    <t>大泉学園町7-7-22　三豊ビル3F</t>
  </si>
  <si>
    <t>03-5935-4461</t>
  </si>
  <si>
    <t>第１－３１７７号</t>
  </si>
  <si>
    <t>株式会社　ハナワサービス</t>
  </si>
  <si>
    <t>株式会社ハナワサービス</t>
  </si>
  <si>
    <t>学園一丁目5番地の1</t>
  </si>
  <si>
    <t>042-564-7468</t>
  </si>
  <si>
    <t>第１－３１７８号</t>
  </si>
  <si>
    <t>有限会社　アジア冷熱</t>
  </si>
  <si>
    <t>有限会社アジア冷熱</t>
  </si>
  <si>
    <t>浅草5-66-4</t>
  </si>
  <si>
    <t>第１－３１７９号</t>
  </si>
  <si>
    <t>伊藤　伸一郎</t>
  </si>
  <si>
    <t>朝日奈住設</t>
  </si>
  <si>
    <t>金沢区大道2-11-14</t>
  </si>
  <si>
    <t>045-787-3365</t>
  </si>
  <si>
    <t>第１－３１８１号</t>
  </si>
  <si>
    <t>有限会社　ホーユーエンジニアリング</t>
  </si>
  <si>
    <t>有限会社ホーユーエンジニアリング</t>
  </si>
  <si>
    <t>旭区若葉台4-1-905</t>
  </si>
  <si>
    <t>045-921-7802</t>
  </si>
  <si>
    <t>第１－３１８２号</t>
  </si>
  <si>
    <t>トップウェーブ　有限会社</t>
  </si>
  <si>
    <t>トップウェーブ有限会社</t>
  </si>
  <si>
    <t>港南区東永谷3-41-12</t>
  </si>
  <si>
    <t>045-827-1800</t>
  </si>
  <si>
    <t>第１－３１８３号</t>
  </si>
  <si>
    <t>株式会社　エネライン</t>
  </si>
  <si>
    <t>株式会社エネライン</t>
  </si>
  <si>
    <t>都筑区見花山1-30　見花山ビル3F</t>
  </si>
  <si>
    <t>045-550-3548</t>
  </si>
  <si>
    <t>第１－３１８４号</t>
  </si>
  <si>
    <t>日本ビルシステム　株式会社</t>
  </si>
  <si>
    <t>日本ビルシステム株式会社</t>
  </si>
  <si>
    <t>千波町1961番1</t>
  </si>
  <si>
    <t>029-291-6046</t>
  </si>
  <si>
    <t>第１－３１８５号</t>
  </si>
  <si>
    <t>株式会社　大洋アレスコ</t>
  </si>
  <si>
    <t>株式会社大洋アレスコ</t>
  </si>
  <si>
    <t>西小川2-11-12</t>
  </si>
  <si>
    <t>054-629-6042</t>
  </si>
  <si>
    <t>第１－３１８６号</t>
  </si>
  <si>
    <t>信越空調　株式会社</t>
  </si>
  <si>
    <t>信越空調株式会社</t>
  </si>
  <si>
    <t>蒲田本町1-13-3</t>
  </si>
  <si>
    <t>03-3735-5254</t>
  </si>
  <si>
    <t>第１－３１８８号</t>
  </si>
  <si>
    <t>有限会社　パック・テクノ・デバイス</t>
  </si>
  <si>
    <t>有限会社パック・テクノ・デバイス</t>
  </si>
  <si>
    <t>緑区北八朔町1186-4　佐道ビル202号</t>
  </si>
  <si>
    <t>045-934-1345</t>
  </si>
  <si>
    <t>第１－３１８９号</t>
  </si>
  <si>
    <t>中央冷熱　株式会社</t>
  </si>
  <si>
    <t>中央冷熱株式会社</t>
  </si>
  <si>
    <t>江原町2-31-2</t>
  </si>
  <si>
    <t>03-3950-2706</t>
  </si>
  <si>
    <t>第１－３１９０号</t>
  </si>
  <si>
    <t>株式会社　ヤマオカ設備</t>
  </si>
  <si>
    <t>株式会社ヤマオカ設備</t>
  </si>
  <si>
    <t>神明町1丁目171番地5</t>
  </si>
  <si>
    <t>048-971-5133</t>
  </si>
  <si>
    <t>第１－３１９１号</t>
  </si>
  <si>
    <t>有限会社　田辺設備</t>
  </si>
  <si>
    <t>有限会社田辺設備</t>
  </si>
  <si>
    <t>旭区今宿南町1913-3</t>
  </si>
  <si>
    <t>045-567-7115</t>
  </si>
  <si>
    <t>第１－３１９２号</t>
  </si>
  <si>
    <t>株式会社　アソシエ</t>
  </si>
  <si>
    <t>株式会社アソシエ</t>
  </si>
  <si>
    <t>佐野市</t>
  </si>
  <si>
    <t>馬門町957番地</t>
  </si>
  <si>
    <t>0283-24-8027</t>
  </si>
  <si>
    <t>第１－３１９４号</t>
  </si>
  <si>
    <t>広瀬電工　株式会社</t>
  </si>
  <si>
    <t>広瀬電工株式会社　首都圏営業所</t>
  </si>
  <si>
    <t>湯島2丁目1番8号</t>
  </si>
  <si>
    <t>03-5807-6041</t>
  </si>
  <si>
    <t>広瀬電工株式会社　多摩営業所</t>
  </si>
  <si>
    <t>栄町3丁目8番1号　岩﨑倉庫株式会社内</t>
  </si>
  <si>
    <t>042-523-7831</t>
  </si>
  <si>
    <t>広瀬電工株式会社　千葉営業所</t>
  </si>
  <si>
    <t>中央区稲荷町3-8-3</t>
  </si>
  <si>
    <t>043-266-5125</t>
  </si>
  <si>
    <t>第１－３１９６号</t>
  </si>
  <si>
    <t>創和空調　株式会社</t>
  </si>
  <si>
    <t>創和空調株式会社</t>
  </si>
  <si>
    <t>番匠免1-214-28</t>
  </si>
  <si>
    <t>048-953-9140</t>
  </si>
  <si>
    <t>第１－３１９７号</t>
  </si>
  <si>
    <t>株式会社　富士通ゼネラル</t>
  </si>
  <si>
    <t>株式会社富士通ゼネラル　工事センター</t>
  </si>
  <si>
    <t>高津区末長3丁目3番地17号</t>
  </si>
  <si>
    <t>044-861-7815</t>
  </si>
  <si>
    <t>株式会社富士通ゼネラル　神奈川第一サービスセンター</t>
  </si>
  <si>
    <t>044-861-7825</t>
  </si>
  <si>
    <t>第１－３１９８号</t>
  </si>
  <si>
    <t>株式会社　Ｋ－コネクト</t>
  </si>
  <si>
    <t>株式会社Ｋ－コネクト</t>
  </si>
  <si>
    <t>上馬2-8-1</t>
  </si>
  <si>
    <t>03-5432-7207</t>
  </si>
  <si>
    <t>第１－３２０１号</t>
  </si>
  <si>
    <t>株式会社　エアフィールド</t>
  </si>
  <si>
    <t>株式会社エアフィールド</t>
  </si>
  <si>
    <t>根岸台五丁目2番7号</t>
  </si>
  <si>
    <t>048-424-7347</t>
  </si>
  <si>
    <t>第１－３２０２号</t>
  </si>
  <si>
    <t>株式会社　古川工業</t>
  </si>
  <si>
    <t>株式会社古川工業</t>
  </si>
  <si>
    <t>八千代台北17-20-1</t>
  </si>
  <si>
    <t>047-486-4549</t>
  </si>
  <si>
    <t>第１－３２０３号</t>
  </si>
  <si>
    <t>平仲　学</t>
  </si>
  <si>
    <t>平仲空調</t>
  </si>
  <si>
    <t>皿沼1-22-14</t>
  </si>
  <si>
    <t>03-5691-9295</t>
  </si>
  <si>
    <t>第１－３２０４号</t>
  </si>
  <si>
    <t>株式会社　アイキュウ</t>
  </si>
  <si>
    <t>株式会社アイキュウ</t>
  </si>
  <si>
    <t>岐阜県</t>
  </si>
  <si>
    <t>岐阜市</t>
  </si>
  <si>
    <t>北柿ケ瀬126番地4</t>
  </si>
  <si>
    <t>058-234-0404</t>
  </si>
  <si>
    <t>第１－３２０５号</t>
  </si>
  <si>
    <t>髙野　浩</t>
  </si>
  <si>
    <t>高野空調</t>
  </si>
  <si>
    <t>加賀2-4-14</t>
  </si>
  <si>
    <t>03-3854-7188</t>
  </si>
  <si>
    <t>第１－３２０７号</t>
  </si>
  <si>
    <t>株式会社　ワイ・エッチ・シー</t>
  </si>
  <si>
    <t>株式会社ワイ・エッチ・シー</t>
  </si>
  <si>
    <t>都筑区池辺町3471</t>
  </si>
  <si>
    <t>045-530-0230</t>
  </si>
  <si>
    <t>第１－３２０８号</t>
  </si>
  <si>
    <t>有限会社　サンシン</t>
  </si>
  <si>
    <t>有限会社サンシン</t>
  </si>
  <si>
    <t>下矢切141-14</t>
  </si>
  <si>
    <t>047-367-2053</t>
  </si>
  <si>
    <t>第１－３２０９号</t>
  </si>
  <si>
    <t>株式会社　カナデンエンジニアリング</t>
  </si>
  <si>
    <t>株式会社カナデンエンジニアリング</t>
  </si>
  <si>
    <t>晴海一丁目8番12号</t>
  </si>
  <si>
    <t>03-6747-8891</t>
  </si>
  <si>
    <t>第１－３２１２号</t>
  </si>
  <si>
    <t>有限会社　リペア</t>
  </si>
  <si>
    <t>有限会社リペア</t>
  </si>
  <si>
    <t>谷田1665-334</t>
  </si>
  <si>
    <t>055-981-7555</t>
  </si>
  <si>
    <t>第１－３２１３号</t>
  </si>
  <si>
    <t>城西空調設備　株式会社</t>
  </si>
  <si>
    <t>城西空調設備株式会社</t>
  </si>
  <si>
    <t>百人町2-24-13</t>
  </si>
  <si>
    <t>03-3371-2218</t>
  </si>
  <si>
    <t>第１－３２１４号</t>
  </si>
  <si>
    <t>イケダ空調工業　株式会社</t>
  </si>
  <si>
    <t>イケダ空調工業株式会社</t>
  </si>
  <si>
    <t>浦和区上木崎4-2-6タカバビル1F</t>
  </si>
  <si>
    <t>048-755-9771</t>
  </si>
  <si>
    <t>第１－３２１５号</t>
  </si>
  <si>
    <t>ＫＲＤ　株式会社</t>
  </si>
  <si>
    <t>ＫＲＤ株式会社</t>
  </si>
  <si>
    <t>国分5丁目6番20号</t>
  </si>
  <si>
    <t>047-382-5611</t>
  </si>
  <si>
    <t>第１－３２１８号</t>
  </si>
  <si>
    <t>日昭電気　株式会社</t>
  </si>
  <si>
    <t>日昭電気株式会社　東京支店</t>
  </si>
  <si>
    <t>神田松永町16</t>
  </si>
  <si>
    <t>03-5289-7431</t>
  </si>
  <si>
    <t>第１－３２１９号</t>
  </si>
  <si>
    <t>株式会社　三共冷熱</t>
  </si>
  <si>
    <t>株式会社三共冷熱　関東支店</t>
  </si>
  <si>
    <t>川崎区大島上町6-1</t>
  </si>
  <si>
    <t>044-328-7492</t>
  </si>
  <si>
    <t>第１－３２２０号</t>
  </si>
  <si>
    <t>川名　秀明</t>
  </si>
  <si>
    <t>シンセツ電器くぬぎ台</t>
  </si>
  <si>
    <t>保土ケ谷区川島町1470</t>
  </si>
  <si>
    <t>045-373-1902</t>
  </si>
  <si>
    <t>第１－３２２２号</t>
  </si>
  <si>
    <t>みやび冷熱工業　株式会社</t>
  </si>
  <si>
    <t>みやび冷熱工業株式会社</t>
  </si>
  <si>
    <t>古ケ崎1-3006-4</t>
  </si>
  <si>
    <t>047-702-3013</t>
  </si>
  <si>
    <t>第１－３２２３号</t>
  </si>
  <si>
    <t>株式会社　トラスト</t>
  </si>
  <si>
    <t>株式会社トラスト</t>
  </si>
  <si>
    <t>岩槻区上野43-9</t>
  </si>
  <si>
    <t>048-884-8448</t>
  </si>
  <si>
    <t>第１－３２２４号</t>
  </si>
  <si>
    <t>小林　健一</t>
  </si>
  <si>
    <t>豊島8-27-2-1011</t>
  </si>
  <si>
    <t>03-6324-6381</t>
  </si>
  <si>
    <t>第１－３２２７号</t>
  </si>
  <si>
    <t>株式会社　ベタークリエイション</t>
  </si>
  <si>
    <t>株式会社ベタークリエイション</t>
  </si>
  <si>
    <t>中区尾上町4丁目57番地　横浜尾上町ビルディング502号室</t>
  </si>
  <si>
    <t>045-777-1878</t>
  </si>
  <si>
    <t>第１－３２２８号</t>
  </si>
  <si>
    <t>株式会社　シーエステクノ</t>
  </si>
  <si>
    <t>株式会社シーエステクノ</t>
  </si>
  <si>
    <t>高津区久末1741-9</t>
  </si>
  <si>
    <t>044-753-5819</t>
  </si>
  <si>
    <t>第１－３２２９号</t>
  </si>
  <si>
    <t>株式会社　齋藤設備</t>
  </si>
  <si>
    <t>株式会社齋藤設備</t>
  </si>
  <si>
    <t>大宮区上小町44-1</t>
  </si>
  <si>
    <t>048-767-3492</t>
  </si>
  <si>
    <t>第１－３２３０号</t>
  </si>
  <si>
    <t>株式会社　新潟日立</t>
  </si>
  <si>
    <t>株式会社新潟日立</t>
  </si>
  <si>
    <t>東区竹尾卸新町752番地10</t>
  </si>
  <si>
    <t>025-273-1120</t>
  </si>
  <si>
    <t>株式会社新潟日立　長岡支店</t>
  </si>
  <si>
    <t>長岡市</t>
  </si>
  <si>
    <t>新産東町63番地</t>
  </si>
  <si>
    <t>0258-46-4611</t>
  </si>
  <si>
    <t>株式会社新潟日立　上越支店</t>
  </si>
  <si>
    <t>上越市</t>
  </si>
  <si>
    <t>新光町2丁目1番4号</t>
  </si>
  <si>
    <t>025-522-4894</t>
  </si>
  <si>
    <t>株式会社新潟日立　佐渡営業所</t>
  </si>
  <si>
    <t>佐渡市</t>
  </si>
  <si>
    <t>八幡1236番地3</t>
  </si>
  <si>
    <t>0259-57-1500</t>
  </si>
  <si>
    <t>第１－３２３２号</t>
  </si>
  <si>
    <t>株式会社　和泉空調設備</t>
  </si>
  <si>
    <t>株式会社和泉空調設備</t>
  </si>
  <si>
    <t>北足立郡</t>
  </si>
  <si>
    <t>伊奈町大字小室6968番地33</t>
  </si>
  <si>
    <t>048-722-5312</t>
  </si>
  <si>
    <t>第１－３２３３号</t>
  </si>
  <si>
    <t>新晃アトモス　株式会社</t>
  </si>
  <si>
    <t>新晃アトモス株式会社　東京本部</t>
  </si>
  <si>
    <t>新大橋一丁目11番4号</t>
  </si>
  <si>
    <t>03-5638-3800</t>
  </si>
  <si>
    <t>第１－３２３４号</t>
  </si>
  <si>
    <t>小関　英孝</t>
  </si>
  <si>
    <t>エアーＫ.Ｓ</t>
  </si>
  <si>
    <t>都筑区南山田3丁目1-34-304</t>
  </si>
  <si>
    <t>080-5557-7854</t>
  </si>
  <si>
    <t>第１－３２３５号</t>
  </si>
  <si>
    <t>株式会社　シースリー</t>
  </si>
  <si>
    <t>株式会社シースリー</t>
  </si>
  <si>
    <t>二ツ郷屋75番地1</t>
  </si>
  <si>
    <t>0258-86-7420</t>
  </si>
  <si>
    <t>第１－３２３６号</t>
  </si>
  <si>
    <t>有限会社　港南空調サービス</t>
  </si>
  <si>
    <t>有限会社港南空調サービス</t>
  </si>
  <si>
    <t>港南区芹が谷5-34-43</t>
  </si>
  <si>
    <t>045-443-5753</t>
  </si>
  <si>
    <t>第１－３２３７号</t>
  </si>
  <si>
    <t>有限会社　ティー・イー・エス</t>
  </si>
  <si>
    <t>有限会社ティー・イー・エス</t>
  </si>
  <si>
    <t>中央2-5-23</t>
  </si>
  <si>
    <t>048-467-3754</t>
  </si>
  <si>
    <t>第１－３２３８号</t>
  </si>
  <si>
    <t>日起工事　株式会社</t>
  </si>
  <si>
    <t>日起工事株式会社</t>
  </si>
  <si>
    <t>川崎区日ノ出2-9-5</t>
  </si>
  <si>
    <t>044-277-1701</t>
  </si>
  <si>
    <t>第１－３２３９号</t>
  </si>
  <si>
    <t>光和空調　株式会社</t>
  </si>
  <si>
    <t>光和空調株式会社　熊谷万吉事務所</t>
  </si>
  <si>
    <t>万吉785-1</t>
  </si>
  <si>
    <t>048-577-7428</t>
  </si>
  <si>
    <t>第１－３２４０号</t>
  </si>
  <si>
    <t>田中空調　株式会社</t>
  </si>
  <si>
    <t>田中空調株式会社</t>
  </si>
  <si>
    <t>足立4-6-1</t>
  </si>
  <si>
    <t>03-3849-5870</t>
  </si>
  <si>
    <t>第１－３２４１号</t>
  </si>
  <si>
    <t>株式会社　琉南設備工業</t>
  </si>
  <si>
    <t>株式会社琉南設備工業</t>
  </si>
  <si>
    <t>南篠崎町一丁目24番21号</t>
  </si>
  <si>
    <t>03-5666-7015</t>
  </si>
  <si>
    <t>第１－３２４３号</t>
  </si>
  <si>
    <t>竹内冷熱　株式会社</t>
  </si>
  <si>
    <t>竹内冷熱株式会社</t>
  </si>
  <si>
    <t>長沼町2787番地</t>
  </si>
  <si>
    <t>0270-61-8364</t>
  </si>
  <si>
    <t>第１－３２４４号</t>
  </si>
  <si>
    <t>株式会社　田頭空調</t>
  </si>
  <si>
    <t>株式会社田頭空調　高槻事業所</t>
  </si>
  <si>
    <t>辻子1-23-4</t>
  </si>
  <si>
    <t>072-601-6162</t>
  </si>
  <si>
    <t>第１－３２４５号</t>
  </si>
  <si>
    <t>高原　靖明</t>
  </si>
  <si>
    <t>多摩エアー</t>
  </si>
  <si>
    <t>長房町1502</t>
  </si>
  <si>
    <t>042-661-9321</t>
  </si>
  <si>
    <t>第１－３２４６号</t>
  </si>
  <si>
    <t>株式会社　伸栄工事</t>
  </si>
  <si>
    <t>株式会社伸栄工事</t>
  </si>
  <si>
    <t>幸区南加瀬四丁目16番32号</t>
  </si>
  <si>
    <t>044-588-7344</t>
  </si>
  <si>
    <t>第１－３２４８号</t>
  </si>
  <si>
    <t>株式会社　エコ・ワールド</t>
  </si>
  <si>
    <t>株式会社エコ・ワールド</t>
  </si>
  <si>
    <t>麻生区金程2-9-4</t>
  </si>
  <si>
    <t>044-952-2230</t>
  </si>
  <si>
    <t>第１－３２４９号</t>
  </si>
  <si>
    <t>後藤工業　株式会社</t>
  </si>
  <si>
    <t>後藤工業株式会社</t>
  </si>
  <si>
    <t>安行藤八9-2</t>
  </si>
  <si>
    <t>048-213-1155</t>
  </si>
  <si>
    <t>第１－３２５１号</t>
  </si>
  <si>
    <t>株式会社　アイレスト</t>
  </si>
  <si>
    <t>株式会社アイレスト</t>
  </si>
  <si>
    <t>若松町1-2-12</t>
  </si>
  <si>
    <t>042-333-9457</t>
  </si>
  <si>
    <t>第１－３２５２号</t>
  </si>
  <si>
    <t>株式会社　日本アムス</t>
  </si>
  <si>
    <t>株式会社日本アムス　横浜営業所</t>
  </si>
  <si>
    <t>都筑区東山田町205番1-2</t>
  </si>
  <si>
    <t>045-548-5122</t>
  </si>
  <si>
    <t>第１－３２５３号</t>
  </si>
  <si>
    <t>株式会社　サトテック</t>
  </si>
  <si>
    <t>株式会社サトテック</t>
  </si>
  <si>
    <t>堀ノ内1-6-23</t>
  </si>
  <si>
    <t>03-5913-7135</t>
  </si>
  <si>
    <t>第１－３２５４号</t>
  </si>
  <si>
    <t>株式会社　高橋電気空調</t>
  </si>
  <si>
    <t>株式会社高橋電気空調</t>
  </si>
  <si>
    <t>北谷一丁目9番17号</t>
  </si>
  <si>
    <t>048-944-4212</t>
  </si>
  <si>
    <t>第１－３２５５号</t>
  </si>
  <si>
    <t>株式会社　宇都宮空調</t>
  </si>
  <si>
    <t>株式会社宇都宮空調</t>
  </si>
  <si>
    <t>平出町1615-1</t>
  </si>
  <si>
    <t>028-661-9871</t>
  </si>
  <si>
    <t>第１－３２５７号</t>
  </si>
  <si>
    <t>株式会社　福島空調</t>
  </si>
  <si>
    <t>株式会社福島空調</t>
  </si>
  <si>
    <t>川崎区小田6-15-11</t>
  </si>
  <si>
    <t>044-333-6627</t>
  </si>
  <si>
    <t>第１－３２５８号</t>
  </si>
  <si>
    <t>エスティーム　株式会社</t>
  </si>
  <si>
    <t>エスティーム株式会社</t>
  </si>
  <si>
    <t>寿町6-10　シティハイツK2　1階</t>
  </si>
  <si>
    <t>055-955-5305</t>
  </si>
  <si>
    <t>第１－３２６０号</t>
  </si>
  <si>
    <t>株式会社　泉冷機</t>
  </si>
  <si>
    <t>株式会社泉冷機</t>
  </si>
  <si>
    <t>鶴瀬西2-5-13-502</t>
  </si>
  <si>
    <t>049-252-5261</t>
  </si>
  <si>
    <t>第１－３２６１号</t>
  </si>
  <si>
    <t>奥本　周樹</t>
  </si>
  <si>
    <t>大和郡山市</t>
  </si>
  <si>
    <t>横田町734-4</t>
  </si>
  <si>
    <t>0743-56-4460</t>
  </si>
  <si>
    <t>第１－３２６２号</t>
  </si>
  <si>
    <t>株式会社　ケイプラン</t>
  </si>
  <si>
    <t>株式会社ケイプラン</t>
  </si>
  <si>
    <t>神奈川区反町1-6-1</t>
  </si>
  <si>
    <t>045-548-5182</t>
  </si>
  <si>
    <t>第１－３２６３号</t>
  </si>
  <si>
    <t>都市ビル設備　株式会社</t>
  </si>
  <si>
    <t>都市ビル設備株式会社</t>
  </si>
  <si>
    <t>和田3丁目59番11号</t>
  </si>
  <si>
    <t>03-3314-7801</t>
  </si>
  <si>
    <t>第１－３２６５号</t>
  </si>
  <si>
    <t>日豊機工　株式会社</t>
  </si>
  <si>
    <t>日豊機工株式会社</t>
  </si>
  <si>
    <t>西区三橋六丁目1737番地1</t>
  </si>
  <si>
    <t>048-624-5777</t>
  </si>
  <si>
    <t>第１－３２６６号</t>
  </si>
  <si>
    <t>株式会社　エアーズ</t>
  </si>
  <si>
    <t>株式会社エアーズ</t>
  </si>
  <si>
    <t>東砂7丁目19番33-801号</t>
  </si>
  <si>
    <t>03-5683-7912</t>
  </si>
  <si>
    <t>第１－３２６８号</t>
  </si>
  <si>
    <t>有限会社　リクライム</t>
  </si>
  <si>
    <t>有限会社リクライム</t>
  </si>
  <si>
    <t>花見川区三角町487-34</t>
  </si>
  <si>
    <t>043-215-5308</t>
  </si>
  <si>
    <t>有限会社リクライム　千葉営業所</t>
  </si>
  <si>
    <t>稲毛区長沼町30-18</t>
  </si>
  <si>
    <t>043-286-5309</t>
  </si>
  <si>
    <t>第１－３２７０号</t>
  </si>
  <si>
    <t>株式会社　フローライト</t>
  </si>
  <si>
    <t>株式会社フローライト</t>
  </si>
  <si>
    <t>長泉町下長窪513-16</t>
  </si>
  <si>
    <t>055-928-5312</t>
  </si>
  <si>
    <t>第１－３２７１号</t>
  </si>
  <si>
    <t>株式会社　小林設備工業</t>
  </si>
  <si>
    <t>株式会社小林設備工業</t>
  </si>
  <si>
    <t>南アルプス市</t>
  </si>
  <si>
    <t>上今井739-1</t>
  </si>
  <si>
    <t>055-244-2171</t>
  </si>
  <si>
    <t>第１－３２７２号</t>
  </si>
  <si>
    <t>有限会社　キタザワ空調</t>
  </si>
  <si>
    <t>有限会社キタザワ空調</t>
  </si>
  <si>
    <t>中央区本町4-6-25</t>
  </si>
  <si>
    <t>06-6136-1401</t>
  </si>
  <si>
    <t>第１－３２７３号</t>
  </si>
  <si>
    <t>株式会社　相互空調設備</t>
  </si>
  <si>
    <t>株式会社相互空調設備</t>
  </si>
  <si>
    <t>下宿2-458-7</t>
  </si>
  <si>
    <t>042-495-5276</t>
  </si>
  <si>
    <t>第１－３２７４号</t>
  </si>
  <si>
    <t>五洋電気　株式会社</t>
  </si>
  <si>
    <t>五洋電気株式会社</t>
  </si>
  <si>
    <t>東成区東今里3-4-14</t>
  </si>
  <si>
    <t>06-6976-0085</t>
  </si>
  <si>
    <t>第１－３２７５号</t>
  </si>
  <si>
    <t>ＦＬＯＷ冷熱工業　株式会社</t>
  </si>
  <si>
    <t>ＦＬＯＷ冷熱工業株式会社</t>
  </si>
  <si>
    <t>水子4971</t>
  </si>
  <si>
    <t>049-293-5041</t>
  </si>
  <si>
    <t>第１－３２７７号</t>
  </si>
  <si>
    <t>株式会社　エイジング</t>
  </si>
  <si>
    <t>株式会社エイジング</t>
  </si>
  <si>
    <t>東浅草2-26-3</t>
  </si>
  <si>
    <t>03-5824-2112</t>
  </si>
  <si>
    <t>第１－３２７８号</t>
  </si>
  <si>
    <t>馬嶋　康弘</t>
  </si>
  <si>
    <t>ＡＣテクノサービス</t>
  </si>
  <si>
    <t>大字双柳1487番地42</t>
  </si>
  <si>
    <t>042-971-3150</t>
  </si>
  <si>
    <t>第１－３２７９号</t>
  </si>
  <si>
    <t>株式会社　山元</t>
  </si>
  <si>
    <t>株式会社山元　横浜営業所</t>
  </si>
  <si>
    <t>神奈川区新浦島町2-1-1</t>
  </si>
  <si>
    <t>045-451-6522</t>
  </si>
  <si>
    <t>第１－３２８２号</t>
  </si>
  <si>
    <t>株式会社　レハーズ</t>
  </si>
  <si>
    <t>株式会社レハーズ</t>
  </si>
  <si>
    <t>綾瀬6-30-7</t>
  </si>
  <si>
    <t>第１－３２８４号</t>
  </si>
  <si>
    <t>日装工業　株式会社</t>
  </si>
  <si>
    <t>日装工業株式会社</t>
  </si>
  <si>
    <t>駿河区宮竹1丁目19番21号</t>
  </si>
  <si>
    <t>054-237-3722</t>
  </si>
  <si>
    <t>第１－３２８５号</t>
  </si>
  <si>
    <t>合同会社　ワンカラーサポート</t>
  </si>
  <si>
    <t>合同会社ワンカラーサポート</t>
  </si>
  <si>
    <t>港北区鳥山町689番地101号</t>
  </si>
  <si>
    <t>第１－３２８７号</t>
  </si>
  <si>
    <t>野坂　拓也</t>
  </si>
  <si>
    <t>根岸1-5-16-404</t>
  </si>
  <si>
    <t>第１－３２８８号</t>
  </si>
  <si>
    <t>株式会社　榎本電設</t>
  </si>
  <si>
    <t>株式会社榎本電設</t>
  </si>
  <si>
    <t>第１－３２８９号</t>
  </si>
  <si>
    <t>株式会社　青山電機サービス</t>
  </si>
  <si>
    <t>株式会社青山電機サービス</t>
  </si>
  <si>
    <t>西新井本町4-12-10</t>
  </si>
  <si>
    <t>03-3896-5615</t>
  </si>
  <si>
    <t>第１－３２９０号</t>
  </si>
  <si>
    <t>有限会社　栄工業社</t>
  </si>
  <si>
    <t>有限会社栄工業社</t>
  </si>
  <si>
    <t>戸越6-16-12</t>
  </si>
  <si>
    <t>第１－３２９２号</t>
  </si>
  <si>
    <t>エス・エス・ケイ　合同会社</t>
  </si>
  <si>
    <t>エス・エス・ケイ合同会社</t>
  </si>
  <si>
    <t>大塚新町7-19</t>
  </si>
  <si>
    <t>049-293-1304</t>
  </si>
  <si>
    <t>第１－３２９３号</t>
  </si>
  <si>
    <t>有限会社　ＭＫサービス</t>
  </si>
  <si>
    <t>有限会社ＭＫサービス</t>
  </si>
  <si>
    <t>中野1-1-3</t>
  </si>
  <si>
    <t>048-485-8854</t>
  </si>
  <si>
    <t>第１－３２９４号</t>
  </si>
  <si>
    <t>有限会社　あさだ冷熱</t>
  </si>
  <si>
    <t>有限会社あさだ冷熱</t>
  </si>
  <si>
    <t>港北区鳥山町385番地8</t>
  </si>
  <si>
    <t>045-472-7267</t>
  </si>
  <si>
    <t>第１－３２９５号</t>
  </si>
  <si>
    <t>株式会社　カトウ空調工業</t>
  </si>
  <si>
    <t>株式会社カトウ空調工業</t>
  </si>
  <si>
    <t>下多賀1547-4</t>
  </si>
  <si>
    <t>0557-67-7017</t>
  </si>
  <si>
    <t>第１－３２９９号</t>
  </si>
  <si>
    <t>有限会社　イワキエンジニア</t>
  </si>
  <si>
    <t>有限会社イワキエンジニア</t>
  </si>
  <si>
    <t>日本堤二丁目30番7号</t>
  </si>
  <si>
    <t>03-3873-5571</t>
  </si>
  <si>
    <t>第１－３３００号</t>
  </si>
  <si>
    <t>株式会社　フロンティア</t>
  </si>
  <si>
    <t>株式会社フロンティア</t>
  </si>
  <si>
    <t>栄町2-7-1</t>
  </si>
  <si>
    <t>029-233-6188</t>
  </si>
  <si>
    <t>第１－３３０１号</t>
  </si>
  <si>
    <t>株式会社　日本ラッセル</t>
  </si>
  <si>
    <t>株式会社日本ラッセル</t>
  </si>
  <si>
    <t>第１－３３０４号</t>
  </si>
  <si>
    <t>有限会社　アルファサービス</t>
  </si>
  <si>
    <t>有限会社アルファサービス</t>
  </si>
  <si>
    <t>中根843-1</t>
  </si>
  <si>
    <t>029-857-9559</t>
  </si>
  <si>
    <t>第１－３３０６号</t>
  </si>
  <si>
    <t>株式会社　栄伸工業</t>
  </si>
  <si>
    <t>株式会社栄伸工業</t>
  </si>
  <si>
    <t>六軒町527-1</t>
  </si>
  <si>
    <t>048-733-6411</t>
  </si>
  <si>
    <t>第１－３３０７号</t>
  </si>
  <si>
    <t>株式会社　ケイズエアシステム</t>
  </si>
  <si>
    <t>株式会社ケイズエアシステム</t>
  </si>
  <si>
    <t>みなみ野2-12-15</t>
  </si>
  <si>
    <t>042-689-4692</t>
  </si>
  <si>
    <t>第１－３３０８号</t>
  </si>
  <si>
    <t>セーバー技研　株式会社</t>
  </si>
  <si>
    <t>セーバー技研株式会社</t>
  </si>
  <si>
    <t>灘区浜田町一丁目1番31号</t>
  </si>
  <si>
    <t>078-854-7175</t>
  </si>
  <si>
    <t>第１－３３０９号</t>
  </si>
  <si>
    <t>株式会社　清田工業</t>
  </si>
  <si>
    <t>株式会社清田工業</t>
  </si>
  <si>
    <t>ちとせ一丁目1396番地</t>
  </si>
  <si>
    <t>029-231-1491</t>
  </si>
  <si>
    <t>第１－３３１０号</t>
  </si>
  <si>
    <t>伊藤テクノ　株式会社</t>
  </si>
  <si>
    <t>伊藤テクノ株式会社</t>
  </si>
  <si>
    <t>東新小岩5-2-20信和商会ビル1階，2階</t>
  </si>
  <si>
    <t>03-5654-4110</t>
  </si>
  <si>
    <t>第１－３３１１号</t>
  </si>
  <si>
    <t>株式会社　上島製作所</t>
  </si>
  <si>
    <t>株式会社上島製作所</t>
  </si>
  <si>
    <t>谷保六丁目5番地の22</t>
  </si>
  <si>
    <t>042-577-4511</t>
  </si>
  <si>
    <t>第１－３３１２号</t>
  </si>
  <si>
    <t>株式会社　坂本商会</t>
  </si>
  <si>
    <t>株式会社坂本商会</t>
  </si>
  <si>
    <t>喜多948番地6</t>
  </si>
  <si>
    <t>0436-98-3940</t>
  </si>
  <si>
    <t>第１－３３１３号</t>
  </si>
  <si>
    <t>株式会社　星電</t>
  </si>
  <si>
    <t>株式会社星電　東京支店</t>
  </si>
  <si>
    <t>西新宿7丁目16番13号 第二手塚ビル3F</t>
  </si>
  <si>
    <t>03-6279-4303</t>
  </si>
  <si>
    <t>第１－３３１４号</t>
  </si>
  <si>
    <t>株式会社　コーンズ・エージー</t>
  </si>
  <si>
    <t>株式会社コーンズ・エージー　高崎支店</t>
  </si>
  <si>
    <t>下之城町493番地1</t>
  </si>
  <si>
    <t>027-325-3667</t>
  </si>
  <si>
    <t>第１－３３１６号</t>
  </si>
  <si>
    <t>有限会社　ＣＬＡＳＳ　Ａ</t>
  </si>
  <si>
    <t>有限会社ＣＬＡＳＳ　Ａ</t>
  </si>
  <si>
    <t>都筑区荏田南3-12-26</t>
  </si>
  <si>
    <t>03-5848-7809</t>
  </si>
  <si>
    <t>第１－３３１７号</t>
  </si>
  <si>
    <t>株式会社　エアコンワーク</t>
  </si>
  <si>
    <t>株式会社エアコンワーク</t>
  </si>
  <si>
    <t>代々木2-24-10　南新宿SNビル102</t>
  </si>
  <si>
    <t>03-6276-0553</t>
  </si>
  <si>
    <t>第１－３３１８号</t>
  </si>
  <si>
    <t>株式会社　武蔵野冷暖サービス</t>
  </si>
  <si>
    <t>株式会社武蔵野冷暖サービス</t>
  </si>
  <si>
    <t>徳丸3-38-18</t>
  </si>
  <si>
    <t>03-6906-4766</t>
  </si>
  <si>
    <t>第１－３３１９号</t>
  </si>
  <si>
    <t>日立ジョンソンコントロールズ空調　株式会社</t>
  </si>
  <si>
    <t>日立ジョンソンコントロールズ空調株式会社</t>
  </si>
  <si>
    <t>清水区新緑町8番1号</t>
  </si>
  <si>
    <t>054-398-5384</t>
  </si>
  <si>
    <t>第１－３３２０号</t>
  </si>
  <si>
    <t>株式会社　髙木設備</t>
  </si>
  <si>
    <t>株式会社髙木設備</t>
  </si>
  <si>
    <t>北高島町18-21</t>
  </si>
  <si>
    <t>055-941-5558</t>
  </si>
  <si>
    <t>第１－３３２５号</t>
  </si>
  <si>
    <t>有限会社　村山電気商会</t>
  </si>
  <si>
    <t>有限会社村山電気商会</t>
  </si>
  <si>
    <t>泉区中田西3-37-15</t>
  </si>
  <si>
    <t>045-803-1569</t>
  </si>
  <si>
    <t>第１－３３２７号</t>
  </si>
  <si>
    <t>株式会社　タイプエア</t>
  </si>
  <si>
    <t>株式会社タイプエア</t>
  </si>
  <si>
    <t>泉区上飯田町2532</t>
  </si>
  <si>
    <t>045-443-7907</t>
  </si>
  <si>
    <t>第１－３３２８号</t>
  </si>
  <si>
    <t>株式会社　カンテック</t>
  </si>
  <si>
    <t>株式会社カンテック</t>
  </si>
  <si>
    <t>多摩区宿河原4-30-50-101</t>
  </si>
  <si>
    <t>第１－３３２９号</t>
  </si>
  <si>
    <t>日立空調ソリューションズ　株式会社</t>
  </si>
  <si>
    <t>日立空調ソリューションズ株式会社　神奈川支店</t>
  </si>
  <si>
    <t>045-250-1021</t>
  </si>
  <si>
    <t>第１－３３３０号</t>
  </si>
  <si>
    <t>両毛設備機工　株式会社</t>
  </si>
  <si>
    <t>両毛設備機工株式会社</t>
  </si>
  <si>
    <t>剣崎町1216</t>
  </si>
  <si>
    <t>027-343-8143</t>
  </si>
  <si>
    <t>第１－３３３１号</t>
  </si>
  <si>
    <t>有限会社　飯田産業</t>
  </si>
  <si>
    <t>有限会社飯田産業</t>
  </si>
  <si>
    <t>花見川区犢橋町1703番地1</t>
  </si>
  <si>
    <t>043-257-9191</t>
  </si>
  <si>
    <t>第１－３３３２号</t>
  </si>
  <si>
    <t>株式会社　オーソリティー空調</t>
  </si>
  <si>
    <t>株式会社オーソリティー空調</t>
  </si>
  <si>
    <t>多摩区登戸3282番地1</t>
  </si>
  <si>
    <t>044-281-3861</t>
  </si>
  <si>
    <t>第１－３３３３号</t>
  </si>
  <si>
    <t>株式会社　双羽</t>
  </si>
  <si>
    <t>株式会社双羽</t>
  </si>
  <si>
    <t>絹の台6-13-27</t>
  </si>
  <si>
    <t>0297-52-2722</t>
  </si>
  <si>
    <t>第１－３３３４号</t>
  </si>
  <si>
    <t>有限会社　八千冷</t>
  </si>
  <si>
    <t>有限会社八千冷</t>
  </si>
  <si>
    <t>平戸293-2</t>
  </si>
  <si>
    <t>047-489-6730</t>
  </si>
  <si>
    <t>第１－３３３５号</t>
  </si>
  <si>
    <t>ｉ－ＣＲＥＷ　株式会社</t>
  </si>
  <si>
    <t>ｉ－ＣＲＥＷ株式会社</t>
  </si>
  <si>
    <t>灰塚6丁目4-12</t>
  </si>
  <si>
    <t>072-870-5551</t>
  </si>
  <si>
    <t>第１－３３３８号</t>
  </si>
  <si>
    <t>株式会社　山本総合設備</t>
  </si>
  <si>
    <t>株式会社山本総合設備</t>
  </si>
  <si>
    <t>青葉区鉄町8番地10（鉄1号）</t>
  </si>
  <si>
    <t>045-509-1992</t>
  </si>
  <si>
    <t>第１－３３３９号</t>
  </si>
  <si>
    <t>株式会社　武空</t>
  </si>
  <si>
    <t>株式会社武空</t>
  </si>
  <si>
    <t>緑区霧が丘1－17－6－103</t>
  </si>
  <si>
    <t>045-520-3148</t>
  </si>
  <si>
    <t>第１－３３４０号</t>
  </si>
  <si>
    <t>株式会社　プログラン</t>
  </si>
  <si>
    <t>株式会社プログラン</t>
  </si>
  <si>
    <t>中央1-24-23</t>
  </si>
  <si>
    <t>第１－３３４１号</t>
  </si>
  <si>
    <t>株式会社　タイシン工業</t>
  </si>
  <si>
    <t>株式会社タイシン工業</t>
  </si>
  <si>
    <t>保土ケ谷区仏向町49-101</t>
  </si>
  <si>
    <t>045-744-8022</t>
  </si>
  <si>
    <t>第１－３３４２号</t>
  </si>
  <si>
    <t>株式会社　清弘エンジニアリング</t>
  </si>
  <si>
    <t>株式会社清弘エンジニアリング　埼玉営業所</t>
  </si>
  <si>
    <t>大宮区三橋4-112-1</t>
  </si>
  <si>
    <t>048-622-3985</t>
  </si>
  <si>
    <t>第１－３３４７号</t>
  </si>
  <si>
    <t>冷熱システムサービス　合同会社</t>
  </si>
  <si>
    <t>冷熱システムサービス合同会社</t>
  </si>
  <si>
    <t>逆井3681-1</t>
  </si>
  <si>
    <t>第１－３３４８号</t>
  </si>
  <si>
    <t>株式会社　ＳＲＭ</t>
  </si>
  <si>
    <t>株式会社ＳＲＭ</t>
  </si>
  <si>
    <t>新橋二丁目20番15号新橋駅前ビル1号館9F</t>
  </si>
  <si>
    <t>03-6264-5251</t>
  </si>
  <si>
    <t>第１－３３４９号</t>
  </si>
  <si>
    <t>株式会社　東照電気</t>
  </si>
  <si>
    <t>株式会社東照電気</t>
  </si>
  <si>
    <t>六崎1622-17</t>
  </si>
  <si>
    <t>043-485-5427</t>
  </si>
  <si>
    <t>第１－３３５０号</t>
  </si>
  <si>
    <t>有限会社　エアユーテック</t>
  </si>
  <si>
    <t>有限会社エアユーテック</t>
  </si>
  <si>
    <t>高野台1-14-17</t>
  </si>
  <si>
    <t>03-6906-7160</t>
  </si>
  <si>
    <t>第１－３３５３号</t>
  </si>
  <si>
    <t>有限会社　ヤナモト設備工業</t>
  </si>
  <si>
    <t>有限会社ヤナモト設備工業</t>
  </si>
  <si>
    <t>西日暮里1-53-1</t>
  </si>
  <si>
    <t>03-3801-1160</t>
  </si>
  <si>
    <t>第１－３３５４号</t>
  </si>
  <si>
    <t>株式会社　Ａｉｒ．ｃｏｍ</t>
  </si>
  <si>
    <t>株式会社Ａｉｒ．ｃｏｍ</t>
  </si>
  <si>
    <t>野毛一丁目10番3号</t>
  </si>
  <si>
    <t>03-3705-9571</t>
  </si>
  <si>
    <t>第１－３３５６号</t>
  </si>
  <si>
    <t>株式会社　ＡＳＯ空調サービス</t>
  </si>
  <si>
    <t>株式会社ＡＳＯ空調サービス</t>
  </si>
  <si>
    <t>第１－３３５７号</t>
  </si>
  <si>
    <t>比嘉　広平</t>
  </si>
  <si>
    <t>サクシス設備</t>
  </si>
  <si>
    <t>畑中1-13-19</t>
  </si>
  <si>
    <t>048-234-6284</t>
  </si>
  <si>
    <t>第１－３３５８号</t>
  </si>
  <si>
    <t>株式会社　山口製作所</t>
  </si>
  <si>
    <t>株式会社山口製作所</t>
  </si>
  <si>
    <t>荏原6-14-17</t>
  </si>
  <si>
    <t>03-3782-4920</t>
  </si>
  <si>
    <t>第１－３３５９号</t>
  </si>
  <si>
    <t>株式会社　アースクリーン東北</t>
  </si>
  <si>
    <t>株式会社アースクリーン東北</t>
  </si>
  <si>
    <t>若林区伊在2-14-17</t>
  </si>
  <si>
    <t>022-288-2888</t>
  </si>
  <si>
    <t>第１－３３６０号</t>
  </si>
  <si>
    <t>田島工業　株式会社</t>
  </si>
  <si>
    <t>田島工業株式会社</t>
  </si>
  <si>
    <t>神田三崎町3丁目10番16号</t>
  </si>
  <si>
    <t>03-3263-0421</t>
  </si>
  <si>
    <t>第１－３３６１号</t>
  </si>
  <si>
    <t>株式会社　石月電子</t>
  </si>
  <si>
    <t>株式会社石月電子</t>
  </si>
  <si>
    <t>金沢区釜利谷西六丁目39番22号</t>
  </si>
  <si>
    <t>045-780-1336</t>
  </si>
  <si>
    <t>第１－３３６２号</t>
  </si>
  <si>
    <t>中西　太一</t>
  </si>
  <si>
    <t>ナカニシ冷機</t>
  </si>
  <si>
    <t>石津中町4-5</t>
  </si>
  <si>
    <t>第１－３３６３号</t>
  </si>
  <si>
    <t>和テクノサービス 株式会社</t>
  </si>
  <si>
    <t>和テクノサービス株式会社</t>
  </si>
  <si>
    <t>中村二丁目31番11-402号</t>
  </si>
  <si>
    <t>第１－３３６４号</t>
  </si>
  <si>
    <t>株式会社　日祥</t>
  </si>
  <si>
    <t>株式会社日祥　横浜営業所</t>
  </si>
  <si>
    <t>中区尾上町6-86-1　関内董友ビル6F</t>
  </si>
  <si>
    <t>045-663-6855</t>
  </si>
  <si>
    <t>第１－３３６６号</t>
  </si>
  <si>
    <t>株式会社　トーカンオリエンス</t>
  </si>
  <si>
    <t>株式会社トーカンオリエンス</t>
  </si>
  <si>
    <t>中落合一丁目12番8号</t>
  </si>
  <si>
    <t>03-5988-7511</t>
  </si>
  <si>
    <t>第１－３３６７号</t>
  </si>
  <si>
    <t>株式会社　ＡⅠＲキューブ</t>
  </si>
  <si>
    <t>株式会社ＡⅠＲキューブ</t>
  </si>
  <si>
    <t>北品川1-24-21</t>
  </si>
  <si>
    <t>03-6455-8892</t>
  </si>
  <si>
    <t>第１－３３６８号</t>
  </si>
  <si>
    <t>株式会社　久島工業</t>
  </si>
  <si>
    <t>株式会社久島工業</t>
  </si>
  <si>
    <t>木曽西二丁目4番地18</t>
  </si>
  <si>
    <t>042-791-1201</t>
  </si>
  <si>
    <t>第１－３３６９号</t>
  </si>
  <si>
    <t>アース環境設備　株式会社</t>
  </si>
  <si>
    <t>アース環境設備株式会社</t>
  </si>
  <si>
    <t>高津区末長2丁目14番41号</t>
  </si>
  <si>
    <t>044-871-7330</t>
  </si>
  <si>
    <t>第１－３３７１号</t>
  </si>
  <si>
    <t>田中　浩幸</t>
  </si>
  <si>
    <t>田中空調</t>
  </si>
  <si>
    <t>下恩方町819-1</t>
  </si>
  <si>
    <t>042-652-3737</t>
  </si>
  <si>
    <t>第１－３３７２号</t>
  </si>
  <si>
    <t>有限会社　湘南設備</t>
  </si>
  <si>
    <t>有限会社湘南設備</t>
  </si>
  <si>
    <t>都筑区茅ケ崎東5-9-44</t>
  </si>
  <si>
    <t>第１－３３７３号</t>
  </si>
  <si>
    <t>有限会社　サンコー空調設備</t>
  </si>
  <si>
    <t>有限会社サンコー空調設備</t>
  </si>
  <si>
    <t>早稲田3丁目27番地7</t>
  </si>
  <si>
    <t>048-958-0998</t>
  </si>
  <si>
    <t>第１－３３７５号</t>
  </si>
  <si>
    <t>鈴木　利克</t>
  </si>
  <si>
    <t>鈴木設備　鈴木　利克</t>
  </si>
  <si>
    <t>戸塚区深谷町55-47</t>
  </si>
  <si>
    <t>080-7594-1835</t>
  </si>
  <si>
    <t>第１－３３７７号</t>
  </si>
  <si>
    <t>株式会社　ユニエツクスＮＣＴ</t>
  </si>
  <si>
    <t>株式会社ユニエツクスＮＣＴ　横浜支店整備グループ　横浜営業所</t>
  </si>
  <si>
    <t>中区南本牧1番地</t>
  </si>
  <si>
    <t>045-624-5979</t>
  </si>
  <si>
    <t>第１－３３７８号</t>
  </si>
  <si>
    <t>ライカマイクロシステムズ　株式会社</t>
  </si>
  <si>
    <t>ライカマイクロシステムズ株式会社　ライカ物流センター</t>
  </si>
  <si>
    <t>神奈川区守屋町3-9 3F</t>
  </si>
  <si>
    <t>045-567-0296</t>
  </si>
  <si>
    <t>第１－３３７９号</t>
  </si>
  <si>
    <t>大和温調工業　有限会社</t>
  </si>
  <si>
    <t>大和温調工業有限会社</t>
  </si>
  <si>
    <t>白山4-7-8</t>
  </si>
  <si>
    <t>03-5976-2150</t>
  </si>
  <si>
    <t>第１－３３８０号</t>
  </si>
  <si>
    <t>株式会社　ダイエイファシリティ</t>
  </si>
  <si>
    <t>株式会社ダイエイファシリティ</t>
  </si>
  <si>
    <t>中区日本大通7番地合人社横浜日本大通7　4階</t>
  </si>
  <si>
    <t>045-264-4931</t>
  </si>
  <si>
    <t>第１－３３８１号</t>
  </si>
  <si>
    <t>ＩＳテック　株式会社</t>
  </si>
  <si>
    <t>ＩＳテック株式会社</t>
  </si>
  <si>
    <t>鴻巣市</t>
  </si>
  <si>
    <t>ひばり野2-17-21</t>
  </si>
  <si>
    <t>048-543-5111</t>
  </si>
  <si>
    <t>第１－３３８２号</t>
  </si>
  <si>
    <t>永代工業　株式会社</t>
  </si>
  <si>
    <t>永代工業株式会社</t>
  </si>
  <si>
    <t>03-6666-5021</t>
  </si>
  <si>
    <t>第１－３３８４号</t>
  </si>
  <si>
    <t>株式会社　ウニクム</t>
  </si>
  <si>
    <t>株式会社ウニクム</t>
  </si>
  <si>
    <t>入間川2-31-11</t>
  </si>
  <si>
    <t>04-2968-5780</t>
  </si>
  <si>
    <t>第１－３３８５号</t>
  </si>
  <si>
    <t>河野　正樹</t>
  </si>
  <si>
    <t>オーツーMK　河野　正樹</t>
  </si>
  <si>
    <t>南1-13-41</t>
  </si>
  <si>
    <t>048-462-3823</t>
  </si>
  <si>
    <t>第１－３３８６号</t>
  </si>
  <si>
    <t>有限会社　アサンテ</t>
  </si>
  <si>
    <t>有限会社アサンテ</t>
  </si>
  <si>
    <t>一ツ家2-13-10</t>
  </si>
  <si>
    <t>第１－３３８７号</t>
  </si>
  <si>
    <t>光ビル管理　株式会社</t>
  </si>
  <si>
    <t>光ビル管理株式会社</t>
  </si>
  <si>
    <t>南千住三丁目4番6号</t>
  </si>
  <si>
    <t>03-5850-4471</t>
  </si>
  <si>
    <t>株式会社　ＪＰＮ</t>
  </si>
  <si>
    <t>成田市</t>
  </si>
  <si>
    <t>並木町220-10</t>
  </si>
  <si>
    <t>第１－３３８９号</t>
  </si>
  <si>
    <t>流石　憲一</t>
  </si>
  <si>
    <t>流石空調設備</t>
  </si>
  <si>
    <t>南都留郡</t>
  </si>
  <si>
    <t>富士河口湖町勝山4239</t>
  </si>
  <si>
    <t>0555-83-2630</t>
  </si>
  <si>
    <t>第１－３３９０号</t>
  </si>
  <si>
    <t>株式会社　クボタ</t>
  </si>
  <si>
    <t>株式会社クボタ</t>
  </si>
  <si>
    <t>亀里町462番地6</t>
  </si>
  <si>
    <t>027-289-6803</t>
  </si>
  <si>
    <t>第１－３３９１号</t>
  </si>
  <si>
    <t>株式会社　リベット</t>
  </si>
  <si>
    <t>株式会社リベット</t>
  </si>
  <si>
    <t>中央区下落合4-2-9</t>
  </si>
  <si>
    <t>048-852-5025</t>
  </si>
  <si>
    <t>第１－３３９２号</t>
  </si>
  <si>
    <t>株式会社　マツエ空調サービス</t>
  </si>
  <si>
    <t>株式会社マツエ空調サービス</t>
  </si>
  <si>
    <t>中野334番地8</t>
  </si>
  <si>
    <t>048-984-3733</t>
  </si>
  <si>
    <t>第１－３３９３号</t>
  </si>
  <si>
    <t>株式会社　武藤冷熱</t>
  </si>
  <si>
    <t>株式会社武藤冷熱</t>
  </si>
  <si>
    <t>中央1-33-14</t>
  </si>
  <si>
    <t>042-843-8870</t>
  </si>
  <si>
    <t>株式会社　アスカ</t>
  </si>
  <si>
    <t>株式会社アスカ</t>
  </si>
  <si>
    <t>青葉区千草台37-4</t>
  </si>
  <si>
    <t>第１－３３９７号</t>
  </si>
  <si>
    <t>株式会社　サンエイプラント</t>
  </si>
  <si>
    <t>株式会社サンエイプラント</t>
  </si>
  <si>
    <t>池尻3-19-1 IOビルディング5階</t>
  </si>
  <si>
    <t>03-5431-3877</t>
  </si>
  <si>
    <t>第１－３３９９号</t>
  </si>
  <si>
    <t>株式会社　総眞設備</t>
  </si>
  <si>
    <t>株式会社総眞設備</t>
  </si>
  <si>
    <t>岸1-2-3</t>
  </si>
  <si>
    <t>042-569-7157</t>
  </si>
  <si>
    <t>第１－３４００号</t>
  </si>
  <si>
    <t>株式会社　無限設備</t>
  </si>
  <si>
    <t>株式会社無限設備</t>
  </si>
  <si>
    <t>桜ケ丘四丁目45番地の5</t>
  </si>
  <si>
    <t>第１－３４０１号</t>
  </si>
  <si>
    <t>株式会社　ＬｉｇｈｔＨｏｕｓｅ</t>
  </si>
  <si>
    <t>株式会社ＬｉｇｈｔＨｏｕｓｅ</t>
  </si>
  <si>
    <t>東新町1-25-14　本橋ビル1F</t>
  </si>
  <si>
    <t>03-5787-7557</t>
  </si>
  <si>
    <t>第１－３４０２号</t>
  </si>
  <si>
    <t>有限会社　ケーティエヌ</t>
  </si>
  <si>
    <t>有限会社ケーティエヌ</t>
  </si>
  <si>
    <t>差間273-48</t>
  </si>
  <si>
    <t>048-295-2053</t>
  </si>
  <si>
    <t>第１－３４０３号</t>
  </si>
  <si>
    <t>横田　堅一</t>
  </si>
  <si>
    <t>アクシス空調</t>
  </si>
  <si>
    <t>拝島町2-19-11</t>
  </si>
  <si>
    <t>042-849-6663</t>
  </si>
  <si>
    <t>第１－３４０４号</t>
  </si>
  <si>
    <t>株式会社　日昌設備工業</t>
  </si>
  <si>
    <t>株式会社日昌設備工業</t>
  </si>
  <si>
    <t>阿保2-122-4</t>
  </si>
  <si>
    <t>072-338-2306</t>
  </si>
  <si>
    <t>第１－３４０５号</t>
  </si>
  <si>
    <t>カナザシ工業　株式会社</t>
  </si>
  <si>
    <t>カナザシ工業株式会社</t>
  </si>
  <si>
    <t>03-5540-8606</t>
  </si>
  <si>
    <t>三誠ジューキ　株式会社</t>
  </si>
  <si>
    <t>三誠ジューキ株式会社</t>
  </si>
  <si>
    <t>金沢区六浦南4-16-1</t>
  </si>
  <si>
    <t>第１－３４０７号</t>
  </si>
  <si>
    <t>有限会社　サンスポット冷熱</t>
  </si>
  <si>
    <t>有限会社サンスポット冷熱</t>
  </si>
  <si>
    <t>谷津5-16-25</t>
  </si>
  <si>
    <t>047-475-4780</t>
  </si>
  <si>
    <t>第１－３４０９号</t>
  </si>
  <si>
    <t>瀬口冷熱工業　株式会社</t>
  </si>
  <si>
    <t>瀬口冷熱工業株式会社</t>
  </si>
  <si>
    <t>清水区袖師町951番地の1</t>
  </si>
  <si>
    <t>054-364-3195</t>
  </si>
  <si>
    <t>第１－３４１０号</t>
  </si>
  <si>
    <t>株式会社　柏尾工業所</t>
  </si>
  <si>
    <t>株式会社柏尾工業所</t>
  </si>
  <si>
    <t>下藤沢926-13</t>
  </si>
  <si>
    <t>04-2941-6269</t>
  </si>
  <si>
    <t>第１－３４１１号</t>
  </si>
  <si>
    <t>株式会社　ＯＫＡフロン</t>
  </si>
  <si>
    <t>株式会社ＯＫＡフロン</t>
  </si>
  <si>
    <t>052-778-8308</t>
  </si>
  <si>
    <t>第１－３４１３号</t>
  </si>
  <si>
    <t>株式会社　ＵＲＡＴＡ</t>
  </si>
  <si>
    <t>株式会社ＵＲＡＴＡ</t>
  </si>
  <si>
    <t>金井ヶ丘四丁目37番7号</t>
  </si>
  <si>
    <t>042-734-0883</t>
  </si>
  <si>
    <t>第１－３４１４号</t>
  </si>
  <si>
    <t>株式会社　エアフォルク</t>
  </si>
  <si>
    <t>株式会社エアフォルク</t>
  </si>
  <si>
    <t>06-6225-4005</t>
  </si>
  <si>
    <t>第１－３４１５号</t>
  </si>
  <si>
    <t>有限会社　エアー設備</t>
  </si>
  <si>
    <t>有限会社エアー設備</t>
  </si>
  <si>
    <t>川崎区鋼管通1-14-7</t>
  </si>
  <si>
    <t>044-201-4010</t>
  </si>
  <si>
    <t>株式会社　なごみ</t>
  </si>
  <si>
    <t>第１－３４１７号</t>
  </si>
  <si>
    <t>有限会社　野村空調</t>
  </si>
  <si>
    <t>有限会社野村空調</t>
  </si>
  <si>
    <t>常総市</t>
  </si>
  <si>
    <t>新石下288番地</t>
  </si>
  <si>
    <t>第１－３４１８号</t>
  </si>
  <si>
    <t>澤木　聡一郎</t>
  </si>
  <si>
    <t>有機冷熱工業</t>
  </si>
  <si>
    <t>小川東町1-21-6-210</t>
  </si>
  <si>
    <t>090-8841-9136</t>
  </si>
  <si>
    <t>第１－３４１９号</t>
  </si>
  <si>
    <t>中町5-1</t>
  </si>
  <si>
    <t>055-242-0630</t>
  </si>
  <si>
    <t>第１－３４２１号</t>
  </si>
  <si>
    <t>株式会社　杉野冷熱</t>
  </si>
  <si>
    <t>株式会社杉野冷熱</t>
  </si>
  <si>
    <t>砥上町265-1</t>
  </si>
  <si>
    <t>028-680-4114</t>
  </si>
  <si>
    <t>第１－３４２２号</t>
  </si>
  <si>
    <t>亀本工業　株式会社</t>
  </si>
  <si>
    <t>亀本工業株式会社</t>
  </si>
  <si>
    <t>串崎南町13-10</t>
  </si>
  <si>
    <t>第１－３４２３号</t>
  </si>
  <si>
    <t>株式会社　アクティブ</t>
  </si>
  <si>
    <t>株式会社アクティブ</t>
  </si>
  <si>
    <t>野方4-37-11</t>
  </si>
  <si>
    <t>第１－３４２４号</t>
  </si>
  <si>
    <t>子安冷熱工業　株式会社</t>
  </si>
  <si>
    <t>子安冷熱工業株式会社</t>
  </si>
  <si>
    <t>神奈川区子安台2-4-38</t>
  </si>
  <si>
    <t>045-573-3062</t>
  </si>
  <si>
    <t>第１－３４２５号</t>
  </si>
  <si>
    <t>アトラスコプコ　株式会社</t>
  </si>
  <si>
    <t>アトラスコプコ株式会社　川崎事業所</t>
  </si>
  <si>
    <t>川崎区東扇島16-1</t>
  </si>
  <si>
    <t>044-288-2104</t>
  </si>
  <si>
    <t>第１－３４２８号</t>
  </si>
  <si>
    <t>秋山　弘幸</t>
  </si>
  <si>
    <t>オダ空調サービス</t>
  </si>
  <si>
    <t>都筑区東山田1-13-7</t>
  </si>
  <si>
    <t>第１－３４２９号</t>
  </si>
  <si>
    <t>株式会社　シャークランド</t>
  </si>
  <si>
    <t>株式会社シャークランド</t>
  </si>
  <si>
    <t>下谷190番地1</t>
  </si>
  <si>
    <t>048-542-7515</t>
  </si>
  <si>
    <t>第１－３４３０号</t>
  </si>
  <si>
    <t>東京電機エンジニアリング　株式会社</t>
  </si>
  <si>
    <t>東京電機エンジニアリング株式会社</t>
  </si>
  <si>
    <t>西台2-33-9-103</t>
  </si>
  <si>
    <t>03-6906-7361</t>
  </si>
  <si>
    <t>第１－３４３１号</t>
  </si>
  <si>
    <t>いいコム　株式会社</t>
  </si>
  <si>
    <t>いいコム株式会社</t>
  </si>
  <si>
    <t>03-6905-8305</t>
  </si>
  <si>
    <t>第１－３４３２号</t>
  </si>
  <si>
    <t>株式会社　 Ｒ’ｔ空調</t>
  </si>
  <si>
    <t>株式会社Ｒ’ｔ空調</t>
  </si>
  <si>
    <t>新小岩2-20-2</t>
  </si>
  <si>
    <t>第１－３４３３号</t>
  </si>
  <si>
    <t>山田　美佐雄</t>
  </si>
  <si>
    <t>大山電機</t>
  </si>
  <si>
    <t>泉区中田西二丁目19番5号</t>
  </si>
  <si>
    <t>第１－３４３５号</t>
  </si>
  <si>
    <t>エクイップメント　株式会社</t>
  </si>
  <si>
    <t>エクイップメント株式会社</t>
  </si>
  <si>
    <t>戸塚区上矢部町440-1-705</t>
  </si>
  <si>
    <t>045-812-4827</t>
  </si>
  <si>
    <t>第１－３４３９号</t>
  </si>
  <si>
    <t>株式会社　電商ネット</t>
  </si>
  <si>
    <t>株式会社電商ネット</t>
  </si>
  <si>
    <t>小宮町320-1</t>
  </si>
  <si>
    <t>042-649-3170</t>
  </si>
  <si>
    <t>第１－３４４０号</t>
  </si>
  <si>
    <t>株式会社　コスモ・ファイブ</t>
  </si>
  <si>
    <t>株式会社コスモ・ファイブ　神奈川営業所</t>
  </si>
  <si>
    <t>宮前区菅生3丁目31-11</t>
  </si>
  <si>
    <t>第１－３４４１号</t>
  </si>
  <si>
    <t>海福空調　株式会社</t>
  </si>
  <si>
    <t>海福空調株式会社</t>
  </si>
  <si>
    <t>南平9-15-2</t>
  </si>
  <si>
    <t>042-506-5082</t>
  </si>
  <si>
    <t>第１－３４４２号</t>
  </si>
  <si>
    <t>株式会社　ＪＤＩ</t>
  </si>
  <si>
    <t>株式会社ＪＤＩ</t>
  </si>
  <si>
    <t>平塚二丁目11番10号</t>
  </si>
  <si>
    <t>03-6441-0410</t>
  </si>
  <si>
    <t>第１－３４４３号</t>
  </si>
  <si>
    <t>株式会社　クラウド</t>
  </si>
  <si>
    <t>株式会社クラウド</t>
  </si>
  <si>
    <t>生野区巽南五丁目17番30号</t>
  </si>
  <si>
    <t>第１－３４４４号</t>
  </si>
  <si>
    <t>沖エンジニア　株式会社</t>
  </si>
  <si>
    <t>沖エンジニア株式会社</t>
  </si>
  <si>
    <t>富士見町4-31-40</t>
  </si>
  <si>
    <t>042-498-0711</t>
  </si>
  <si>
    <t>第１－３４４６号</t>
  </si>
  <si>
    <t>尾崎418</t>
  </si>
  <si>
    <t>第１－３４４７号</t>
  </si>
  <si>
    <t>有限会社　正栄空調設備</t>
  </si>
  <si>
    <t>有限会社正栄空調設備</t>
  </si>
  <si>
    <t>048-998-5595</t>
  </si>
  <si>
    <t>第１－３４４８号</t>
  </si>
  <si>
    <t>有限会社　丸玉設備</t>
  </si>
  <si>
    <t>有限会社丸玉設備</t>
  </si>
  <si>
    <t>塩尻市</t>
  </si>
  <si>
    <t>大字柿沢698番地1</t>
  </si>
  <si>
    <t>0263-56-2220</t>
  </si>
  <si>
    <t>第１－３４４９号</t>
  </si>
  <si>
    <t>有限会社　ＤＡＩ設備</t>
  </si>
  <si>
    <t>有限会社ＤＡＩ設備</t>
  </si>
  <si>
    <t>宮久保三丁目41番15号</t>
  </si>
  <si>
    <t>第１－３４５０号</t>
  </si>
  <si>
    <t>田崎設備　株式会社</t>
  </si>
  <si>
    <t>田崎設備株式会社</t>
  </si>
  <si>
    <t>長田1丁目2-9</t>
  </si>
  <si>
    <t>0285-80-2040</t>
  </si>
  <si>
    <t>第１－３４５１号</t>
  </si>
  <si>
    <t>株式会社　レリオン</t>
  </si>
  <si>
    <t>株式会社レリオン</t>
  </si>
  <si>
    <t>西区北幸1-11-1　水信ビル7F</t>
  </si>
  <si>
    <t>045-550-4698</t>
  </si>
  <si>
    <t>第１－３４５２号</t>
  </si>
  <si>
    <t>株式会社　鹿島冷熱</t>
  </si>
  <si>
    <t>香川県</t>
  </si>
  <si>
    <t>第１－３４５４号</t>
  </si>
  <si>
    <t>株式会社　九十九商店</t>
  </si>
  <si>
    <t>株式会社九十九商店</t>
  </si>
  <si>
    <t>南葛西6-13-12　第3パークメゾン202</t>
  </si>
  <si>
    <t>03-3688-5288</t>
  </si>
  <si>
    <t>第１－３４５５号</t>
  </si>
  <si>
    <t>ホシザキ東京　株式会社</t>
  </si>
  <si>
    <t>ホシザキ東京株式会社</t>
  </si>
  <si>
    <t>03-6275-3201</t>
  </si>
  <si>
    <t>第１－３４５６号</t>
  </si>
  <si>
    <t>小原　淳也</t>
  </si>
  <si>
    <t>港南区日野中央3-25-20-402</t>
  </si>
  <si>
    <t>045-835-3693</t>
  </si>
  <si>
    <t>第１－３４５７号</t>
  </si>
  <si>
    <t>株式会社　Ｓシステム</t>
  </si>
  <si>
    <t>株式会社Ｓシステム</t>
  </si>
  <si>
    <t>018-853-4789</t>
  </si>
  <si>
    <t>第１－３４５９号</t>
  </si>
  <si>
    <t>株式会社　メトリ</t>
  </si>
  <si>
    <t>西置賜郡</t>
  </si>
  <si>
    <t>白鷹町大字荒砥乙327</t>
  </si>
  <si>
    <t>0238-85-5522</t>
  </si>
  <si>
    <t>第１－３４６０号</t>
  </si>
  <si>
    <t>オダ・エンジニアリング　有限会社</t>
  </si>
  <si>
    <t>オダ・エンジニアリング有限会社</t>
  </si>
  <si>
    <t>弥生町5-27-7　プレミール富士見202</t>
  </si>
  <si>
    <t>03-3229-1303</t>
  </si>
  <si>
    <t>第１－３４６１号</t>
  </si>
  <si>
    <t>有限会社　渋谷空調サービス</t>
  </si>
  <si>
    <t>有限会社渋谷空調サービス</t>
  </si>
  <si>
    <t>大字東三ツ木91番地の15　　　　　　　</t>
  </si>
  <si>
    <t>04-2942-8937</t>
  </si>
  <si>
    <t>第１－３４６２号</t>
  </si>
  <si>
    <t>株式会社　シー・ピー・テック</t>
  </si>
  <si>
    <t>緑区中山1-11-11</t>
  </si>
  <si>
    <t>045-938-0126</t>
  </si>
  <si>
    <t>第１－３４６３号</t>
  </si>
  <si>
    <t>大亜真空　株式会社</t>
  </si>
  <si>
    <t>大亜真空株式会社</t>
  </si>
  <si>
    <t>大和田新田495</t>
  </si>
  <si>
    <t>047-459-5311</t>
  </si>
  <si>
    <t>第１－３４６５号</t>
  </si>
  <si>
    <t>有限会社　シンコウ冷熱</t>
  </si>
  <si>
    <t>有限会社シンコウ冷熱</t>
  </si>
  <si>
    <t>鶴見区潮田町3-137-1</t>
  </si>
  <si>
    <t>045-502-7176</t>
  </si>
  <si>
    <t>第１－３４６８号</t>
  </si>
  <si>
    <t>株式会社　ユーワ電設</t>
  </si>
  <si>
    <t>株式会社ユーワ電設</t>
  </si>
  <si>
    <t>関原3-19-3</t>
  </si>
  <si>
    <t>03-3880-2067</t>
  </si>
  <si>
    <t>第１－３４７０号</t>
  </si>
  <si>
    <t>株式会社　エフリンク</t>
  </si>
  <si>
    <t>株式会社エフリンク</t>
  </si>
  <si>
    <t>保土ケ谷区峰沢町35</t>
  </si>
  <si>
    <t>045-340-0350</t>
  </si>
  <si>
    <t>第１－３４７１号</t>
  </si>
  <si>
    <t>株式会社　オオマキ</t>
  </si>
  <si>
    <t>株式会社オオマキ</t>
  </si>
  <si>
    <t>052-411-4058</t>
  </si>
  <si>
    <t>第１－３４７４号</t>
  </si>
  <si>
    <t>株式会社　シンミテクノ</t>
  </si>
  <si>
    <t>株式会社　ソルテクノ</t>
  </si>
  <si>
    <t>株式会社ソルテクノ</t>
  </si>
  <si>
    <t>多摩区西生田4-13-4-108</t>
  </si>
  <si>
    <t>第１－３４７６号</t>
  </si>
  <si>
    <t>株式会社　アイディ・ブレイン</t>
  </si>
  <si>
    <t>株式会社アイディ・ブレイン</t>
  </si>
  <si>
    <t>西区牛島町6番1号</t>
  </si>
  <si>
    <t>第１－３４７７号</t>
  </si>
  <si>
    <t>タカフジ空調　合同会社</t>
  </si>
  <si>
    <t>タカフジ空調合同会社</t>
  </si>
  <si>
    <t>宮原429番地の31</t>
  </si>
  <si>
    <t>第１－３４７９号</t>
  </si>
  <si>
    <t>株式会社　ＢＲＡＶＥ</t>
  </si>
  <si>
    <t>野津田町1737-2</t>
  </si>
  <si>
    <t>042-703-3003</t>
  </si>
  <si>
    <t>第１－３４８０号</t>
  </si>
  <si>
    <t>榎戸　和幸</t>
  </si>
  <si>
    <t>榎戸空調</t>
  </si>
  <si>
    <t>080-5421-8993</t>
  </si>
  <si>
    <t>第１－３４８２号</t>
  </si>
  <si>
    <t>株式会社　インサイド</t>
  </si>
  <si>
    <t>株式会社インサイド</t>
  </si>
  <si>
    <t>048-779-8430</t>
  </si>
  <si>
    <t>第１－３４８３号</t>
  </si>
  <si>
    <t>株式会社　三光サービス</t>
  </si>
  <si>
    <t>株式会社三光サービス</t>
  </si>
  <si>
    <t>栄町1439番地6</t>
  </si>
  <si>
    <t>048-984-0350</t>
  </si>
  <si>
    <t>第１－３４８４号</t>
  </si>
  <si>
    <t>有限会社　ＲＥＩＤＡＮ</t>
  </si>
  <si>
    <t>有限会社ＲＥＩＤＡＮ</t>
  </si>
  <si>
    <t>03-5969-8840</t>
  </si>
  <si>
    <t>瀬谷区瀬谷2-8-1-204</t>
  </si>
  <si>
    <t>090-8018-2552</t>
  </si>
  <si>
    <t>第１－３４８７号</t>
  </si>
  <si>
    <t>有限会社　新幸重設</t>
  </si>
  <si>
    <t>有限会社新幸重設</t>
  </si>
  <si>
    <t>桜川3-12-9</t>
  </si>
  <si>
    <t>03-5920-3724</t>
  </si>
  <si>
    <t>第１－３４９０号</t>
  </si>
  <si>
    <t>株式会社　佐吉</t>
  </si>
  <si>
    <t>株式会社佐吉</t>
  </si>
  <si>
    <t>第１－３４９１号</t>
  </si>
  <si>
    <t>ＦＤＫ　株式会社</t>
  </si>
  <si>
    <t>ＦＤＫ株式会社</t>
  </si>
  <si>
    <t>045-511-8033</t>
  </si>
  <si>
    <t>第１－３４９２号</t>
  </si>
  <si>
    <t>有限会社　エスコバランス</t>
  </si>
  <si>
    <t>有限会社エスコバランス</t>
  </si>
  <si>
    <t>北区櫛引町2-242-2 502</t>
  </si>
  <si>
    <t>048-661-5733</t>
  </si>
  <si>
    <t>第１－３４９３号</t>
  </si>
  <si>
    <t>株式会社　ライズ</t>
  </si>
  <si>
    <t>株式会社ライズ</t>
  </si>
  <si>
    <t>西伊興1-5-17</t>
  </si>
  <si>
    <t>03-3857-5560</t>
  </si>
  <si>
    <t>第１－３４９４号</t>
  </si>
  <si>
    <t>オーケーズパワー　株式会社</t>
  </si>
  <si>
    <t>オーケーズパワー株式会社</t>
  </si>
  <si>
    <t>青葉区鉄町10-2</t>
  </si>
  <si>
    <t>045-532-9927</t>
  </si>
  <si>
    <t>第１－３４９５号</t>
  </si>
  <si>
    <t>株式会社　ナイス</t>
  </si>
  <si>
    <t>株式会社ナイス　神奈川営業所</t>
  </si>
  <si>
    <t>中央林間6丁目13-31</t>
  </si>
  <si>
    <t>046-240-6881</t>
  </si>
  <si>
    <t>第１－３４９６号</t>
  </si>
  <si>
    <t>山本　廉三</t>
  </si>
  <si>
    <t>環境設備</t>
  </si>
  <si>
    <t>山崎町2042番地10</t>
  </si>
  <si>
    <t>042-791-7531</t>
  </si>
  <si>
    <t>第１－３４９７号</t>
  </si>
  <si>
    <t>株式会社　安本設備</t>
  </si>
  <si>
    <t>株式会社安本設備</t>
  </si>
  <si>
    <t>第１－３４９８号</t>
  </si>
  <si>
    <t>株式会社　井上電気冷熱</t>
  </si>
  <si>
    <t>株式会社井上電気冷熱</t>
  </si>
  <si>
    <t>048-934-5466</t>
  </si>
  <si>
    <t>第１－３４９９号</t>
  </si>
  <si>
    <t>株式会社　堀口冷機製作所</t>
  </si>
  <si>
    <t>株式会社堀口冷機製作所</t>
  </si>
  <si>
    <t>豊島4丁目4番16号</t>
  </si>
  <si>
    <t>03-3911-2093</t>
  </si>
  <si>
    <t>第１－３５００号</t>
  </si>
  <si>
    <t>株式会社　ＳＥＧ</t>
  </si>
  <si>
    <t>株式会社ＳＥＧ</t>
  </si>
  <si>
    <t>鶴田町1511-15</t>
  </si>
  <si>
    <t>028-612-3100</t>
  </si>
  <si>
    <t>第１－３５０１号</t>
  </si>
  <si>
    <t>有限会社　光立工業</t>
  </si>
  <si>
    <t>有限会社光立工業</t>
  </si>
  <si>
    <t>清水区山切26-5</t>
  </si>
  <si>
    <t>054-366-8152</t>
  </si>
  <si>
    <t>第１－３５０２号</t>
  </si>
  <si>
    <t>有限会社　グローバルエンジニアリング</t>
  </si>
  <si>
    <t>有限会社グローバルエンジニアリング</t>
  </si>
  <si>
    <t>金町4-10-19</t>
  </si>
  <si>
    <t>03-5648-2511</t>
  </si>
  <si>
    <t>第１－３５０３号</t>
  </si>
  <si>
    <t>株式会社　エス・ケー・エス</t>
  </si>
  <si>
    <t>株式会社エス・ケー・エス</t>
  </si>
  <si>
    <t>保土ケ谷区今井町524-7</t>
  </si>
  <si>
    <t>第１－３５０４号</t>
  </si>
  <si>
    <t>ハウスケット　株式会社</t>
  </si>
  <si>
    <t>ハウスケット株式会社</t>
  </si>
  <si>
    <t>丸山9-13</t>
  </si>
  <si>
    <t>049-214-5599</t>
  </si>
  <si>
    <t>第１－３５０５号</t>
  </si>
  <si>
    <t>第１－３５０６号</t>
  </si>
  <si>
    <t>有限会社　ナカヤマ工業</t>
  </si>
  <si>
    <t>有限会社ナカヤマ工業</t>
  </si>
  <si>
    <t>中原区宮内2-10-13</t>
  </si>
  <si>
    <t>044-777-2516</t>
  </si>
  <si>
    <t>第１－３５０７号</t>
  </si>
  <si>
    <t>ティール設備　株式会社</t>
  </si>
  <si>
    <t>ティール設備株式会社</t>
  </si>
  <si>
    <t>南成瀬3-10-8　コーポ城山101</t>
  </si>
  <si>
    <t>090-7713-2077</t>
  </si>
  <si>
    <t>第１－３５０８号</t>
  </si>
  <si>
    <t>小林　欣裕</t>
  </si>
  <si>
    <t>瀬谷区相沢5-68-2　レトア相沢3</t>
  </si>
  <si>
    <t>045-294-4959</t>
  </si>
  <si>
    <t>第１－３５０９号</t>
  </si>
  <si>
    <t>武松商事　株式会社</t>
  </si>
  <si>
    <t>武松商事株式会社　新磯子リサイクル工場</t>
  </si>
  <si>
    <t>磯子区新磯子町10-4</t>
  </si>
  <si>
    <t>045-750-1020</t>
  </si>
  <si>
    <t>第１－３５１０号</t>
  </si>
  <si>
    <t>有限会社　赤神設備工業</t>
  </si>
  <si>
    <t>有限会社赤神設備工業</t>
  </si>
  <si>
    <t>044-281-0580</t>
  </si>
  <si>
    <t>第１－３５１１号</t>
  </si>
  <si>
    <t>株式会社　星州産業</t>
  </si>
  <si>
    <t>株式会社星州産業</t>
  </si>
  <si>
    <t>歌舞伎町2-2-21　ライオンズマンション歌舞伎町505</t>
  </si>
  <si>
    <t>03-6404-9567</t>
  </si>
  <si>
    <t>第１－３５１２号</t>
  </si>
  <si>
    <t>株式会社　協和日成</t>
  </si>
  <si>
    <t>株式会社協和日成　ＧＨＰメンテ営業所</t>
  </si>
  <si>
    <t>042-848-6691</t>
  </si>
  <si>
    <t>第１－３５１３号</t>
  </si>
  <si>
    <t>株式会社　平野設備</t>
  </si>
  <si>
    <t>株式会社平野設備</t>
  </si>
  <si>
    <t>篠崎町4-24-18</t>
  </si>
  <si>
    <t>090-6954-4352</t>
  </si>
  <si>
    <t>第１－３５１４号</t>
  </si>
  <si>
    <t>株式会社　菜花空調</t>
  </si>
  <si>
    <t>株式会社菜花空調</t>
  </si>
  <si>
    <t>塩竈市</t>
  </si>
  <si>
    <t>千賀の台二丁目13番6号</t>
  </si>
  <si>
    <t>022-353-9244</t>
  </si>
  <si>
    <t>第１－３５１５号</t>
  </si>
  <si>
    <t>株式会社　Ｂａｍｂｏｏ</t>
  </si>
  <si>
    <t>株式会社Ｂａｍｂｏｏ</t>
  </si>
  <si>
    <t>上池台5丁目21番13号</t>
  </si>
  <si>
    <t>03-5754-5006</t>
  </si>
  <si>
    <t>第１－３５１６号</t>
  </si>
  <si>
    <t>東和空調　株式会社</t>
  </si>
  <si>
    <t>東和空調株式会社</t>
  </si>
  <si>
    <t>国領町1-23-14</t>
  </si>
  <si>
    <t>第１－３５１７号</t>
  </si>
  <si>
    <t>株式会社　中部特機設備</t>
  </si>
  <si>
    <t>株式会社中部特機設備</t>
  </si>
  <si>
    <t>054-348-6954</t>
  </si>
  <si>
    <t>第１－３５１８号</t>
  </si>
  <si>
    <t>関西エコウォ―ル工業　株式会社</t>
  </si>
  <si>
    <t>関西エコウォ―ル工業株式会社</t>
  </si>
  <si>
    <t>東成区大今里南6丁目19番16号</t>
  </si>
  <si>
    <t>06-6974-3510</t>
  </si>
  <si>
    <t>第１－３５１９号</t>
  </si>
  <si>
    <t>株式会社　太田治工</t>
  </si>
  <si>
    <t>株式会社太田治工</t>
  </si>
  <si>
    <t>邑楽郡</t>
  </si>
  <si>
    <t>邑楽町藤川208</t>
  </si>
  <si>
    <t>0276-88-7531</t>
  </si>
  <si>
    <t>第１－３５２０号</t>
  </si>
  <si>
    <t>有限会社　エアテクニカル</t>
  </si>
  <si>
    <t>有限会社エアテクニカル</t>
  </si>
  <si>
    <t>武蔵台1-10-21</t>
  </si>
  <si>
    <t>042-334-7145</t>
  </si>
  <si>
    <t>第１－３５２１号</t>
  </si>
  <si>
    <t>国精工業株式会社　多摩川工場</t>
  </si>
  <si>
    <t>多摩川2丁目29番20号</t>
  </si>
  <si>
    <t>03-3759-7231</t>
  </si>
  <si>
    <t>第１－３５２２号</t>
  </si>
  <si>
    <t>株式会社　新和電装</t>
  </si>
  <si>
    <t>株式会社新和電装</t>
  </si>
  <si>
    <t>草柳3丁目6-4</t>
  </si>
  <si>
    <t>046-262-8824</t>
  </si>
  <si>
    <t>第１－３５２３号</t>
  </si>
  <si>
    <t>片岡　由夫</t>
  </si>
  <si>
    <t>カタオカ電器</t>
  </si>
  <si>
    <t>深大寺北町2-33-1</t>
  </si>
  <si>
    <t>090-3225-0185</t>
  </si>
  <si>
    <t>第１－３５２５号</t>
  </si>
  <si>
    <t>株式会社　モリ・エンジニアリング</t>
  </si>
  <si>
    <t>株式会社モリ・エンジニアリング</t>
  </si>
  <si>
    <t>北烏山5丁目21番6号</t>
  </si>
  <si>
    <t>0422-49-9063</t>
  </si>
  <si>
    <t>第１－３５２６号</t>
  </si>
  <si>
    <t>有限会社　アスカエアコン</t>
  </si>
  <si>
    <t>有限会社アスカエアコン</t>
  </si>
  <si>
    <t>南小岩二丁目12番13号</t>
  </si>
  <si>
    <t>03-3658-7987</t>
  </si>
  <si>
    <t>第１－３５２７号</t>
  </si>
  <si>
    <t>橋詰　政宗</t>
  </si>
  <si>
    <t>光設備</t>
  </si>
  <si>
    <t>緑区芝原3-26-9</t>
  </si>
  <si>
    <t>第１－３５２８号</t>
  </si>
  <si>
    <t>株式会社　ＩＫＥ工業</t>
  </si>
  <si>
    <t>株式会社ＩＫＥ工業</t>
  </si>
  <si>
    <t>栄区小菅ケ谷2-33-3</t>
  </si>
  <si>
    <t>045-410-7823</t>
  </si>
  <si>
    <t>第１－３５２９号</t>
  </si>
  <si>
    <t>有限会社　スーパーヒート</t>
  </si>
  <si>
    <t>有限会社スーパーヒート</t>
  </si>
  <si>
    <t>高津区新作6-7-1　リ・ラフォーレ武蔵新城101号</t>
  </si>
  <si>
    <t>044-862-0881</t>
  </si>
  <si>
    <t>第１－３５３０号</t>
  </si>
  <si>
    <t>サンデン・リテールシステム　株式会社</t>
  </si>
  <si>
    <t>サンデン・リテールシステム株式会社　首都圏物流センター</t>
  </si>
  <si>
    <t>柿木町1200-1</t>
  </si>
  <si>
    <t>048-948-7015</t>
  </si>
  <si>
    <t>第１－３５３１号</t>
  </si>
  <si>
    <t>株式会社　テクノ空調企画</t>
  </si>
  <si>
    <t>株式会社テクノ空調企画</t>
  </si>
  <si>
    <t>一番町4-6-3</t>
  </si>
  <si>
    <t>042-520-1251</t>
  </si>
  <si>
    <t>第１－３５３２号</t>
  </si>
  <si>
    <t>小沼　康平</t>
  </si>
  <si>
    <t>小沼空調設備</t>
  </si>
  <si>
    <t>西新井4-33-15　山崎マンション301</t>
  </si>
  <si>
    <t>03-6803-1568</t>
  </si>
  <si>
    <t>第１－３５３３号</t>
  </si>
  <si>
    <t>株式会社　星冷機</t>
  </si>
  <si>
    <t>株式会社星冷機</t>
  </si>
  <si>
    <t>旭区川井本町10</t>
  </si>
  <si>
    <t>045-953-6678</t>
  </si>
  <si>
    <t>第１－３５３４号</t>
  </si>
  <si>
    <t>株式会社　Ｔｅｃｈｎｏ　Ｌｉｆｅ</t>
  </si>
  <si>
    <t>株式会社Ｔｅｃｈｎｏ　Ｌｉｆｅ</t>
  </si>
  <si>
    <t>東習志野3-5-25</t>
  </si>
  <si>
    <t>047-419-5381</t>
  </si>
  <si>
    <t>第１－３５３５号</t>
  </si>
  <si>
    <t>有限会社　湘南冷熱</t>
  </si>
  <si>
    <t>有限会社湘南冷熱</t>
  </si>
  <si>
    <t>戸塚区矢部町577-2</t>
  </si>
  <si>
    <t>第１－３５３６号</t>
  </si>
  <si>
    <t>有限会社　ヤマモトサービス</t>
  </si>
  <si>
    <t>有限会社ヤマモトサービス</t>
  </si>
  <si>
    <t>上泉町3449-1</t>
  </si>
  <si>
    <t>027-269-4131</t>
  </si>
  <si>
    <t>第１－３５３７号</t>
  </si>
  <si>
    <t>池田　明人</t>
  </si>
  <si>
    <t>イケダ</t>
  </si>
  <si>
    <t>鷺宮6-5-4</t>
  </si>
  <si>
    <t>03-6318-4777</t>
  </si>
  <si>
    <t>第１－３５３９号</t>
  </si>
  <si>
    <t>株式会社　アールアンドジー</t>
  </si>
  <si>
    <t>株式会社アールアンドジー</t>
  </si>
  <si>
    <t>皿沼2-13-13</t>
  </si>
  <si>
    <t>03-5647-9504</t>
  </si>
  <si>
    <t>第１－３５４０号</t>
  </si>
  <si>
    <t>株式会社　ダブリュー・ツー</t>
  </si>
  <si>
    <t>株式会社ダブリュー・ツー</t>
  </si>
  <si>
    <t>日の出町平井24-1</t>
  </si>
  <si>
    <t>042-588-0750</t>
  </si>
  <si>
    <t>第１－３５４１号</t>
  </si>
  <si>
    <t>井上　晃一</t>
  </si>
  <si>
    <t>ＹＤＫ</t>
  </si>
  <si>
    <t>都筑区荏田東4-38-13</t>
  </si>
  <si>
    <t>第１－３５４２号</t>
  </si>
  <si>
    <t>新空調サービス　株式会社</t>
  </si>
  <si>
    <t>新空調サービス株式会社</t>
  </si>
  <si>
    <t>大島5丁目34番3-1203号</t>
  </si>
  <si>
    <t>080-3442-6801</t>
  </si>
  <si>
    <t>第１－３５４３号</t>
  </si>
  <si>
    <t>奥原　大介</t>
  </si>
  <si>
    <t>Ｄ’ｓ（ディーエス）</t>
  </si>
  <si>
    <t>連光寺1-2-1-107</t>
  </si>
  <si>
    <t>042-338-8378</t>
  </si>
  <si>
    <t>第１－３５４４号</t>
  </si>
  <si>
    <t>合同会社　ロッキー</t>
  </si>
  <si>
    <t>合同会社ロッキー</t>
  </si>
  <si>
    <t>多摩区枡形1-1-1</t>
  </si>
  <si>
    <t>044-922-9965</t>
  </si>
  <si>
    <t>第１－３５４５号</t>
  </si>
  <si>
    <t>大研工事　株式会社</t>
  </si>
  <si>
    <t>大研工事株式会社</t>
  </si>
  <si>
    <t>上戸田一丁目16番6号</t>
  </si>
  <si>
    <t>048-441-3437</t>
  </si>
  <si>
    <t>第１－３５４６号</t>
  </si>
  <si>
    <t>和光冷熱工業　株式会社</t>
  </si>
  <si>
    <t>和光冷熱工業株式会社</t>
  </si>
  <si>
    <t>中山1-16-15</t>
  </si>
  <si>
    <t>047-333-6307</t>
  </si>
  <si>
    <t>第１－３５４７号</t>
  </si>
  <si>
    <t>小野　元</t>
  </si>
  <si>
    <t>緑区長津田町3016番地1　南長津田団地1415号室</t>
  </si>
  <si>
    <t>080-9346-6655</t>
  </si>
  <si>
    <t>第１－３５４８号</t>
  </si>
  <si>
    <t>株式会社　大木無線電気</t>
  </si>
  <si>
    <t>株式会社大木無線電気</t>
  </si>
  <si>
    <t>芝山4-18-1</t>
  </si>
  <si>
    <t>047-465-4186</t>
  </si>
  <si>
    <t>第１－３５４９号</t>
  </si>
  <si>
    <t>株式会社　川令</t>
  </si>
  <si>
    <t>株式会社川令</t>
  </si>
  <si>
    <t>飯塚4-7-16</t>
  </si>
  <si>
    <t>048-452-4323</t>
  </si>
  <si>
    <t>第１－３５５０号</t>
  </si>
  <si>
    <t>株式会社　フレア設備</t>
  </si>
  <si>
    <t>株式会社フレア設備</t>
  </si>
  <si>
    <t>二和東5-19-20</t>
  </si>
  <si>
    <t>047-449-3399</t>
  </si>
  <si>
    <t>第１－３５５１号</t>
  </si>
  <si>
    <t>翔栄　株式会社</t>
  </si>
  <si>
    <t>翔栄株式会社</t>
  </si>
  <si>
    <t>金田町3丁目38番14号</t>
  </si>
  <si>
    <t>06-4252-0011</t>
  </si>
  <si>
    <t>第１－３５５２号</t>
  </si>
  <si>
    <t>株式会社　櫻内空調設備</t>
  </si>
  <si>
    <t>株式会社櫻内空調設備</t>
  </si>
  <si>
    <t>岩槻区原町2番6号</t>
  </si>
  <si>
    <t>048-715-0303</t>
  </si>
  <si>
    <t>第１－３５５３号</t>
  </si>
  <si>
    <t>裕伸工業　株式会社</t>
  </si>
  <si>
    <t>裕伸工業株式会社</t>
  </si>
  <si>
    <t>栄区長沼町289-1-Ⅲ-102号</t>
  </si>
  <si>
    <t>045-438-9125</t>
  </si>
  <si>
    <t>第１－３５５４号</t>
  </si>
  <si>
    <t>株式会社　デンソーサービス西埼玉</t>
  </si>
  <si>
    <t>株式会社デンソーサービス西埼玉</t>
  </si>
  <si>
    <t>東新井町295-2</t>
  </si>
  <si>
    <t>04-2992-0275</t>
  </si>
  <si>
    <t>第１－３５５５号</t>
  </si>
  <si>
    <t>株式会社　大樹設備</t>
  </si>
  <si>
    <t>株式会社大樹設備</t>
  </si>
  <si>
    <t>桜区道場3-11-4</t>
  </si>
  <si>
    <t>048-762-8559</t>
  </si>
  <si>
    <t>第１－３５５６号</t>
  </si>
  <si>
    <t>フクダエレクトリックシステムアーツ　有限会社　</t>
  </si>
  <si>
    <t>フクダデンキ（六角橋店）</t>
  </si>
  <si>
    <t>神奈川区西神奈川3-7-1　池田ビル1階</t>
  </si>
  <si>
    <t>045-491-4108</t>
  </si>
  <si>
    <t>第１－３５５７号</t>
  </si>
  <si>
    <t>冨士冷機　株式会社</t>
  </si>
  <si>
    <t>冨士冷機株式会社</t>
  </si>
  <si>
    <t>大泉学園町4-1-24</t>
  </si>
  <si>
    <t>03-3921-2490</t>
  </si>
  <si>
    <t>第１－３５５８号</t>
  </si>
  <si>
    <t>赤福金属　株式会社</t>
  </si>
  <si>
    <t>赤福金属株式会社</t>
  </si>
  <si>
    <t>若葉区源町585番地1</t>
  </si>
  <si>
    <t>043-441-6300</t>
  </si>
  <si>
    <t>第１－３５５９号</t>
  </si>
  <si>
    <t>株式会社　ＬＷ</t>
  </si>
  <si>
    <t>株式会社ＬＷ</t>
  </si>
  <si>
    <t>港北区新横浜3-19-11　加瀬ビル88-4F</t>
  </si>
  <si>
    <t>045-900-9208</t>
  </si>
  <si>
    <t>第１－３５６０号</t>
  </si>
  <si>
    <t>袖山　正樹</t>
  </si>
  <si>
    <t>多摩エアコン</t>
  </si>
  <si>
    <t>白糸台3-16-1-207</t>
  </si>
  <si>
    <t>042-335-2037</t>
  </si>
  <si>
    <t>第１－３５６１号</t>
  </si>
  <si>
    <t>株式会社　オチカイ・テクノス</t>
  </si>
  <si>
    <t>株式会社オチカイ・テクノス</t>
  </si>
  <si>
    <t>都賀町平川821番地1</t>
  </si>
  <si>
    <t>0282-27-6027</t>
  </si>
  <si>
    <t>第１－３５６２号</t>
  </si>
  <si>
    <t>森田　明彦</t>
  </si>
  <si>
    <t>モリタ空調</t>
  </si>
  <si>
    <t>東金町2-26-16</t>
  </si>
  <si>
    <t>03-5699-2265</t>
  </si>
  <si>
    <t>第１－３５６３号</t>
  </si>
  <si>
    <t>株式会社　ＳＯＬ</t>
  </si>
  <si>
    <t>株式会社ＳＯＬ</t>
  </si>
  <si>
    <t>草深2169-15</t>
  </si>
  <si>
    <t>0476-37-5977</t>
  </si>
  <si>
    <t>第１－３５６４号</t>
  </si>
  <si>
    <t>株式会社　小林冷機</t>
  </si>
  <si>
    <t>株式会社小林冷機</t>
  </si>
  <si>
    <t>南雪谷3-1-3</t>
  </si>
  <si>
    <t>03-3727-3431</t>
  </si>
  <si>
    <t>第１－３５６５号</t>
  </si>
  <si>
    <t>日本エア・コン・サービス　株式会社</t>
  </si>
  <si>
    <t>日本エア・コン・サービス株式会社</t>
  </si>
  <si>
    <t>方南1-15-10</t>
  </si>
  <si>
    <t>03-3327-1381</t>
  </si>
  <si>
    <t>第１－３５６６号</t>
  </si>
  <si>
    <t>有限会社　弥生電装</t>
  </si>
  <si>
    <t>有限会社弥生電装</t>
  </si>
  <si>
    <t>保土ケ谷区釜台町4-25</t>
  </si>
  <si>
    <t>045-333-3026</t>
  </si>
  <si>
    <t>第１－３５６７号</t>
  </si>
  <si>
    <t>広栄テクノ　株式会社</t>
  </si>
  <si>
    <t>広栄テクノ株式会社</t>
  </si>
  <si>
    <t>天川大島町1316-38</t>
  </si>
  <si>
    <t>027-212-9707</t>
  </si>
  <si>
    <t>第１－３５６９号</t>
  </si>
  <si>
    <t>東京ダイヤエアコン　株式会社</t>
  </si>
  <si>
    <t>東京ダイヤエアコン株式会社</t>
  </si>
  <si>
    <t>新宿6-24-16　新宿6丁目ビル2F</t>
  </si>
  <si>
    <t>03-6233-5110</t>
  </si>
  <si>
    <t>第１－３５７０号</t>
  </si>
  <si>
    <t>株式会社　丁塚空調</t>
  </si>
  <si>
    <t>株式会社丁塚空調</t>
  </si>
  <si>
    <t>花畑4-10-5</t>
  </si>
  <si>
    <t>03-3850-5181</t>
  </si>
  <si>
    <t>第１－３５７１号</t>
  </si>
  <si>
    <t>八洋エンジニアリング　株式会社</t>
  </si>
  <si>
    <t>八洋エンジニアリング株式会社</t>
  </si>
  <si>
    <t>中港1-4-22</t>
  </si>
  <si>
    <t>054-627-7957</t>
  </si>
  <si>
    <t>第１－３５７２号</t>
  </si>
  <si>
    <t>三王機工　株式会社</t>
  </si>
  <si>
    <t>三王機工株式会社　東京営業所</t>
  </si>
  <si>
    <t>神田佐久間町1丁目14番地　第2東ビル4F</t>
  </si>
  <si>
    <t>03-3256-2506</t>
  </si>
  <si>
    <t>三王機工株式会社　大阪営業所</t>
  </si>
  <si>
    <t>中央区釣鐘町1丁目4番6号　ベルトーンビル2階</t>
  </si>
  <si>
    <t>06-6910-8421</t>
  </si>
  <si>
    <t>第１－３５７３号</t>
  </si>
  <si>
    <t>有限会社　中部空調</t>
  </si>
  <si>
    <t>有限会社中部空調</t>
  </si>
  <si>
    <t>中央市</t>
  </si>
  <si>
    <t>臼井阿原1709-47</t>
  </si>
  <si>
    <t>055-240-3056</t>
  </si>
  <si>
    <t>第１－３５７５号</t>
  </si>
  <si>
    <t>諸德寺　太</t>
  </si>
  <si>
    <t>諸徳寺冷機</t>
  </si>
  <si>
    <t>南町4-43-123</t>
  </si>
  <si>
    <t>042-364-6255</t>
  </si>
  <si>
    <t>第１－３５７６号</t>
  </si>
  <si>
    <t>清藤　博智</t>
  </si>
  <si>
    <t>ミリオン　デンキ</t>
  </si>
  <si>
    <t>新宿7-25-3　宮木ビル5F</t>
  </si>
  <si>
    <t>03-3204-8255</t>
  </si>
  <si>
    <t>第１－３５７７号</t>
  </si>
  <si>
    <t>株式会社　Ｆｒｅｓｃｏ</t>
  </si>
  <si>
    <t>株式会社Ｆｒｅｓｃｏ</t>
  </si>
  <si>
    <t>高井戸東1-26-12</t>
  </si>
  <si>
    <t>03-3329-0425</t>
  </si>
  <si>
    <t>第１－３５７８号</t>
  </si>
  <si>
    <t>株式会社　北條電気設備</t>
  </si>
  <si>
    <t>株式会社北條電気設備</t>
  </si>
  <si>
    <t>宮前区神木本町2-21-1</t>
  </si>
  <si>
    <t>044-948-4587</t>
  </si>
  <si>
    <t>第１－３５７９号</t>
  </si>
  <si>
    <t>株式会社　エアライズ</t>
  </si>
  <si>
    <t>株式会社エアライズ</t>
  </si>
  <si>
    <t>西習志野一丁目21番8号</t>
  </si>
  <si>
    <t>047-404-3991</t>
  </si>
  <si>
    <t>第１－３５８０号</t>
  </si>
  <si>
    <t>株式会社　エスクラス空調</t>
  </si>
  <si>
    <t>株式会社エスクラス空調</t>
  </si>
  <si>
    <t>根岸台3-5-3-53</t>
  </si>
  <si>
    <t>048-211-7177</t>
  </si>
  <si>
    <t>第１－３５８１号</t>
  </si>
  <si>
    <t>株式会社　メンテナンスファクトリー横浜</t>
  </si>
  <si>
    <t>株式会社メンテナンスファクトリー横浜</t>
  </si>
  <si>
    <t>港北区新吉田東3-8-1</t>
  </si>
  <si>
    <t>045-533-5003</t>
  </si>
  <si>
    <t>第１－３５８２号</t>
  </si>
  <si>
    <t>株式会社　ＡＩＲＦＲＥＥＤ</t>
  </si>
  <si>
    <t>株式会社ＡＩＲＦＲＥＥＤ</t>
  </si>
  <si>
    <t>宮前区平6-7-10</t>
  </si>
  <si>
    <t>044-863-6291</t>
  </si>
  <si>
    <t>第１－３５８３号</t>
  </si>
  <si>
    <t>株式会社　ＴＳエンジニアリング</t>
  </si>
  <si>
    <t>株式会社ＴＳエンジニアリング</t>
  </si>
  <si>
    <t>大字南畑新田182番地12</t>
  </si>
  <si>
    <t>049-265-8538</t>
  </si>
  <si>
    <t>第１－３５８４号</t>
  </si>
  <si>
    <t>株式会社　アイテクノス</t>
  </si>
  <si>
    <t>株式会社アイテクノス</t>
  </si>
  <si>
    <t>千住曙町13-6</t>
  </si>
  <si>
    <t>03-5284-8107</t>
  </si>
  <si>
    <t>第１－３５８５号</t>
  </si>
  <si>
    <t>セイコー厨房　株式会社</t>
  </si>
  <si>
    <t>セイコー厨房株式会社</t>
  </si>
  <si>
    <t>和泉町4-9</t>
  </si>
  <si>
    <t>0493-81-5967</t>
  </si>
  <si>
    <t>第１－３５８６号</t>
  </si>
  <si>
    <t>エアーカスタム　株式会社</t>
  </si>
  <si>
    <t>エアーカスタム株式会社</t>
  </si>
  <si>
    <t>花見川区千種町72-6</t>
  </si>
  <si>
    <t>043-216-5030</t>
  </si>
  <si>
    <t>第１－３５８７号</t>
  </si>
  <si>
    <t>協立工業　株式会社</t>
  </si>
  <si>
    <t>協立工業株式会社</t>
  </si>
  <si>
    <t>内神田二丁目11番6号</t>
  </si>
  <si>
    <t>03-3256-9131</t>
  </si>
  <si>
    <t>第１－３５８８号</t>
  </si>
  <si>
    <t>株式会社　大洋電気工事</t>
  </si>
  <si>
    <t>株式会社大洋電気工事</t>
  </si>
  <si>
    <t>東雪谷5-39-12</t>
  </si>
  <si>
    <t>03-3728-8624</t>
  </si>
  <si>
    <t>第１－３５８９号</t>
  </si>
  <si>
    <t>ナベ建設　有限会社</t>
  </si>
  <si>
    <t>ナベ建設有限会社</t>
  </si>
  <si>
    <t>今戸1-17-17</t>
  </si>
  <si>
    <t>03-5603-6679</t>
  </si>
  <si>
    <t>第１－３５９０号</t>
  </si>
  <si>
    <t>三協冷熱　株式会社</t>
  </si>
  <si>
    <t>三協冷熱株式会社</t>
  </si>
  <si>
    <t>堀ノ内3-7-25</t>
  </si>
  <si>
    <t>048-423-5800</t>
  </si>
  <si>
    <t>第１－３５９１号</t>
  </si>
  <si>
    <t>株式会社　ＨＫシステム</t>
  </si>
  <si>
    <t>株式会社ＨＫシステム</t>
  </si>
  <si>
    <t>上川町2965-6</t>
  </si>
  <si>
    <t>042-657-7169</t>
  </si>
  <si>
    <t>第１－３５９２号</t>
  </si>
  <si>
    <t>有限会社　宇佐見冷機</t>
  </si>
  <si>
    <t>有限会社宇佐見冷機</t>
  </si>
  <si>
    <t>松前台五丁目11番地6</t>
  </si>
  <si>
    <t>0297-48-6798</t>
  </si>
  <si>
    <t>第１－３５９３号</t>
  </si>
  <si>
    <t>シィー・シィー・ビィー　株式会社</t>
  </si>
  <si>
    <t>シィー・シィー・ビィー株式会社</t>
  </si>
  <si>
    <t>多摩区宿河原7-10-6</t>
  </si>
  <si>
    <t>044-281-7811</t>
  </si>
  <si>
    <t>第１－３５９４号</t>
  </si>
  <si>
    <t>株式会社　Ｆｒｏｍ　Ａｉｒ　Ｌｉｆｅ</t>
  </si>
  <si>
    <t>株式会社Ｆｒｏｍ　Ａｉｒ　Ｌｉｆｅ</t>
  </si>
  <si>
    <t>平尾4-11-16</t>
  </si>
  <si>
    <t>042-307-3321</t>
  </si>
  <si>
    <t>第１－３５９５号</t>
  </si>
  <si>
    <t>株式会社　グッドスキル</t>
  </si>
  <si>
    <t>株式会社グッドスキル</t>
  </si>
  <si>
    <t>大和田町5-33-15</t>
  </si>
  <si>
    <t>042-645-4204</t>
  </si>
  <si>
    <t>第１－３５９６号</t>
  </si>
  <si>
    <t>リュウシンエアー　株式会社</t>
  </si>
  <si>
    <t>リュウシンエアー株式会社</t>
  </si>
  <si>
    <t>福生市</t>
  </si>
  <si>
    <t>志茂202-8</t>
  </si>
  <si>
    <t>042-553-3450</t>
  </si>
  <si>
    <t>第１－３５９７号</t>
  </si>
  <si>
    <t>三和機材　株式会社</t>
  </si>
  <si>
    <t>三和機材株式会社　設備事業部</t>
  </si>
  <si>
    <t>港南4-2-32</t>
  </si>
  <si>
    <t>03-3474-3383</t>
  </si>
  <si>
    <t>第１－３５９８号</t>
  </si>
  <si>
    <t>株式会社　光ライテック</t>
  </si>
  <si>
    <t>株式会社光ライテック</t>
  </si>
  <si>
    <t>徳丸六丁目10番14号</t>
  </si>
  <si>
    <t>03-6913-0275</t>
  </si>
  <si>
    <t>第１－３５９９号</t>
  </si>
  <si>
    <t>有限会社　パナピットカタオカ</t>
  </si>
  <si>
    <t>有限会社パナピットカタオカ</t>
  </si>
  <si>
    <t>横川町615-17</t>
  </si>
  <si>
    <t>0426-22-6423</t>
  </si>
  <si>
    <t>第１－３６００号</t>
  </si>
  <si>
    <t>三浦　将一</t>
  </si>
  <si>
    <t>アイズシステム　三浦将一</t>
  </si>
  <si>
    <t>多摩区南生田4-11-1　米山ビル2-C</t>
  </si>
  <si>
    <t>044-976-7363</t>
  </si>
  <si>
    <t>第１－３６０１号</t>
  </si>
  <si>
    <t>合同会社　ひかりテクノ</t>
  </si>
  <si>
    <t>合同会社ひかりテクノ</t>
  </si>
  <si>
    <t>四谷2丁目6番地8号</t>
  </si>
  <si>
    <t>042-306-5239</t>
  </si>
  <si>
    <t>第１－３６０２号</t>
  </si>
  <si>
    <t>株式会社　アイビーシステム</t>
  </si>
  <si>
    <t>株式会社アイビーシステム</t>
  </si>
  <si>
    <t>本所2-1-9</t>
  </si>
  <si>
    <t>03-5608-6055</t>
  </si>
  <si>
    <t>第１－３６０３号</t>
  </si>
  <si>
    <t>株式会社　渡部空調</t>
  </si>
  <si>
    <t>株式会社渡部空調</t>
  </si>
  <si>
    <t>東水元5-44-19　レクセルガーデン水元公園420</t>
  </si>
  <si>
    <t>03-3627-7485</t>
  </si>
  <si>
    <t>第１－３６０４号</t>
  </si>
  <si>
    <t>株式会社　ＡＮＴＥＣ</t>
  </si>
  <si>
    <t>株式会社ＡＮＴＥＣ</t>
  </si>
  <si>
    <t>中原区下小田中1-6-28　シーマックスビル102</t>
  </si>
  <si>
    <t>044-223-7041</t>
  </si>
  <si>
    <t>第１－３６０５号</t>
  </si>
  <si>
    <t>株式会社　ＴＯＭＯエンジニアリング</t>
  </si>
  <si>
    <t>株式会社ＴＯＭＯエンジニアリング</t>
  </si>
  <si>
    <t>三ツ堀97番地2</t>
  </si>
  <si>
    <t>04-7138-0197</t>
  </si>
  <si>
    <t>第１－３６０６号</t>
  </si>
  <si>
    <t>有限会社　光栄解体工業</t>
  </si>
  <si>
    <t>有限会社光栄解体工業</t>
  </si>
  <si>
    <t>板橋四丁目6番1-705号</t>
  </si>
  <si>
    <t>03-6784-2111</t>
  </si>
  <si>
    <t>第１－３６０７号</t>
  </si>
  <si>
    <t>有限会社　奥山電設</t>
  </si>
  <si>
    <t>有限会社奥山電設</t>
  </si>
  <si>
    <t>安行北谷627-8</t>
  </si>
  <si>
    <t>048-295-6481</t>
  </si>
  <si>
    <t>第１－３６０９号</t>
  </si>
  <si>
    <t>株式会社　ＪＡＰＡＮ　ＡＩＲ－Ｃ</t>
  </si>
  <si>
    <t>株式会社ＪＡＰＡＮ　ＡＩＲ－Ｃ</t>
  </si>
  <si>
    <t>大淵2449-87</t>
  </si>
  <si>
    <t>090-6358-9813</t>
  </si>
  <si>
    <t>第１－３６１０号</t>
  </si>
  <si>
    <t>岸　知周</t>
  </si>
  <si>
    <t>金沢区能見台4-4-20-406</t>
  </si>
  <si>
    <t>090-1662-1774</t>
  </si>
  <si>
    <t>第１－３６１１号</t>
  </si>
  <si>
    <t>株式会社　東京冷暖房サービスセンター</t>
  </si>
  <si>
    <t>株式会社東京冷暖房サービスセンター</t>
  </si>
  <si>
    <t>西尾久1丁目23-16</t>
  </si>
  <si>
    <t>03-3893-1288</t>
  </si>
  <si>
    <t>第１－３６１２号</t>
  </si>
  <si>
    <t>株式会社　横浜テクノサポート</t>
  </si>
  <si>
    <t>株式会社横浜テクノサポート</t>
  </si>
  <si>
    <t>都筑区大熊町101</t>
  </si>
  <si>
    <t>045-472-2415</t>
  </si>
  <si>
    <t>第１－３６１３号</t>
  </si>
  <si>
    <t>有限会社　双葉工業所</t>
  </si>
  <si>
    <t>有限会社双葉工業所</t>
  </si>
  <si>
    <t>旭市</t>
  </si>
  <si>
    <t>平松1526－1</t>
  </si>
  <si>
    <t>0479-57-2671</t>
  </si>
  <si>
    <t>第１－３６１４号</t>
  </si>
  <si>
    <t>西大泉5丁目8番12号</t>
  </si>
  <si>
    <t>03-3924-1117</t>
  </si>
  <si>
    <t>第１－３６１５号</t>
  </si>
  <si>
    <t>山元　裕介</t>
  </si>
  <si>
    <t>ワイ・テック・エアー</t>
  </si>
  <si>
    <t>宮島1068-7</t>
  </si>
  <si>
    <t>0545-50-1593</t>
  </si>
  <si>
    <t>第１－３６１６号</t>
  </si>
  <si>
    <t>株式会社　佐谷空調設備</t>
  </si>
  <si>
    <t>株式会社佐谷空調設備</t>
  </si>
  <si>
    <t>花畑四丁目35番14号砂山ビル101</t>
  </si>
  <si>
    <t>03-5809-6027</t>
  </si>
  <si>
    <t>第１－３６１７号</t>
  </si>
  <si>
    <t>株式会社　ワタナベ冷機</t>
  </si>
  <si>
    <t>株式会社ワタナベ冷機</t>
  </si>
  <si>
    <t>山崎2380-47</t>
  </si>
  <si>
    <t>080-9531-0992</t>
  </si>
  <si>
    <t>第１－３６１８号</t>
  </si>
  <si>
    <t>日本飛行機　株式会社</t>
  </si>
  <si>
    <t>日本飛行機株式会社　厚木工場</t>
  </si>
  <si>
    <t>草柳2丁目28番地</t>
  </si>
  <si>
    <t>046-265-2012</t>
  </si>
  <si>
    <t>第１－３６２０号</t>
  </si>
  <si>
    <t>株式会社　Ａｓｓｉｓｔ</t>
  </si>
  <si>
    <t>株式会社Ａｓｓｉｓｔ　東京支店</t>
  </si>
  <si>
    <t>羽田五丁目13番15号</t>
  </si>
  <si>
    <t>03-5735-1075</t>
  </si>
  <si>
    <t>第１－３６２１号</t>
  </si>
  <si>
    <t>コペルシステム　株式会社</t>
  </si>
  <si>
    <t>コペルシステム株式会社</t>
  </si>
  <si>
    <t>西立野928-1</t>
  </si>
  <si>
    <t>048-298-4585</t>
  </si>
  <si>
    <t>第１－３６２２号</t>
  </si>
  <si>
    <t>有限会社　横浜冷熱</t>
  </si>
  <si>
    <t>有限会社横浜冷熱</t>
  </si>
  <si>
    <t>都筑区東山田4-18-12</t>
  </si>
  <si>
    <t>045-591-4768</t>
  </si>
  <si>
    <t>第１－３６２３号</t>
  </si>
  <si>
    <t>有限会社　サンテック</t>
  </si>
  <si>
    <t>有限会社サンテック</t>
  </si>
  <si>
    <t>緑区東本郷3-16-3</t>
  </si>
  <si>
    <t>045-473-8806</t>
  </si>
  <si>
    <t>第１－３６２４号</t>
  </si>
  <si>
    <t>株式会社　相輝</t>
  </si>
  <si>
    <t>株式会社相輝</t>
  </si>
  <si>
    <t>山武郡</t>
  </si>
  <si>
    <t>九十九里町作田670-2</t>
  </si>
  <si>
    <t>0475-76-0590</t>
  </si>
  <si>
    <t>第１－３６２５号</t>
  </si>
  <si>
    <t>有限会社　ケーテック</t>
  </si>
  <si>
    <t>有限会社ケーテック</t>
  </si>
  <si>
    <t>膝折町2-13-24</t>
  </si>
  <si>
    <t>048-469-1002</t>
  </si>
  <si>
    <t>第１－３６２６号</t>
  </si>
  <si>
    <t>真清創設　株式会社</t>
  </si>
  <si>
    <t>真清創設株式会社</t>
  </si>
  <si>
    <t>東金町4-27-15</t>
  </si>
  <si>
    <t>03-5876-9582</t>
  </si>
  <si>
    <t>第１－３６２７号</t>
  </si>
  <si>
    <t>株式会社　伸栄工業</t>
  </si>
  <si>
    <t>株式会社伸栄工業</t>
  </si>
  <si>
    <t>清水区殿沢2丁目1番5号</t>
  </si>
  <si>
    <t>054-336-1831</t>
  </si>
  <si>
    <t>第１－３６２８号</t>
  </si>
  <si>
    <t>株式会社　ノア</t>
  </si>
  <si>
    <t>株式会社ノア</t>
  </si>
  <si>
    <t>西台4-9-7　ノア本社ビル</t>
  </si>
  <si>
    <t>03-6801-7135</t>
  </si>
  <si>
    <t>第１－３６２９号</t>
  </si>
  <si>
    <t>葛籠貫　博</t>
  </si>
  <si>
    <t>ディライト空調システム</t>
  </si>
  <si>
    <t>旭区白根3-29-12</t>
  </si>
  <si>
    <t>045-951-3494</t>
  </si>
  <si>
    <t>第１－３６３０号</t>
  </si>
  <si>
    <t>有限会社　伊波冷熱工業</t>
  </si>
  <si>
    <t>有限会社伊波冷熱工業</t>
  </si>
  <si>
    <t>仲六郷1-28-7</t>
  </si>
  <si>
    <t>03-3737-0418</t>
  </si>
  <si>
    <t>第１－３６３１号</t>
  </si>
  <si>
    <t>シナネンファシリティーズ　株式会社</t>
  </si>
  <si>
    <t>シナネンファシリティーズ株式会社</t>
  </si>
  <si>
    <t>鴨川2-3-16</t>
  </si>
  <si>
    <t>048-789-1551</t>
  </si>
  <si>
    <t>第１－３６３３号</t>
  </si>
  <si>
    <t>株式会社トラスト　所沢営業所</t>
  </si>
  <si>
    <t>小手指町一丁目10番地の23</t>
  </si>
  <si>
    <t>04-2929-1188</t>
  </si>
  <si>
    <t>第１－３６３４号</t>
  </si>
  <si>
    <t>有限会社　藤田電設</t>
  </si>
  <si>
    <t>有限会社藤田電設</t>
  </si>
  <si>
    <t>保土ケ谷区坂本町306-4</t>
  </si>
  <si>
    <t>045-331-7009</t>
  </si>
  <si>
    <t>第１－３６３５号</t>
  </si>
  <si>
    <t>株式会社　アスティ</t>
  </si>
  <si>
    <t>株式会社アスティ</t>
  </si>
  <si>
    <t>多田木町96</t>
  </si>
  <si>
    <t>0284-22-4569</t>
  </si>
  <si>
    <t>第１－３６３６号</t>
  </si>
  <si>
    <t>株式会社　ＤＥＳＥＲＴ　ＧＲＥＥＮ</t>
  </si>
  <si>
    <t>株式会社ＤＥＳＥＲＴ　ＧＲＥＥＮ</t>
  </si>
  <si>
    <t>深大寺元町1-13-7</t>
  </si>
  <si>
    <t>042-455-2048</t>
  </si>
  <si>
    <t>第１－３６３７号</t>
  </si>
  <si>
    <t>マルマテクニカ　株式会社</t>
  </si>
  <si>
    <t>マルマテクニカ株式会社</t>
  </si>
  <si>
    <t>桜丘1-2-22</t>
  </si>
  <si>
    <t>03-3429-2141</t>
  </si>
  <si>
    <t>第１－３６３８号</t>
  </si>
  <si>
    <t>菱名工業　株式会社</t>
  </si>
  <si>
    <t>菱名工業株式会社</t>
  </si>
  <si>
    <t>みよし市</t>
  </si>
  <si>
    <t>福田町権現山29番地の145</t>
  </si>
  <si>
    <t>0561-32-2915</t>
  </si>
  <si>
    <t>第１－３６３９号</t>
  </si>
  <si>
    <t>株式会社　エコポーター</t>
  </si>
  <si>
    <t>株式会社エコポーター</t>
  </si>
  <si>
    <t>宝町1-26-14-303</t>
  </si>
  <si>
    <t>03-5877-9594</t>
  </si>
  <si>
    <t>第１－３６４０号</t>
  </si>
  <si>
    <t>合同会社　松本設備</t>
  </si>
  <si>
    <t>合同会社松本設備</t>
  </si>
  <si>
    <t>新堀1-10-7</t>
  </si>
  <si>
    <t>042-427-9323</t>
  </si>
  <si>
    <t>第１－３６４１号</t>
  </si>
  <si>
    <t>有限会社　海浜</t>
  </si>
  <si>
    <t>有限会社海浜</t>
  </si>
  <si>
    <t>小山町5021-10</t>
  </si>
  <si>
    <t>042-810-2178</t>
  </si>
  <si>
    <t>第１－３６４２号</t>
  </si>
  <si>
    <t>株式会社　ミナミ冷機</t>
  </si>
  <si>
    <t>株式会社ミナミ冷機</t>
  </si>
  <si>
    <t>西中延2丁目9番12号</t>
  </si>
  <si>
    <t>03-3784-1235</t>
  </si>
  <si>
    <t>第１－３６４３号</t>
  </si>
  <si>
    <t>日本特殊技術販売　株式会社</t>
  </si>
  <si>
    <t>日本特殊技術販売株式会社</t>
  </si>
  <si>
    <t>神田三崎町2-4-13　コンポラビル1階</t>
  </si>
  <si>
    <t>03-6910-0930</t>
  </si>
  <si>
    <t>第１－３６４４号</t>
  </si>
  <si>
    <t>髙西　秀治</t>
  </si>
  <si>
    <t>ＴＡＣＳ</t>
  </si>
  <si>
    <t>北町8-21-3　パティオ北町EAST307</t>
  </si>
  <si>
    <t>03-6281-0529</t>
  </si>
  <si>
    <t>第１－３６４５号</t>
  </si>
  <si>
    <t>佐藤　拓也</t>
  </si>
  <si>
    <t>ヴェンター</t>
  </si>
  <si>
    <t>045-479-8764</t>
  </si>
  <si>
    <t>第１－３６４６号</t>
  </si>
  <si>
    <t>株式会社　シャフトワークス</t>
  </si>
  <si>
    <t>株式会社シャフトワークス</t>
  </si>
  <si>
    <t>仲六郷1丁目34番1号</t>
  </si>
  <si>
    <t>03-6424-5892</t>
  </si>
  <si>
    <t>第１－３６４７号</t>
  </si>
  <si>
    <t>有限会社　信設備</t>
  </si>
  <si>
    <t>有限会社信設備</t>
  </si>
  <si>
    <t>西区西大宮二丁目21番地8</t>
  </si>
  <si>
    <t>048-625-3927</t>
  </si>
  <si>
    <t>第１－３６４８号</t>
  </si>
  <si>
    <t>栗田冷熱　有限会社</t>
  </si>
  <si>
    <t>栗田冷熱有限会社</t>
  </si>
  <si>
    <t>若泉2-6-8</t>
  </si>
  <si>
    <t>0495-23-3573</t>
  </si>
  <si>
    <t>第１－３６４９号</t>
  </si>
  <si>
    <t>山谷　秀孝</t>
  </si>
  <si>
    <t>楢沢設備</t>
  </si>
  <si>
    <t>上志津原44-4</t>
  </si>
  <si>
    <t>070-1454-2841</t>
  </si>
  <si>
    <t>第１－３６５１号</t>
  </si>
  <si>
    <t>株式会社　イトーヨーギョー</t>
  </si>
  <si>
    <t>株式会社イトーヨーギョー　建築設備部</t>
  </si>
  <si>
    <t>中央区中山手通5丁目1番3号</t>
  </si>
  <si>
    <t>078-367-6713</t>
  </si>
  <si>
    <t>第１－３６５２号</t>
  </si>
  <si>
    <t>株式会社　メイトラスト</t>
  </si>
  <si>
    <t>株式会社メイトラスト</t>
  </si>
  <si>
    <t>富士見町7-30-7</t>
  </si>
  <si>
    <t>042-540-8703</t>
  </si>
  <si>
    <t>第１－３６５３号</t>
  </si>
  <si>
    <t>ＯＡプランニング　株式会社</t>
  </si>
  <si>
    <t>ＯＡプランニング株式会社</t>
  </si>
  <si>
    <t>北野台3-7-6</t>
  </si>
  <si>
    <t>042-632-2577</t>
  </si>
  <si>
    <t>第１－３６５４号</t>
  </si>
  <si>
    <t>株式会社　阿部商店</t>
  </si>
  <si>
    <t>株式会社阿部商店</t>
  </si>
  <si>
    <t>柳原一丁目34番15号</t>
  </si>
  <si>
    <t>03-3882-0940</t>
  </si>
  <si>
    <t>第１－３６５５号</t>
  </si>
  <si>
    <t>三協エンジニアリング　株式会社</t>
  </si>
  <si>
    <t>三協エンジニアリング株式会社</t>
  </si>
  <si>
    <t>緑4-10-14</t>
  </si>
  <si>
    <t>03-5600-0385</t>
  </si>
  <si>
    <t>第１－３６５６号</t>
  </si>
  <si>
    <t>皿沼一丁目9番3号</t>
  </si>
  <si>
    <t>03-5856-8484</t>
  </si>
  <si>
    <t>第１－３６５７号</t>
  </si>
  <si>
    <t>有限会社　グローバル・テック</t>
  </si>
  <si>
    <t>有限会社グローバル・テック</t>
  </si>
  <si>
    <t>残堀2-72-12</t>
  </si>
  <si>
    <t>042-569-0561</t>
  </si>
  <si>
    <t>第１－３６５８号</t>
  </si>
  <si>
    <t>株式会社　奥田冷熱</t>
  </si>
  <si>
    <t>株式会社奥田冷熱</t>
  </si>
  <si>
    <t>緑区東浦和3-1-17 1B</t>
  </si>
  <si>
    <t>048-714-5078</t>
  </si>
  <si>
    <t>第１－３６５９号</t>
  </si>
  <si>
    <t>株式会社　タガワ</t>
  </si>
  <si>
    <t>株式会社タガワ</t>
  </si>
  <si>
    <t>香取市</t>
  </si>
  <si>
    <t>本矢作1161-1</t>
  </si>
  <si>
    <t>0478-59-2111</t>
  </si>
  <si>
    <t>第１－３６６０号</t>
  </si>
  <si>
    <t>佐藤　仁彦</t>
  </si>
  <si>
    <t>Ｊ電空サポート</t>
  </si>
  <si>
    <t>緑区長津田みなみ台1-18-8ウィルモア102</t>
  </si>
  <si>
    <t>第１－３６６１号</t>
  </si>
  <si>
    <t>明和冷熱　株式会社</t>
  </si>
  <si>
    <t>明和冷熱株式会社</t>
  </si>
  <si>
    <t>下馬3-30-28</t>
  </si>
  <si>
    <t>第１－３６６２号</t>
  </si>
  <si>
    <t>有限会社　エム・ティー・エス</t>
  </si>
  <si>
    <t>有限会社エム・ティー・エス</t>
  </si>
  <si>
    <t>船渡629-1</t>
  </si>
  <si>
    <t>048-971-3332</t>
  </si>
  <si>
    <t>第１－３６６３号</t>
  </si>
  <si>
    <t>近藤　政明</t>
  </si>
  <si>
    <t>Ｋ　ｓｅｒｖｉｃｅ</t>
  </si>
  <si>
    <t>大泉学園町2-6-11</t>
  </si>
  <si>
    <t>090-8724-8087</t>
  </si>
  <si>
    <t>第１－３６６４号</t>
  </si>
  <si>
    <t>株式会社　ＭＡＨＣ</t>
  </si>
  <si>
    <t>株式会社ＭＡＨＣ</t>
  </si>
  <si>
    <t>山田橋1-15-6</t>
  </si>
  <si>
    <t>0436-76-7040</t>
  </si>
  <si>
    <t>第１－３６６５号</t>
  </si>
  <si>
    <t>三協フロンテア　株式会社</t>
  </si>
  <si>
    <t>三協フロンテア株式会社　厚木サービスセンター</t>
  </si>
  <si>
    <t>棚沢613</t>
  </si>
  <si>
    <t>050-5536-9020</t>
  </si>
  <si>
    <t>第１－３６６６号</t>
  </si>
  <si>
    <t>梶電機　有限会社</t>
  </si>
  <si>
    <t>梶電機有限会社</t>
  </si>
  <si>
    <t>本木1-21-8</t>
  </si>
  <si>
    <t>03-3849-1645</t>
  </si>
  <si>
    <t>第１－３６６７号</t>
  </si>
  <si>
    <t>有限会社　優気</t>
  </si>
  <si>
    <t>有限会社優気</t>
  </si>
  <si>
    <t>緑区大字大門2631番地5</t>
  </si>
  <si>
    <t>第１－３６６９号</t>
  </si>
  <si>
    <t>株式会社　大場組</t>
  </si>
  <si>
    <t>株式会社大場組</t>
  </si>
  <si>
    <t>木曽根618番地1</t>
  </si>
  <si>
    <t>048-996-6821</t>
  </si>
  <si>
    <t>第１－３６７０号</t>
  </si>
  <si>
    <t>山口　高史</t>
  </si>
  <si>
    <t>山口美装</t>
  </si>
  <si>
    <t>麻生区上麻生7-40-1　ファミールヤマニ2-205</t>
  </si>
  <si>
    <t>044-387-6083</t>
  </si>
  <si>
    <t>第１－３６７１号</t>
  </si>
  <si>
    <t>伊藤冷熱　株式会社</t>
  </si>
  <si>
    <t>伊藤冷熱株式会社</t>
  </si>
  <si>
    <t>八街に45番地268</t>
  </si>
  <si>
    <t>0476-33-6512</t>
  </si>
  <si>
    <t>第１－３６７２号</t>
  </si>
  <si>
    <t>ＡＩＲ　ＡＲＴＳ　株式会社</t>
  </si>
  <si>
    <t>ＡＩＲ　ＡＲＴＳ株式会社</t>
  </si>
  <si>
    <t>小山2-16-15-2</t>
  </si>
  <si>
    <t>048-948-6079</t>
  </si>
  <si>
    <t>第１－３６７３号</t>
  </si>
  <si>
    <t>小林　芳和</t>
  </si>
  <si>
    <t>小林空調設備</t>
  </si>
  <si>
    <t>赤井4-32-3</t>
  </si>
  <si>
    <t>第１－３６７４号</t>
  </si>
  <si>
    <t>ベナレス工業　株式会社</t>
  </si>
  <si>
    <t>ベナレス工業株式会社　川崎営業所</t>
  </si>
  <si>
    <t>川崎区夜光1-3-1　旭化成株式会社川崎製造所内　川崎メンテナンスセンター3階</t>
  </si>
  <si>
    <t>044-271-3762</t>
  </si>
  <si>
    <t>第１－３６７５号</t>
  </si>
  <si>
    <t>有限会社　環境技研</t>
  </si>
  <si>
    <t>有限会社環境技研</t>
  </si>
  <si>
    <t>大字青柳42番地の3</t>
  </si>
  <si>
    <t>第１－３６７６号</t>
  </si>
  <si>
    <t>有限会社　マクロネット</t>
  </si>
  <si>
    <t>有限会社マクロネット</t>
  </si>
  <si>
    <t>叶谷町1677番地ウィルガーデン203号</t>
  </si>
  <si>
    <t>0426-69-0245</t>
  </si>
  <si>
    <t>第１－３６７９号</t>
  </si>
  <si>
    <t>有限会社　ビジネスカレント</t>
  </si>
  <si>
    <t>有限会社ビジネスカレント</t>
  </si>
  <si>
    <t>鶴見区平安町2-8-27</t>
  </si>
  <si>
    <t>第１－３６８０号</t>
  </si>
  <si>
    <t>株式会社　ジェートップ</t>
  </si>
  <si>
    <t>株式会社ジェートップ</t>
  </si>
  <si>
    <t>西区平沼1-3-13</t>
  </si>
  <si>
    <t>045-328-1180</t>
  </si>
  <si>
    <t>第１－３６８１号</t>
  </si>
  <si>
    <t>萩原　健二</t>
  </si>
  <si>
    <t>エアブリーズシステム</t>
  </si>
  <si>
    <t>神奈川区菅田町1545-9</t>
  </si>
  <si>
    <t>045-475-9085</t>
  </si>
  <si>
    <t>第１－３６８２号</t>
  </si>
  <si>
    <t>有限会社　タクマ工業</t>
  </si>
  <si>
    <t>有限会社タクマ工業</t>
  </si>
  <si>
    <t>北園町35-20</t>
  </si>
  <si>
    <t>048-267-4003</t>
  </si>
  <si>
    <t>第１－３６８３号</t>
  </si>
  <si>
    <t>株式会社　ケーヨーテクノサービス</t>
  </si>
  <si>
    <t>株式会社ケーヨーテクノサービス</t>
  </si>
  <si>
    <t>松ケ崎738-9</t>
  </si>
  <si>
    <t>04-7168-0878</t>
  </si>
  <si>
    <t>第１－３６８６号</t>
  </si>
  <si>
    <t>有限会社　港北冷機設備</t>
  </si>
  <si>
    <t>有限会社港北冷機設備</t>
  </si>
  <si>
    <t>緑区中山一丁目17番10-602号</t>
  </si>
  <si>
    <t>045-931-1891</t>
  </si>
  <si>
    <t>第１－３６８７号</t>
  </si>
  <si>
    <t>三浦　雄生</t>
  </si>
  <si>
    <t>三浦空調設備</t>
  </si>
  <si>
    <t>栗原4-4-15</t>
  </si>
  <si>
    <t>03-3857-2582</t>
  </si>
  <si>
    <t>第１－３６８８号</t>
  </si>
  <si>
    <t>株式会社　三和ビルサービス</t>
  </si>
  <si>
    <t>株式会社三和ビルサービス</t>
  </si>
  <si>
    <t>石神井台4-9-30</t>
  </si>
  <si>
    <t>03-4291-5150</t>
  </si>
  <si>
    <t>第１－３６８９号</t>
  </si>
  <si>
    <t>有限会社　田中設備</t>
  </si>
  <si>
    <t>有限会社田中設備</t>
  </si>
  <si>
    <t>鳩ヶ谷緑町2-19-12</t>
  </si>
  <si>
    <t>048-284-7189</t>
  </si>
  <si>
    <t>第１－３６９１号</t>
  </si>
  <si>
    <t>有限会社　アイズ・ワン</t>
  </si>
  <si>
    <t>有限会社アイズ・ワン</t>
  </si>
  <si>
    <t>東保木間1-21-12　エクセレントパレス103</t>
  </si>
  <si>
    <t>03-5851-8156</t>
  </si>
  <si>
    <t>第１－３６９２号</t>
  </si>
  <si>
    <t>株式会社　パッケージスペース</t>
  </si>
  <si>
    <t>株式会社パッケージスペース</t>
  </si>
  <si>
    <t>青柳5-16-13</t>
  </si>
  <si>
    <t>048-948-6297</t>
  </si>
  <si>
    <t>第１－３６９３号</t>
  </si>
  <si>
    <t>田口設備　株式会社</t>
  </si>
  <si>
    <t>田口設備株式会社</t>
  </si>
  <si>
    <t>等々力七丁目12番15-101</t>
  </si>
  <si>
    <t>03-4283-8183</t>
  </si>
  <si>
    <t>第１－３６９４号</t>
  </si>
  <si>
    <t>氏家冷熱　株式会社</t>
  </si>
  <si>
    <t>氏家冷熱株式会社</t>
  </si>
  <si>
    <t>四街道市</t>
  </si>
  <si>
    <t>内黒田495-4</t>
  </si>
  <si>
    <t>043-423-1301</t>
  </si>
  <si>
    <t>第１－３６９５号</t>
  </si>
  <si>
    <t>株式会社　アースリズム</t>
  </si>
  <si>
    <t>株式会社アースリズム</t>
  </si>
  <si>
    <t>高津区下作延6-23-5-1</t>
  </si>
  <si>
    <t>第１－３６９６号</t>
  </si>
  <si>
    <t>保坂　白</t>
  </si>
  <si>
    <t>ブラン・エアー</t>
  </si>
  <si>
    <t>下馬1丁目12番6号</t>
  </si>
  <si>
    <t>03-6805-3855</t>
  </si>
  <si>
    <t>第１－３６９７号</t>
  </si>
  <si>
    <t>株式会社　アライバルジャパン</t>
  </si>
  <si>
    <t>株式会社アライバルジャパン</t>
  </si>
  <si>
    <t>南区六ツ川4-1136-10</t>
  </si>
  <si>
    <t>045-443-8360</t>
  </si>
  <si>
    <t>第１－３６９８号</t>
  </si>
  <si>
    <t>有限会社　スズキサービス</t>
  </si>
  <si>
    <t>有限会社スズキサービス</t>
  </si>
  <si>
    <t>稔台五丁目15番地17</t>
  </si>
  <si>
    <t>047-365-6356</t>
  </si>
  <si>
    <t>第１－３６９９号</t>
  </si>
  <si>
    <t>エコカーボン　株式会社</t>
  </si>
  <si>
    <t>エコカーボン株式会社</t>
  </si>
  <si>
    <t>飯田橋2-11-10　山田ラインビルⅢ2階</t>
  </si>
  <si>
    <t>03-6261-5220</t>
  </si>
  <si>
    <t>第１－３７００号</t>
  </si>
  <si>
    <t>エアネスト　株式会社</t>
  </si>
  <si>
    <t>エアネスト株式会社</t>
  </si>
  <si>
    <t>東金町3-18-14</t>
  </si>
  <si>
    <t>03-5888-5142</t>
  </si>
  <si>
    <t>第１－３７０１号</t>
  </si>
  <si>
    <t>株式会社　アイム</t>
  </si>
  <si>
    <t>株式会社アイム</t>
  </si>
  <si>
    <t>宮城野区岡田西町1-46</t>
  </si>
  <si>
    <t>022-762-5217</t>
  </si>
  <si>
    <t>第１－３７０２号</t>
  </si>
  <si>
    <t>有限会社　延明電気</t>
  </si>
  <si>
    <t>有限会社延明電気</t>
  </si>
  <si>
    <t>毛呂山町前久保南3-22-12</t>
  </si>
  <si>
    <t>049-294-7392</t>
  </si>
  <si>
    <t>第１－３７０３号</t>
  </si>
  <si>
    <t>株式会社　山内設備</t>
  </si>
  <si>
    <t>株式会社山内設備</t>
  </si>
  <si>
    <t>今井3-15-33</t>
  </si>
  <si>
    <t>0428-32-7302</t>
  </si>
  <si>
    <t>第１－３７０４号</t>
  </si>
  <si>
    <t>株式会社　上田工業</t>
  </si>
  <si>
    <t>株式会社上田工業</t>
  </si>
  <si>
    <t>鶴見区尻手3-5-13</t>
  </si>
  <si>
    <t>045-574-1698</t>
  </si>
  <si>
    <t>第１－３７０５号</t>
  </si>
  <si>
    <t>トップエアー工業　株式会社</t>
  </si>
  <si>
    <t>トップエアー工業株式会社</t>
  </si>
  <si>
    <t>小茂根2-14-5</t>
  </si>
  <si>
    <t>03-3972-9700</t>
  </si>
  <si>
    <t>第１－３７０６号</t>
  </si>
  <si>
    <t>有限会社　セントラル空調サービス</t>
  </si>
  <si>
    <t>有限会社セントラル空調サービス</t>
  </si>
  <si>
    <t>北区新沼町118番地</t>
  </si>
  <si>
    <t>052-901-2000</t>
  </si>
  <si>
    <t>第１－３７０７号</t>
  </si>
  <si>
    <t>株式会社　エアサービス</t>
  </si>
  <si>
    <t>株式会社エアサービス</t>
  </si>
  <si>
    <t>南長崎1-13-9　小黒ビル 1F</t>
  </si>
  <si>
    <t>03-6908-3815</t>
  </si>
  <si>
    <t>第１－３７０８号</t>
  </si>
  <si>
    <t>共和真空技術　株式会社</t>
  </si>
  <si>
    <t>共和真空技術株式会社　妻沼西工場</t>
  </si>
  <si>
    <t>妻沼西1-22</t>
  </si>
  <si>
    <t>048-567-2100</t>
  </si>
  <si>
    <t>第１－３７０９号</t>
  </si>
  <si>
    <t>株式会社　Ｓ・Ａ・Ｓ</t>
  </si>
  <si>
    <t>株式会社Ｓ・Ａ・Ｓ</t>
  </si>
  <si>
    <t>元和泉3-1-18　和泉フラッツ105号室</t>
  </si>
  <si>
    <t>03-5761-7183</t>
  </si>
  <si>
    <t>第１－３７１０号</t>
  </si>
  <si>
    <t>斎藤　一彦</t>
  </si>
  <si>
    <t>美優希空調</t>
  </si>
  <si>
    <t>幸区塚越4-320-7-210</t>
  </si>
  <si>
    <t>044-544-1375</t>
  </si>
  <si>
    <t>第１－３７１１号</t>
  </si>
  <si>
    <t>金坂　弘明</t>
  </si>
  <si>
    <t>オールラウンド・バズ</t>
  </si>
  <si>
    <t>南大谷937-7</t>
  </si>
  <si>
    <t>042-739-6871</t>
  </si>
  <si>
    <t>第１－３７１２号</t>
  </si>
  <si>
    <t>有限会社　遠藤エンジニアリング</t>
  </si>
  <si>
    <t>有限会社遠藤エンジニアリング</t>
  </si>
  <si>
    <t>池上4-21-18</t>
  </si>
  <si>
    <t>03-5755-3332</t>
  </si>
  <si>
    <t>第１－３７１３号</t>
  </si>
  <si>
    <t>株式会社　ワイアール設備</t>
  </si>
  <si>
    <t>株式会社ワイアール設備</t>
  </si>
  <si>
    <t>東大和市</t>
  </si>
  <si>
    <t>南街2丁目48番地の1 小野ビル305号</t>
  </si>
  <si>
    <t>042-569-8801</t>
  </si>
  <si>
    <t>第１－３７１４号</t>
  </si>
  <si>
    <t>株式会社　ファーム</t>
  </si>
  <si>
    <t>株式会社ファーム</t>
  </si>
  <si>
    <t>高松1-2-4</t>
  </si>
  <si>
    <t>03-5926-0045</t>
  </si>
  <si>
    <t>第１－３７１５号</t>
  </si>
  <si>
    <t>株式会社　ＡＩＲ</t>
  </si>
  <si>
    <t>株式会社ＡＩＲ</t>
  </si>
  <si>
    <t>泉区和泉町7058-7</t>
  </si>
  <si>
    <t>045-438-8901</t>
  </si>
  <si>
    <t>第１－３７１６号</t>
  </si>
  <si>
    <t>株式会社　エマーク</t>
  </si>
  <si>
    <t>株式会社エマーク</t>
  </si>
  <si>
    <t>暁町1-29-12</t>
  </si>
  <si>
    <t>042-686-1709</t>
  </si>
  <si>
    <t>第１－３７１７号</t>
  </si>
  <si>
    <t>池田　大典</t>
  </si>
  <si>
    <t>池田総合設備</t>
  </si>
  <si>
    <t>旭区今宿南町1815-21</t>
  </si>
  <si>
    <t>090-4248-6756</t>
  </si>
  <si>
    <t>第１－３７１９号</t>
  </si>
  <si>
    <t>有限会社　電化のマツダ</t>
  </si>
  <si>
    <t>有限会社電化のマツダ</t>
  </si>
  <si>
    <t>吉川1623-15</t>
  </si>
  <si>
    <t>048-981-6834</t>
  </si>
  <si>
    <t>第１－３７２０号</t>
  </si>
  <si>
    <t>林　哲次</t>
  </si>
  <si>
    <t>林商店</t>
  </si>
  <si>
    <t>石神5-1-26</t>
  </si>
  <si>
    <t>0424-74-5510</t>
  </si>
  <si>
    <t>第１－３７２１号</t>
  </si>
  <si>
    <t>有限会社　グローバル</t>
  </si>
  <si>
    <t>有限会社グローバル</t>
  </si>
  <si>
    <t>谷在家二丁目7番7号</t>
  </si>
  <si>
    <t>03-3857-2221</t>
  </si>
  <si>
    <t>第１－３７２２号</t>
  </si>
  <si>
    <t>ダイヤプラス　株式会社</t>
  </si>
  <si>
    <t>ダイヤプラス株式会社</t>
  </si>
  <si>
    <t>萩原1360番地</t>
  </si>
  <si>
    <t>0550-83-5095</t>
  </si>
  <si>
    <t>第１－３７２３号</t>
  </si>
  <si>
    <t>小田　洋平</t>
  </si>
  <si>
    <t>上野毛1-32-14-404</t>
  </si>
  <si>
    <t>第１－３７２４号</t>
  </si>
  <si>
    <t>株式会社　パワーセラー</t>
  </si>
  <si>
    <t>株式会社パワーセラー</t>
  </si>
  <si>
    <t>幸町3丁目11番26号</t>
  </si>
  <si>
    <t>048-423-2300</t>
  </si>
  <si>
    <t>第１－３７２５号</t>
  </si>
  <si>
    <t>有限会社　大三機工</t>
  </si>
  <si>
    <t>有限会社大三機工</t>
  </si>
  <si>
    <t>丸山2-5-20-104</t>
  </si>
  <si>
    <t>03-5373-6500</t>
  </si>
  <si>
    <t>第１－３７２６号</t>
  </si>
  <si>
    <t>株式会社　ビルトワークス</t>
  </si>
  <si>
    <t>株式会社ビルトワークス</t>
  </si>
  <si>
    <t>幸手市</t>
  </si>
  <si>
    <t>大字上高野1580番地5</t>
  </si>
  <si>
    <t>0480-44-9611</t>
  </si>
  <si>
    <t>第１－３７２７号</t>
  </si>
  <si>
    <t>誠電装美　株式会社</t>
  </si>
  <si>
    <t>誠電装美株式会社</t>
  </si>
  <si>
    <t>鶴間8-16-1</t>
  </si>
  <si>
    <t>042-796-5264</t>
  </si>
  <si>
    <t>第１－３７２８号</t>
  </si>
  <si>
    <t>株式会社　ジャパンビジネスサポート</t>
  </si>
  <si>
    <t>株式会社ジャパンビジネスサポート</t>
  </si>
  <si>
    <t>旭区今宿南町2175-12</t>
  </si>
  <si>
    <t>045-465-6796</t>
  </si>
  <si>
    <t>第１－３７２９号</t>
  </si>
  <si>
    <t>株式会社　ＧＫサービス</t>
  </si>
  <si>
    <t>株式会社ＧＫサービス</t>
  </si>
  <si>
    <t>船堀5-8-10</t>
  </si>
  <si>
    <t>第１－３７３０号</t>
  </si>
  <si>
    <t>伊藤　章</t>
  </si>
  <si>
    <t>伊藤電気</t>
  </si>
  <si>
    <t>大森東4-18-6</t>
  </si>
  <si>
    <t>03-3761-5486</t>
  </si>
  <si>
    <t>第１－３７３１号</t>
  </si>
  <si>
    <t>株式会社　ワンユニティ</t>
  </si>
  <si>
    <t>株式会社ワンユニティ</t>
  </si>
  <si>
    <t>青戸5-5-17</t>
  </si>
  <si>
    <t>03-6657-9751</t>
  </si>
  <si>
    <t>第１－３７３２号</t>
  </si>
  <si>
    <t>株式会社　リフォーム・コンダクト</t>
  </si>
  <si>
    <t>株式会社リフォーム・コンダクト</t>
  </si>
  <si>
    <t>大和町10-11　パラストネオ板橋 401</t>
  </si>
  <si>
    <t>03-3579-8572</t>
  </si>
  <si>
    <t>第１－３７３３号</t>
  </si>
  <si>
    <t>株式会社　ビルメンテナンスサービス</t>
  </si>
  <si>
    <t>株式会社ビルメンテナンスサービス　東京営業所</t>
  </si>
  <si>
    <t>冬木20-8　伊藤ビル2階</t>
  </si>
  <si>
    <t>03-5875-8970</t>
  </si>
  <si>
    <t>第１－３７３４号</t>
  </si>
  <si>
    <t>株式会社　ケーホープ</t>
  </si>
  <si>
    <t>株式会社ケーホープ</t>
  </si>
  <si>
    <t>尾山台2-31-10</t>
  </si>
  <si>
    <t>03-3703-3572</t>
  </si>
  <si>
    <t>第１－３７３５号</t>
  </si>
  <si>
    <t>森戸　正弘</t>
  </si>
  <si>
    <t>ｍｏｒｉｘ</t>
  </si>
  <si>
    <t>中原区中丸子555-21</t>
  </si>
  <si>
    <t>第１－３７３６号</t>
  </si>
  <si>
    <t>大屋　朋丈</t>
  </si>
  <si>
    <t>カフナ</t>
  </si>
  <si>
    <t>深谷市</t>
  </si>
  <si>
    <t>人見833-2</t>
  </si>
  <si>
    <t>048-577-6186</t>
  </si>
  <si>
    <t>第１－３７３７号</t>
  </si>
  <si>
    <t>ハマクール　株式会社</t>
  </si>
  <si>
    <t>ハマクール株式会社</t>
  </si>
  <si>
    <t>紅葉丘2丁目9番地の10ミオカステーロ府中紅葉丘303</t>
  </si>
  <si>
    <t>042-336-2837</t>
  </si>
  <si>
    <t>第１－３７３８号</t>
  </si>
  <si>
    <t>ナジコイーエス　株式会社</t>
  </si>
  <si>
    <t>ナジコイーエス株式会社</t>
  </si>
  <si>
    <t>木場2-17-12　SAビルディング2階</t>
  </si>
  <si>
    <t>03-5808-9710</t>
  </si>
  <si>
    <t>第１－３７３９号</t>
  </si>
  <si>
    <t>株式会社　ＡＣＣ</t>
  </si>
  <si>
    <t>株式会社ＡＣＣ</t>
  </si>
  <si>
    <t>座間市</t>
  </si>
  <si>
    <t>座間1-3104-5ローズウッド102</t>
  </si>
  <si>
    <t>046-298-7878</t>
  </si>
  <si>
    <t>第１－３７４０号</t>
  </si>
  <si>
    <t>楢沢設備工業　株式会社</t>
  </si>
  <si>
    <t>楢沢設備工業株式会社</t>
  </si>
  <si>
    <t>043-309-9560</t>
  </si>
  <si>
    <t>第１－３７４１号</t>
  </si>
  <si>
    <t>有限会社　システムコンフォート</t>
  </si>
  <si>
    <t>有限会社システムコンフォート</t>
  </si>
  <si>
    <t>保木間3-29-10</t>
  </si>
  <si>
    <t>03-3856-0235</t>
  </si>
  <si>
    <t>第１－３７４２号</t>
  </si>
  <si>
    <t>株式会社　アサミル</t>
  </si>
  <si>
    <t>株式会社アサミル</t>
  </si>
  <si>
    <t>都筑区加賀原1-35-8</t>
  </si>
  <si>
    <t>045-530-2056</t>
  </si>
  <si>
    <t>第１－３７４３号</t>
  </si>
  <si>
    <t>株式会社　ディグリー</t>
  </si>
  <si>
    <t>株式会社ディグリー</t>
  </si>
  <si>
    <t>鈴鹿市</t>
  </si>
  <si>
    <t>高岡町773番地1</t>
  </si>
  <si>
    <t>059-373-4490</t>
  </si>
  <si>
    <t>第１－３７４４号</t>
  </si>
  <si>
    <t>株式会社　ユーテック</t>
  </si>
  <si>
    <t>株式会社ユーテック</t>
  </si>
  <si>
    <t>井野1075-26</t>
  </si>
  <si>
    <t>043-462-1743</t>
  </si>
  <si>
    <t>第１－３７４５号</t>
  </si>
  <si>
    <t>株式会社　ジャパンオイルストーブ</t>
  </si>
  <si>
    <t>株式会社ジャパンオイルストーブ</t>
  </si>
  <si>
    <t>山王2-18-2</t>
  </si>
  <si>
    <t>03-3772-7121</t>
  </si>
  <si>
    <t>第１－３７４６号</t>
  </si>
  <si>
    <t>木村管工　株式会社</t>
  </si>
  <si>
    <t>木村管工株式会社　上瀬谷事業所</t>
  </si>
  <si>
    <t>瀬谷区上瀬谷町46-1</t>
  </si>
  <si>
    <t>045-920-0381</t>
  </si>
  <si>
    <t>木村管工株式会社　資材再生プラント</t>
  </si>
  <si>
    <t>瀬谷区目黒町9-7</t>
  </si>
  <si>
    <t>045-924-6363</t>
  </si>
  <si>
    <t>木村管工株式会社　北町中間処理プラント</t>
  </si>
  <si>
    <t>瀬谷区北町20-20</t>
  </si>
  <si>
    <t>045-922-2179</t>
  </si>
  <si>
    <t>木村管工株式会社　保土ヶ谷今井事業所</t>
  </si>
  <si>
    <t>保土ケ谷区今井町1151</t>
  </si>
  <si>
    <t>045-351-9640</t>
  </si>
  <si>
    <t>木村管工株式会社　川崎岡上事業所</t>
  </si>
  <si>
    <t>麻生区岡上1028</t>
  </si>
  <si>
    <t>044-988-7624</t>
  </si>
  <si>
    <t>第１－３７４７号</t>
  </si>
  <si>
    <t>株式会社　ハーベスト</t>
  </si>
  <si>
    <t>株式会社ハーベスト</t>
  </si>
  <si>
    <t>川崎区京町2-7-10シャトレ―アオキ102号</t>
  </si>
  <si>
    <t>044-572-7011</t>
  </si>
  <si>
    <t>第１－３７４８号</t>
  </si>
  <si>
    <t>藤澤　峰雄</t>
  </si>
  <si>
    <t>フジ設備</t>
  </si>
  <si>
    <t>鶴見区上末吉2-6-1</t>
  </si>
  <si>
    <t>045-947-2340</t>
  </si>
  <si>
    <t>第１－３７４９号</t>
  </si>
  <si>
    <t>有限会社　アジロ空調</t>
  </si>
  <si>
    <t>有限会社アジロ空調</t>
  </si>
  <si>
    <t>旭区今宿町2672-58</t>
  </si>
  <si>
    <t>045-362-2617</t>
  </si>
  <si>
    <t>第１－３７５０号</t>
  </si>
  <si>
    <t>有限会社　芦葉空調設備</t>
  </si>
  <si>
    <t>有限会社芦葉空調設備</t>
  </si>
  <si>
    <t>見沼区大字東門前86-3</t>
  </si>
  <si>
    <t>048-688-3993</t>
  </si>
  <si>
    <t>第１－３７５１号</t>
  </si>
  <si>
    <t>株式会社　ＴＥＣ　ＴＥＣＱ</t>
  </si>
  <si>
    <t>株式会社ＴＥＣ　ＴＥＣＱ</t>
  </si>
  <si>
    <t>南区曲本五丁目10-8ケイオー武蔵浦和102号室</t>
  </si>
  <si>
    <t>048-711-8674</t>
  </si>
  <si>
    <t>第１－３７５２号</t>
  </si>
  <si>
    <t>Ｌｉｎｕｓ　株式会社</t>
  </si>
  <si>
    <t>Ｌｉｎｕｓ株式会社</t>
  </si>
  <si>
    <t>都筑区茅ケ崎南4-16-10-104</t>
  </si>
  <si>
    <t>070-6451-6900</t>
  </si>
  <si>
    <t>第１－３７５３号</t>
  </si>
  <si>
    <t>株式会社　テクスト</t>
  </si>
  <si>
    <t>株式会社テクスト</t>
  </si>
  <si>
    <t>箕面市</t>
  </si>
  <si>
    <t>外院2丁目3番14号</t>
  </si>
  <si>
    <t>072-728-0115</t>
  </si>
  <si>
    <t>第１－３７５４号</t>
  </si>
  <si>
    <t>岩谷設備システム　株式会社</t>
  </si>
  <si>
    <t>岩谷設備システム株式会社</t>
  </si>
  <si>
    <t>日本橋1-14-7</t>
  </si>
  <si>
    <t>第１－３７５５号</t>
  </si>
  <si>
    <t>株式会社　総設</t>
  </si>
  <si>
    <t>株式会社総設</t>
  </si>
  <si>
    <t>亀戸9-19-7-1214</t>
  </si>
  <si>
    <t>第１－３７５６号</t>
  </si>
  <si>
    <t>神奈川冷熱　株式会社</t>
  </si>
  <si>
    <t>神奈川冷熱株式会社</t>
  </si>
  <si>
    <t>磯子区森が丘2-10-12</t>
  </si>
  <si>
    <t>第１－３７５７号</t>
  </si>
  <si>
    <t>有限会社　オリオン冷熱</t>
  </si>
  <si>
    <t>有限会社オリオン冷熱</t>
  </si>
  <si>
    <t>矢口2-11-6-503</t>
  </si>
  <si>
    <t>03-3758-8480</t>
  </si>
  <si>
    <t>第１－３７５８号</t>
  </si>
  <si>
    <t>株式会社　寛冷工</t>
  </si>
  <si>
    <t>株式会社寛冷工</t>
  </si>
  <si>
    <t>幸町1-5-20</t>
  </si>
  <si>
    <t>03-6904-5598</t>
  </si>
  <si>
    <t>第１－３７５９号</t>
  </si>
  <si>
    <t>秋元　翔吾</t>
  </si>
  <si>
    <t>ＭＲＰ</t>
  </si>
  <si>
    <t>奥戸8-1-14</t>
  </si>
  <si>
    <t>第１－３７６０号</t>
  </si>
  <si>
    <t>株式会社　ケーエスエンジニアリング</t>
  </si>
  <si>
    <t>株式会社ケーエスエンジニアリング</t>
  </si>
  <si>
    <t>保土ケ谷区上菅田町396-5</t>
  </si>
  <si>
    <t>045-370-3510</t>
  </si>
  <si>
    <t>第１－３７６１号</t>
  </si>
  <si>
    <t>有限会社　岡野</t>
  </si>
  <si>
    <t>有限会社岡野</t>
  </si>
  <si>
    <t>南六郷3丁目21-24-804</t>
  </si>
  <si>
    <t>090-4544-2708</t>
  </si>
  <si>
    <t>第１－３７６２号</t>
  </si>
  <si>
    <t>株式会社　リフレッシュ</t>
  </si>
  <si>
    <t>株式会社リフレッシュ</t>
  </si>
  <si>
    <t>旭区市沢町1142-13</t>
  </si>
  <si>
    <t>045-370-5255</t>
  </si>
  <si>
    <t>第１－３７６３号</t>
  </si>
  <si>
    <t>株式会社　鈴木設備</t>
  </si>
  <si>
    <t>株式会社鈴木設備</t>
  </si>
  <si>
    <t>大字安行領家646番地の8</t>
  </si>
  <si>
    <t>第１－３７６４号</t>
  </si>
  <si>
    <t>有限会社　忍興産</t>
  </si>
  <si>
    <t>有限会社忍興産</t>
  </si>
  <si>
    <t>瀬谷区阿久和南2-29-1</t>
  </si>
  <si>
    <t>045-365-0123</t>
  </si>
  <si>
    <t>第１－３７６５号</t>
  </si>
  <si>
    <t>太田　洋道</t>
  </si>
  <si>
    <t>洋　冷機</t>
  </si>
  <si>
    <t>三矢小台3-12-10-203</t>
  </si>
  <si>
    <t>080-6712-2973</t>
  </si>
  <si>
    <t>第１－３７６６号</t>
  </si>
  <si>
    <t>小松原　智樹</t>
  </si>
  <si>
    <t>小松原空調</t>
  </si>
  <si>
    <t>薬師台6-4-7</t>
  </si>
  <si>
    <t>090-3044-6297</t>
  </si>
  <si>
    <t>第１－３７６９号</t>
  </si>
  <si>
    <t>株式会社　ＹＯＮＡＩ</t>
  </si>
  <si>
    <t>株式会社ＹＯＮＡＩ</t>
  </si>
  <si>
    <t>道口蛭田165-7</t>
  </si>
  <si>
    <t>第１－３７７０号</t>
  </si>
  <si>
    <t>有限会社　ユーアイサービス</t>
  </si>
  <si>
    <t>有限会社ユーアイサービス</t>
  </si>
  <si>
    <t>駒木台419番地の1</t>
  </si>
  <si>
    <t>04-7153-3451</t>
  </si>
  <si>
    <t>第１－３７７１号</t>
  </si>
  <si>
    <t>協栄機電　株式会社</t>
  </si>
  <si>
    <t>協栄機電株式会社</t>
  </si>
  <si>
    <t>笹塚3-64-3</t>
  </si>
  <si>
    <t>03-3453-6361</t>
  </si>
  <si>
    <t>第１－３７７２号</t>
  </si>
  <si>
    <t>048-423-9761</t>
  </si>
  <si>
    <t>第１－３７７３号</t>
  </si>
  <si>
    <t>有限会社　アライズ</t>
  </si>
  <si>
    <t>有限会社アライズ</t>
  </si>
  <si>
    <t>新逆井1丁目19番1号</t>
  </si>
  <si>
    <t>04-7170-6001</t>
  </si>
  <si>
    <t>第１－３７７４号</t>
  </si>
  <si>
    <t>金沢区富岡西2-31-2</t>
  </si>
  <si>
    <t>045-772-4324</t>
  </si>
  <si>
    <t>第１－３７７５号</t>
  </si>
  <si>
    <t>株式会社　クリア空調</t>
  </si>
  <si>
    <t>株式会社クリア空調</t>
  </si>
  <si>
    <t>堀之内469-2　グランレグナス512</t>
  </si>
  <si>
    <t>042-675-4693</t>
  </si>
  <si>
    <t>第１－３７７６号</t>
  </si>
  <si>
    <t>上野管工　株式会社</t>
  </si>
  <si>
    <t>上野管工株式会社</t>
  </si>
  <si>
    <t>03-6454-7374</t>
  </si>
  <si>
    <t>第１－３７７７号</t>
  </si>
  <si>
    <t>ユタカ冷熱　株式会社</t>
  </si>
  <si>
    <t>ユタカ冷熱株式会社</t>
  </si>
  <si>
    <t>二宮1278-9</t>
  </si>
  <si>
    <t>042-550-8534</t>
  </si>
  <si>
    <t>第１－３７７８号</t>
  </si>
  <si>
    <t>株式会社　菱豊電機</t>
  </si>
  <si>
    <t>株式会社菱豊電機</t>
  </si>
  <si>
    <t>青葉区桜台25-1</t>
  </si>
  <si>
    <t>045-981-1837</t>
  </si>
  <si>
    <t>第１－３７７９号</t>
  </si>
  <si>
    <t>坂東　忠義</t>
  </si>
  <si>
    <t>バンドーレイキサービス</t>
  </si>
  <si>
    <t>関原3-23-2</t>
  </si>
  <si>
    <t>03-5888-0711</t>
  </si>
  <si>
    <t>第１－３７８０号</t>
  </si>
  <si>
    <t>伸弘テクノ　株式会社</t>
  </si>
  <si>
    <t>伸弘テクノ株式会社</t>
  </si>
  <si>
    <t>長伏631-1</t>
  </si>
  <si>
    <t>055-977-3456</t>
  </si>
  <si>
    <t>第１－３７８１号</t>
  </si>
  <si>
    <t>有限会社　奥野空調</t>
  </si>
  <si>
    <t>有限会社奥野空調</t>
  </si>
  <si>
    <t>幸町5-95-20</t>
  </si>
  <si>
    <t>042-537-1281</t>
  </si>
  <si>
    <t>第１－３７８２号</t>
  </si>
  <si>
    <t>株式会社　アイレイ</t>
  </si>
  <si>
    <t>株式会社アイレイ</t>
  </si>
  <si>
    <t>蓮田市</t>
  </si>
  <si>
    <t>江ケ崎1738-24</t>
  </si>
  <si>
    <t>048-793-7415</t>
  </si>
  <si>
    <t>第１－３７８３号</t>
  </si>
  <si>
    <t>株式会社　エアクラフトワークス</t>
  </si>
  <si>
    <t>株式会社エアクラフトワークス</t>
  </si>
  <si>
    <t>03-6454-7105</t>
  </si>
  <si>
    <t>第１－３７８４号</t>
  </si>
  <si>
    <t>株式会社　クマレイ</t>
  </si>
  <si>
    <t>株式会社クマレイ</t>
  </si>
  <si>
    <t>旭区今宿西町198-3</t>
  </si>
  <si>
    <t>045-459-9146</t>
  </si>
  <si>
    <t>第１－３７８５号</t>
  </si>
  <si>
    <t>株式会社　ファイブコアジャパン</t>
  </si>
  <si>
    <t>株式会社ファイブコアジャパン</t>
  </si>
  <si>
    <t>北烏山1-56-25</t>
  </si>
  <si>
    <t>03-6909-1575</t>
  </si>
  <si>
    <t>第１－３７８６号</t>
  </si>
  <si>
    <t>株式会社　ユアサデンキ</t>
  </si>
  <si>
    <t>株式会社ユアサデンキ</t>
  </si>
  <si>
    <t>花見川区天戸町1333番地2</t>
  </si>
  <si>
    <t>043-305-4709</t>
  </si>
  <si>
    <t>第１－３７８７号</t>
  </si>
  <si>
    <t>株式会社　大空</t>
  </si>
  <si>
    <t>株式会社大空</t>
  </si>
  <si>
    <t>高津区久末1645</t>
  </si>
  <si>
    <t>044-740-9499</t>
  </si>
  <si>
    <t>第１－３７８８号</t>
  </si>
  <si>
    <t>株式会社　空全設備</t>
  </si>
  <si>
    <t>株式会社空全設備</t>
  </si>
  <si>
    <t>緑区台村町186</t>
  </si>
  <si>
    <t>045-533-5110</t>
  </si>
  <si>
    <t>第１－３７８９号</t>
  </si>
  <si>
    <t>中部菱成　株式会社</t>
  </si>
  <si>
    <t>中部菱成株式会社　横浜営業所</t>
  </si>
  <si>
    <t>港北区新羽町1942-2</t>
  </si>
  <si>
    <t>045-947-2565</t>
  </si>
  <si>
    <t>第１－３７９０号</t>
  </si>
  <si>
    <t>ＧＯＯＤ　ＡＩＲ　株式会社</t>
  </si>
  <si>
    <t>ＧＯＯＤ　ＡＩＲ株式会社</t>
  </si>
  <si>
    <t>麻生区王禅寺東1の30の2</t>
  </si>
  <si>
    <t>044-982-3832</t>
  </si>
  <si>
    <t>第１－３７９１号</t>
  </si>
  <si>
    <t>株式会社　ＩＮＴＥＣ</t>
  </si>
  <si>
    <t>株式会社ＩＮＴＥＣ</t>
  </si>
  <si>
    <t>瀬崎7-13-19</t>
  </si>
  <si>
    <t>048-922-4743</t>
  </si>
  <si>
    <t>第１－３７９２号</t>
  </si>
  <si>
    <t>株式会社　ＭＥＬＩＡ</t>
  </si>
  <si>
    <t>株式会社ＭＥＬＩＡ</t>
  </si>
  <si>
    <t>戸塚区汲沢町1407番地11</t>
  </si>
  <si>
    <t>045-410-6959</t>
  </si>
  <si>
    <t>第１－３７９３号</t>
  </si>
  <si>
    <t>株式会社　コウセン</t>
  </si>
  <si>
    <t>株式会社コウセン</t>
  </si>
  <si>
    <t>神戸773</t>
  </si>
  <si>
    <t>048-287-9100</t>
  </si>
  <si>
    <t>第１－３７９４号</t>
  </si>
  <si>
    <t>有限会社　空調工業</t>
  </si>
  <si>
    <t>有限会社空調工業</t>
  </si>
  <si>
    <t>神明3-30-18</t>
  </si>
  <si>
    <t>03-3629-0129</t>
  </si>
  <si>
    <t>第１－３７９５号</t>
  </si>
  <si>
    <t>中島　貴史</t>
  </si>
  <si>
    <t>中島設備</t>
  </si>
  <si>
    <t>南砂2-3-8-1119</t>
  </si>
  <si>
    <t>03-3649-1243</t>
  </si>
  <si>
    <t>第１－３７９６号</t>
  </si>
  <si>
    <t>トーエイ工業　株式会社</t>
  </si>
  <si>
    <t>トーエイ工業株式会社</t>
  </si>
  <si>
    <t>多摩川2-18-4</t>
  </si>
  <si>
    <t>03-3756-5011</t>
  </si>
  <si>
    <t>第１－３７９７号</t>
  </si>
  <si>
    <t>株式会社　ＴＥＣサービス</t>
  </si>
  <si>
    <t>株式会社ＴＥＣサービス</t>
  </si>
  <si>
    <t>平方1563番地59</t>
  </si>
  <si>
    <t>048-607-5223</t>
  </si>
  <si>
    <t>第１－３７９８号</t>
  </si>
  <si>
    <t>株式会社　第一・システム</t>
  </si>
  <si>
    <t>株式会社第一・システム</t>
  </si>
  <si>
    <t>八甫1361-22</t>
  </si>
  <si>
    <t>第１－３８００号</t>
  </si>
  <si>
    <t>有限会社　和田電機</t>
  </si>
  <si>
    <t>有限会社和田電機</t>
  </si>
  <si>
    <t>旭区南希望が丘76-1</t>
  </si>
  <si>
    <t>045-362-9508</t>
  </si>
  <si>
    <t>第１－３８０１号</t>
  </si>
  <si>
    <t>株式会社ヤマト</t>
  </si>
  <si>
    <t>株式会社ヤマト横浜支店</t>
  </si>
  <si>
    <t>西区高島2丁目6番32号横浜東ロウィスポートビル16階</t>
  </si>
  <si>
    <t>045-577-9114</t>
  </si>
  <si>
    <t>第１－３８０２号</t>
  </si>
  <si>
    <t>株式会社　Ｐ-Ｌｉｎｋ</t>
  </si>
  <si>
    <t>株式会社Ｐ-Ｌｉｎｋ</t>
  </si>
  <si>
    <t>台町4-44-11　明野ビル202</t>
  </si>
  <si>
    <t>042-673-2354</t>
  </si>
  <si>
    <t>第１－３８０３号</t>
  </si>
  <si>
    <t>大森　臨</t>
  </si>
  <si>
    <t>Ｎ－ｓｔｙｌｅ</t>
  </si>
  <si>
    <t>野毛2丁目17番16号　パークハウスハル1-102</t>
  </si>
  <si>
    <t>080-1045-4491</t>
  </si>
  <si>
    <t>第１－３８０４号</t>
  </si>
  <si>
    <t>小野　新二</t>
  </si>
  <si>
    <t>さくら空調サービス</t>
  </si>
  <si>
    <t>緑区白山1-9-27-101</t>
  </si>
  <si>
    <t>第１－３８０５号</t>
  </si>
  <si>
    <t>石井空学　株式会社</t>
  </si>
  <si>
    <t>石井空学株式会社</t>
  </si>
  <si>
    <t>幸区紺屋町21</t>
  </si>
  <si>
    <t>044-571-1177</t>
  </si>
  <si>
    <t>第１－３８０６号</t>
  </si>
  <si>
    <t>三豊工業　株式会社</t>
  </si>
  <si>
    <t>三豊工業株式会社</t>
  </si>
  <si>
    <t>薬円台6-12-30</t>
  </si>
  <si>
    <t>047-463-9597</t>
  </si>
  <si>
    <t>第１－３８０７号</t>
  </si>
  <si>
    <t>エムプロテック　株式会社　</t>
  </si>
  <si>
    <t>エムプロテック株式会社　</t>
  </si>
  <si>
    <t>大和田町2-1-16.405</t>
  </si>
  <si>
    <t>第１－３８０８号</t>
  </si>
  <si>
    <t>髙橋電設　株式会社</t>
  </si>
  <si>
    <t>髙橋電設株式会社</t>
  </si>
  <si>
    <t>西新井4-19-4</t>
  </si>
  <si>
    <t>03-6803-1328</t>
  </si>
  <si>
    <t>第１－３８０９号</t>
  </si>
  <si>
    <t>株式会社　広島設備開発</t>
  </si>
  <si>
    <t>株式会社広島設備開発</t>
  </si>
  <si>
    <t>安佐南区古市1-36-6</t>
  </si>
  <si>
    <t>082-870-5201</t>
  </si>
  <si>
    <t>第１－３８１０号</t>
  </si>
  <si>
    <t>パーストワン　株式会社</t>
  </si>
  <si>
    <t>パーストワン株式会社</t>
  </si>
  <si>
    <t>麹町3-7-7セット東京ビル5階</t>
  </si>
  <si>
    <t>第１－３８１１号</t>
  </si>
  <si>
    <t>有限会社　ワークス</t>
  </si>
  <si>
    <t>有限会社ワークス</t>
  </si>
  <si>
    <t>赤塚二丁目8番7-205号</t>
  </si>
  <si>
    <t>03-3930-0342</t>
  </si>
  <si>
    <t>第１－３８１２号</t>
  </si>
  <si>
    <t>株式会社　アトム</t>
  </si>
  <si>
    <t>株式会社アトム</t>
  </si>
  <si>
    <t>八楠3-6-22</t>
  </si>
  <si>
    <t>054-629-0470</t>
  </si>
  <si>
    <t>第１－３８１３号</t>
  </si>
  <si>
    <t>Ｖｏｌｔ　株式会社</t>
  </si>
  <si>
    <t>Ｖｏｌｔ株式会社</t>
  </si>
  <si>
    <t>南区中島町1-11-2-101</t>
  </si>
  <si>
    <t>045-325-7721</t>
  </si>
  <si>
    <t>第１－３８１４号</t>
  </si>
  <si>
    <t>有限会社　鈴木電機工業所</t>
  </si>
  <si>
    <t>有限会社鈴木電機工業所</t>
  </si>
  <si>
    <t>大島2-19-11</t>
  </si>
  <si>
    <t>03-3684-4700</t>
  </si>
  <si>
    <t>第１－３８１５号</t>
  </si>
  <si>
    <t>有限会社　大伸冷熱</t>
  </si>
  <si>
    <t>有限会社大伸冷熱</t>
  </si>
  <si>
    <t>南町田2-13-33</t>
  </si>
  <si>
    <t>042-795-3713</t>
  </si>
  <si>
    <t>第１－３８１６号</t>
  </si>
  <si>
    <t>株式会社　環境総研</t>
  </si>
  <si>
    <t>株式会社環境総研</t>
  </si>
  <si>
    <t>大字領家1172-1</t>
  </si>
  <si>
    <t>048-729-8391</t>
  </si>
  <si>
    <t>第１－３８１７号</t>
  </si>
  <si>
    <t>京阪空調工業　株式会社</t>
  </si>
  <si>
    <t>山科区勧修寺東出町28番地</t>
  </si>
  <si>
    <t>075-573-3111</t>
  </si>
  <si>
    <t>淀川区三津屋南3丁目8-53</t>
  </si>
  <si>
    <t>06-4805-7171</t>
  </si>
  <si>
    <t>京阪空調工業株式会社　東京営業所</t>
  </si>
  <si>
    <t>第１－３８１８号</t>
  </si>
  <si>
    <t>Ｎｅｘｔ　Ａｉｒ　株式会社</t>
  </si>
  <si>
    <t>ＮｅｘｔＡｉｒ　株式会社</t>
  </si>
  <si>
    <t>戸神台2丁目1番地5棟247号</t>
  </si>
  <si>
    <t>0476-29-5050</t>
  </si>
  <si>
    <t>第１－３８１９号</t>
  </si>
  <si>
    <t>山下　鐘一</t>
  </si>
  <si>
    <t>山下冷熱設備</t>
  </si>
  <si>
    <t>旭区上川井町178-4　グレイスⅡ103</t>
  </si>
  <si>
    <t>045-442-4421</t>
  </si>
  <si>
    <t>第１－３８２０号</t>
  </si>
  <si>
    <t>株式会社　ウィード空調</t>
  </si>
  <si>
    <t>株式会社ウィード空調</t>
  </si>
  <si>
    <t>横川町446番地10</t>
  </si>
  <si>
    <t>042-686-2004</t>
  </si>
  <si>
    <t>第１－３８２１号</t>
  </si>
  <si>
    <t>熊木　修治</t>
  </si>
  <si>
    <t>友和設備</t>
  </si>
  <si>
    <t>西新井2-22-5-505</t>
  </si>
  <si>
    <t>第１－３８２２号</t>
  </si>
  <si>
    <t>Ｕ・Ａ・Ｗ　株式会社</t>
  </si>
  <si>
    <t>Ｕ・Ａ・Ｗ株式会社</t>
  </si>
  <si>
    <t>平野1-22-7</t>
  </si>
  <si>
    <t>03-3858-1916</t>
  </si>
  <si>
    <t>第１－３８２３号</t>
  </si>
  <si>
    <t>大成町2-31-1</t>
  </si>
  <si>
    <t>048-988-3415</t>
  </si>
  <si>
    <t>第１－３８２４号</t>
  </si>
  <si>
    <t>株式会社　Ｋ＆Ｌ</t>
  </si>
  <si>
    <t>株式会社Ｋ＆Ｌ</t>
  </si>
  <si>
    <t>彦沢1-204-1</t>
  </si>
  <si>
    <t>0489-59-9877</t>
  </si>
  <si>
    <t>第１－３８２５号</t>
  </si>
  <si>
    <t>株式会社　明石工業</t>
  </si>
  <si>
    <t>株式会社明石工業</t>
  </si>
  <si>
    <t>緑区台村町202番9</t>
  </si>
  <si>
    <t>第１－３８２６号</t>
  </si>
  <si>
    <t>株式会社　フィールドライン</t>
  </si>
  <si>
    <t>株式会社フィールドライン</t>
  </si>
  <si>
    <t>青葉区上谷本町720番地2-2階</t>
  </si>
  <si>
    <t>045-507-6071</t>
  </si>
  <si>
    <t>第１－３８２７号</t>
  </si>
  <si>
    <t>株式会社　モチーフ</t>
  </si>
  <si>
    <t>株式会社モチーフ</t>
  </si>
  <si>
    <t>都筑区東山田4-40-33 OY2</t>
  </si>
  <si>
    <t>045-594-7653</t>
  </si>
  <si>
    <t>第１－３８２８号</t>
  </si>
  <si>
    <t>株式会社　Ｒ．Ｈｏｍｅ</t>
  </si>
  <si>
    <t>株式会社Ｒ．Ｈｏｍｅ</t>
  </si>
  <si>
    <t>深大寺元町4-34-30</t>
  </si>
  <si>
    <t>042-427-9066</t>
  </si>
  <si>
    <t>第１－３８２９号</t>
  </si>
  <si>
    <t>タワーエンジニアリング　株式会社</t>
  </si>
  <si>
    <t>タワーエンジニアリング株式会社</t>
  </si>
  <si>
    <t>守山区向台1丁目1828番地の2</t>
  </si>
  <si>
    <t>052-740-1042</t>
  </si>
  <si>
    <t>第１－３８３０号</t>
  </si>
  <si>
    <t>正和空調工業　株式会社</t>
  </si>
  <si>
    <t>正和空調工業株式会社</t>
  </si>
  <si>
    <t>西区北幸1-1-8　エキニア横浜R-1号室　横浜営業所</t>
  </si>
  <si>
    <t>045-320-3177</t>
  </si>
  <si>
    <t>第１－３８３１号</t>
  </si>
  <si>
    <t>株式会社　エム・エイチ・ケイ</t>
  </si>
  <si>
    <t>芝下2-31-16</t>
  </si>
  <si>
    <t>048-261-6024</t>
  </si>
  <si>
    <t>第１－３８３２号</t>
  </si>
  <si>
    <t>有限会社　クロダ冷熱</t>
  </si>
  <si>
    <t>有限会社クロダ冷熱</t>
  </si>
  <si>
    <t>岩殿1103-38</t>
  </si>
  <si>
    <t>0493-34-4929</t>
  </si>
  <si>
    <t>第１－３８３３号</t>
  </si>
  <si>
    <t>杉山　和也</t>
  </si>
  <si>
    <t>エアテック杉山</t>
  </si>
  <si>
    <t>緑区森の台21-2</t>
  </si>
  <si>
    <t>090-3209-5690</t>
  </si>
  <si>
    <t>第１－３８３４号</t>
  </si>
  <si>
    <t>有限会社　ホームテック</t>
  </si>
  <si>
    <t>有限会社ホームテック</t>
  </si>
  <si>
    <t>新橋1697-3</t>
  </si>
  <si>
    <t>0550-84-0517</t>
  </si>
  <si>
    <t>第１－３８３５号</t>
  </si>
  <si>
    <t>有限会社　沼部設備</t>
  </si>
  <si>
    <t>有限会社沼部設備</t>
  </si>
  <si>
    <t>八広1-7-5　ライオンズM704</t>
  </si>
  <si>
    <t>090-3130-1268</t>
  </si>
  <si>
    <t>第１－３８３７号</t>
  </si>
  <si>
    <t>株式会社　勇真設備</t>
  </si>
  <si>
    <t>株式会社勇真設備</t>
  </si>
  <si>
    <t>久下田西4-118-2</t>
  </si>
  <si>
    <t>第１－３８３８号</t>
  </si>
  <si>
    <t>根間　信昌</t>
  </si>
  <si>
    <t>ダイワエアコン</t>
  </si>
  <si>
    <t>東野川3-15-4-1005</t>
  </si>
  <si>
    <t>090-3137-1193</t>
  </si>
  <si>
    <t>第１－３８３９号</t>
  </si>
  <si>
    <t>白石　剛</t>
  </si>
  <si>
    <t>白石空調設備</t>
  </si>
  <si>
    <t>藤心3-4-3</t>
  </si>
  <si>
    <t>090-6508-9534</t>
  </si>
  <si>
    <t>第１－３８４０号</t>
  </si>
  <si>
    <t>株式会社　東海無線電機商会</t>
  </si>
  <si>
    <t>株式会社東海無線電機商会</t>
  </si>
  <si>
    <t>戸塚区品濃町514-1　南の街8-104</t>
  </si>
  <si>
    <t>045-821-8837</t>
  </si>
  <si>
    <t>第１－３８４１号</t>
  </si>
  <si>
    <t>株式会社　ＦＬＯＷＳ</t>
  </si>
  <si>
    <t>株式会社ＦＬＯＷＳ</t>
  </si>
  <si>
    <t>港北区高田西1-4-44</t>
  </si>
  <si>
    <t>045-594-2320</t>
  </si>
  <si>
    <t>第１－３８４２号</t>
  </si>
  <si>
    <t>有限会社　オールブルー</t>
  </si>
  <si>
    <t>有限会社オールブルー</t>
  </si>
  <si>
    <t>三芳町上富324-15</t>
  </si>
  <si>
    <t>049-265-6572</t>
  </si>
  <si>
    <t>第１－３８４３号</t>
  </si>
  <si>
    <t>エスペックサーマルテックシステム　株式会社</t>
  </si>
  <si>
    <t>エスペックサーマルテックシステム株式会社</t>
  </si>
  <si>
    <t>美女木東1-2-15</t>
  </si>
  <si>
    <t>048-423-1800</t>
  </si>
  <si>
    <t>第１－３８４４号</t>
  </si>
  <si>
    <t>有限会社　明誠工業</t>
  </si>
  <si>
    <t>有限会社明誠工業</t>
  </si>
  <si>
    <t>浜北区宮口2823-2</t>
  </si>
  <si>
    <t>053-582-3803</t>
  </si>
  <si>
    <t>第１－３８４５号</t>
  </si>
  <si>
    <t>稲葉　輝彦</t>
  </si>
  <si>
    <t>稲葉エンジニアリング</t>
  </si>
  <si>
    <t>稔台3丁目46-19</t>
  </si>
  <si>
    <t>047-702-3437</t>
  </si>
  <si>
    <t>第１－３８４７号</t>
  </si>
  <si>
    <t>日本エアテック　株式会社</t>
  </si>
  <si>
    <t>日本エアテック株式会社</t>
  </si>
  <si>
    <t>大泉学園町八丁目31番11号ヤマトビル5F</t>
  </si>
  <si>
    <t>第１－３８４８号</t>
  </si>
  <si>
    <t>株式会社　さつき電設</t>
  </si>
  <si>
    <t>株式会社さつき電設</t>
  </si>
  <si>
    <t>東所沢1-20-5　デンバウきのした108</t>
  </si>
  <si>
    <t>04-2945-9030</t>
  </si>
  <si>
    <t>第１－３８４９号</t>
  </si>
  <si>
    <t>有限会社　アクア電工</t>
  </si>
  <si>
    <t>有限会社アクア電工</t>
  </si>
  <si>
    <t>横川町797-36</t>
  </si>
  <si>
    <t>042-628-2867</t>
  </si>
  <si>
    <t>第１－３８５０号</t>
  </si>
  <si>
    <t>富樫　祐一郎</t>
  </si>
  <si>
    <t>富士冷機工業</t>
  </si>
  <si>
    <t>谷塚仲町444　グリーンパーク谷塚Ⅰ　603号</t>
  </si>
  <si>
    <t>048-929-0546</t>
  </si>
  <si>
    <t>第１－３８５１号</t>
  </si>
  <si>
    <t>ユラボジャパン　株式会社</t>
  </si>
  <si>
    <t>ユラボジャパン株式会社</t>
  </si>
  <si>
    <t>和泉市</t>
  </si>
  <si>
    <t>テクノステージ1丁目3-17</t>
  </si>
  <si>
    <t>0725-54-1900</t>
  </si>
  <si>
    <t>第１－３８５２号</t>
  </si>
  <si>
    <t>株式会社　エアコンサービスニシオ</t>
  </si>
  <si>
    <t>株式会社エアコンサービスニシオ</t>
  </si>
  <si>
    <t>東伊興1-13-3</t>
  </si>
  <si>
    <t>03-5809-5622</t>
  </si>
  <si>
    <t>第１－３８５３号</t>
  </si>
  <si>
    <t>株式会社　ｆｏｒｅｓｔｅｃｈ</t>
  </si>
  <si>
    <t>株式会社ｆｏｒｅｓｔｅｃｈ</t>
  </si>
  <si>
    <t>五月町8-8</t>
  </si>
  <si>
    <t>第１－３８５４号</t>
  </si>
  <si>
    <t>細矢　雄志</t>
  </si>
  <si>
    <t>アローネクサス</t>
  </si>
  <si>
    <t>北大塚3-3-8</t>
  </si>
  <si>
    <t>03-3576-8463</t>
  </si>
  <si>
    <t>第１－３８５５号</t>
  </si>
  <si>
    <t>株式会社　成美</t>
  </si>
  <si>
    <t>株式会社成美</t>
  </si>
  <si>
    <t>厚原1893番地の7</t>
  </si>
  <si>
    <t>0545-72-1472</t>
  </si>
  <si>
    <t>第１－３８５６号</t>
  </si>
  <si>
    <t>有限会社　大協サービス</t>
  </si>
  <si>
    <t>有限会社大協サービス</t>
  </si>
  <si>
    <t>若葉区大宮町1288-14</t>
  </si>
  <si>
    <t>043-208-1723</t>
  </si>
  <si>
    <t>第１－３８５７号</t>
  </si>
  <si>
    <t>日本空調　株式会社</t>
  </si>
  <si>
    <t>日本空調株式会社</t>
  </si>
  <si>
    <t>西三ケ尾424番地の47</t>
  </si>
  <si>
    <t>04-7197-5964</t>
  </si>
  <si>
    <t>第１－３８５８号</t>
  </si>
  <si>
    <t>ＭＡＣ　株式会社</t>
  </si>
  <si>
    <t>ＭＡＣ株式会社</t>
  </si>
  <si>
    <t>多摩区長沢一丁目5番10号第二野村ビル102</t>
  </si>
  <si>
    <t>第１－３８５９号</t>
  </si>
  <si>
    <t>株式会社　トクダ電設</t>
  </si>
  <si>
    <t>株式会社トクダ電設</t>
  </si>
  <si>
    <t>片山三丁目8番24号エトワール片山Ｂ－204</t>
  </si>
  <si>
    <t>048-479-8362</t>
  </si>
  <si>
    <t>第１－３８６０号</t>
  </si>
  <si>
    <t>株式会社　木嶋興業</t>
  </si>
  <si>
    <t>株式会社木嶋興業</t>
  </si>
  <si>
    <t>辰沼二丁目2番14号</t>
  </si>
  <si>
    <t>03-6802-6825</t>
  </si>
  <si>
    <t>第１－３８６１号</t>
  </si>
  <si>
    <t>有限会社　嶋田電機工業</t>
  </si>
  <si>
    <t>有限会社嶋田電機工業</t>
  </si>
  <si>
    <t>柿木町150</t>
  </si>
  <si>
    <t>048-931-2465</t>
  </si>
  <si>
    <t>第１－３８６２号</t>
  </si>
  <si>
    <t>武智　博史</t>
  </si>
  <si>
    <t>タケチ空調</t>
  </si>
  <si>
    <t>東道野辺4-4-48-2</t>
  </si>
  <si>
    <t>047-441-2028</t>
  </si>
  <si>
    <t>第１－３８６３号</t>
  </si>
  <si>
    <t>株式会社　ブレス</t>
  </si>
  <si>
    <t>株式会社ブレス</t>
  </si>
  <si>
    <t>篠崎町3-20-19</t>
  </si>
  <si>
    <t>第１－３８６４号</t>
  </si>
  <si>
    <t>株式会社　トータルアシスト</t>
  </si>
  <si>
    <t>株式会社トータルアシスト</t>
  </si>
  <si>
    <t>中川区打中一丁目7番地</t>
  </si>
  <si>
    <t>052-365-2122</t>
  </si>
  <si>
    <t>第１－３８６５号</t>
  </si>
  <si>
    <t>鈴木　尚樹</t>
  </si>
  <si>
    <t>鈴木電気</t>
  </si>
  <si>
    <t>宮前区東有馬2-35-51　B-1</t>
  </si>
  <si>
    <t>090-4028-9266</t>
  </si>
  <si>
    <t>第１－３８６６号</t>
  </si>
  <si>
    <t>株式会社　Ｄ　ＮＥＸＴ</t>
  </si>
  <si>
    <t>株式会社Ｄ　ＮＥＸＴ</t>
  </si>
  <si>
    <t>上新井2-72-40</t>
  </si>
  <si>
    <t>04-2935-7811</t>
  </si>
  <si>
    <t>第１－３８６７号</t>
  </si>
  <si>
    <t>株式会社　秋山空調</t>
  </si>
  <si>
    <t>株式会社秋山空調</t>
  </si>
  <si>
    <t>真光寺3-17-1</t>
  </si>
  <si>
    <t>042-735-5730</t>
  </si>
  <si>
    <t>第１－３８６８号</t>
  </si>
  <si>
    <t>福田　豊浩</t>
  </si>
  <si>
    <t>福田電気</t>
  </si>
  <si>
    <t>高松4-9-22</t>
  </si>
  <si>
    <t>03-3998-6304</t>
  </si>
  <si>
    <t>第１－３８６９号</t>
  </si>
  <si>
    <t>株式会社　Ｌｉｆｅ　Ｅｎｇｉｎｅｅｒ</t>
  </si>
  <si>
    <t>株式会社Ｌｉｆｅ　Ｅｎｇｉｎｅｅｒ</t>
  </si>
  <si>
    <t>元横山町3-24-10</t>
  </si>
  <si>
    <t>第１－３８７０号</t>
  </si>
  <si>
    <t>株式会社　染谷</t>
  </si>
  <si>
    <t>株式会社染谷</t>
  </si>
  <si>
    <t>安行慈林590-47</t>
  </si>
  <si>
    <t>048-299-4323</t>
  </si>
  <si>
    <t>第１－３８７１号</t>
  </si>
  <si>
    <t>ピーロジカル　株式会社</t>
  </si>
  <si>
    <t>ピーロジカル株式会社</t>
  </si>
  <si>
    <t>第１－３８７２号</t>
  </si>
  <si>
    <t>株式会社　Ｂｒｅｅｚｅ</t>
  </si>
  <si>
    <t>株式会社Ｂｒｅｅｚｅ</t>
  </si>
  <si>
    <t>豊玉上1-8-18-302</t>
  </si>
  <si>
    <t>第１－３８７３号</t>
  </si>
  <si>
    <t>有限会社　真和サービス</t>
  </si>
  <si>
    <t>有限会社真和サービス</t>
  </si>
  <si>
    <t>瀬谷区阿久和東3-2-1　ライゼNo.6</t>
  </si>
  <si>
    <t>045-520-3364</t>
  </si>
  <si>
    <t>第１－３８７４号</t>
  </si>
  <si>
    <t>平良　拓也</t>
  </si>
  <si>
    <t>Ｌｉｆｅ Ｅｄｇｅ</t>
  </si>
  <si>
    <t>三郷1-12-19　徳重コーポラス102</t>
  </si>
  <si>
    <t>第１－３８７６号</t>
  </si>
  <si>
    <t>株式会社　天雲美創</t>
  </si>
  <si>
    <t>株式会社天雲美創</t>
  </si>
  <si>
    <t>西中延1-11-4</t>
  </si>
  <si>
    <t>03-3782-8946</t>
  </si>
  <si>
    <t>第１－３８７８号</t>
  </si>
  <si>
    <t>東工サービス　有限会社</t>
  </si>
  <si>
    <t>東工サービス有限会社</t>
  </si>
  <si>
    <t>大和田町6-15-1</t>
  </si>
  <si>
    <t>042-649-2195</t>
  </si>
  <si>
    <t>第１－３８７９号</t>
  </si>
  <si>
    <t>久保　法義</t>
  </si>
  <si>
    <t>久保住設</t>
  </si>
  <si>
    <t>磯子区丸山2-20-3-105</t>
  </si>
  <si>
    <t>第１－３８８０号</t>
  </si>
  <si>
    <t>株式会社　ケイアンドエスブラザーズ</t>
  </si>
  <si>
    <t>株式会社ケイアンドエスブラザーズ</t>
  </si>
  <si>
    <t>立川4-12-11</t>
  </si>
  <si>
    <t>03-3634-0647</t>
  </si>
  <si>
    <t>第１－３８８１号</t>
  </si>
  <si>
    <t>有限会社　ワタナベ電機商会</t>
  </si>
  <si>
    <t>有限会社ワタナベ電機商会</t>
  </si>
  <si>
    <t>渡戸三丁目7番5号</t>
  </si>
  <si>
    <t>049-255-3071</t>
  </si>
  <si>
    <t>第１－３８８２号</t>
  </si>
  <si>
    <t>ケー・エム・エス　株式会社</t>
  </si>
  <si>
    <t>ケー・エム・エス株式会社</t>
  </si>
  <si>
    <t>今福1654-2</t>
  </si>
  <si>
    <t>第１－３８８３号</t>
  </si>
  <si>
    <t>株式会社　ハタナカ空調</t>
  </si>
  <si>
    <t>株式会社ハタナカ空調</t>
  </si>
  <si>
    <t>西瑞江3-20-170</t>
  </si>
  <si>
    <t>03-5243-3936</t>
  </si>
  <si>
    <t>第１－３８８４号</t>
  </si>
  <si>
    <t>パナソニック産機システムズ　株式会社</t>
  </si>
  <si>
    <t>パナソニック産機システムズ株式会社　コールドチェーン事業本部　営業統括部　首都圏営業部　神奈川営業所</t>
  </si>
  <si>
    <t>戸塚区上品濃9-14</t>
  </si>
  <si>
    <t>045-826-5454</t>
  </si>
  <si>
    <t>パナソニック産機システムズ株式会社</t>
  </si>
  <si>
    <t>押上一丁目1番2号　東京スカイツリーイーストタワー</t>
  </si>
  <si>
    <t>03-6361-0282</t>
  </si>
  <si>
    <t>第１－３８８５号</t>
  </si>
  <si>
    <t>株式会社　安達空調サービス</t>
  </si>
  <si>
    <t>株式会社安達空調サービス</t>
  </si>
  <si>
    <t>中原区小杉町1-358</t>
  </si>
  <si>
    <t>044-722-0180</t>
  </si>
  <si>
    <t>第１－３８８６号</t>
  </si>
  <si>
    <t>神野　清也</t>
  </si>
  <si>
    <t>Ｔｒｕｓｔ</t>
  </si>
  <si>
    <t>宮前区菅生2-24-40-103</t>
  </si>
  <si>
    <t>044-387-5022</t>
  </si>
  <si>
    <t>第１－３８８７号</t>
  </si>
  <si>
    <t>株式会社　寺田冷機</t>
  </si>
  <si>
    <t>株式会社寺田冷機</t>
  </si>
  <si>
    <t>潮見四丁目3番5号</t>
  </si>
  <si>
    <t>0438-36-6126</t>
  </si>
  <si>
    <t>第１－３８８９号</t>
  </si>
  <si>
    <t>株式会社　ＤＦＣｐｌａｎｔ</t>
  </si>
  <si>
    <t>株式会社ＤＦＣｐｌａｎｔ</t>
  </si>
  <si>
    <t>東領家3丁目11番20号</t>
  </si>
  <si>
    <t>048-299-6323</t>
  </si>
  <si>
    <t>第１－３８９０号</t>
  </si>
  <si>
    <t>有限会社　誠冷熱工業</t>
  </si>
  <si>
    <t>有限会社誠冷熱工業</t>
  </si>
  <si>
    <t>柱本新町3-8</t>
  </si>
  <si>
    <t>072-678-0605</t>
  </si>
  <si>
    <t>第１－３８９１号</t>
  </si>
  <si>
    <t>株式会社　ＫＣＭ</t>
  </si>
  <si>
    <t>株式会社ＫＣＭ</t>
  </si>
  <si>
    <t>美浜区打瀬3-5-3-503</t>
  </si>
  <si>
    <t>043-273-6234</t>
  </si>
  <si>
    <t>第１－３８９２号</t>
  </si>
  <si>
    <t>野口　誕</t>
  </si>
  <si>
    <t>ＴＲＹ　ＷＯＲＫＳ</t>
  </si>
  <si>
    <t>小山町578-1</t>
  </si>
  <si>
    <t>042-812-9525</t>
  </si>
  <si>
    <t>第１－３８９３号</t>
  </si>
  <si>
    <t>株式会社　古川空調</t>
  </si>
  <si>
    <t>株式会社古川空調</t>
  </si>
  <si>
    <t>中央区上峰1-6-21</t>
  </si>
  <si>
    <t>048-201-0411</t>
  </si>
  <si>
    <t>第１－３８９４号</t>
  </si>
  <si>
    <t>株式会社　ＡｉｒＲｉｓｅ</t>
  </si>
  <si>
    <t>株式会社ＡｉｒＲｉｓｅ</t>
  </si>
  <si>
    <t>砂川町8-83-28</t>
  </si>
  <si>
    <t>090-4422-5551</t>
  </si>
  <si>
    <t>第１－３８９５号</t>
  </si>
  <si>
    <t>株式会社　シモヤマ空調</t>
  </si>
  <si>
    <t>株式会社シモヤマ空調</t>
  </si>
  <si>
    <t>戸山2-3-105</t>
  </si>
  <si>
    <t>03-3207-1376</t>
  </si>
  <si>
    <t>第１－３８９６号</t>
  </si>
  <si>
    <t>株式会社　ＹＫＢジャパン</t>
  </si>
  <si>
    <t>株式会社ＹＫＢジャパン</t>
  </si>
  <si>
    <t>瑞江1-62-8</t>
  </si>
  <si>
    <t>03-5879-8110</t>
  </si>
  <si>
    <t>第１－３８９７号</t>
  </si>
  <si>
    <t>有限会社　大平堂</t>
  </si>
  <si>
    <t>有限会社大平堂</t>
  </si>
  <si>
    <t>青葉区鉄町51番地1</t>
  </si>
  <si>
    <t>045-971-1309</t>
  </si>
  <si>
    <t>第１－３８９８号</t>
  </si>
  <si>
    <t>株式会社　ＫＮサービス</t>
  </si>
  <si>
    <t>株式会社ＫＮサービス</t>
  </si>
  <si>
    <t>加平1-16-20</t>
  </si>
  <si>
    <t>03-6662-9304</t>
  </si>
  <si>
    <t>第１－３８９９号</t>
  </si>
  <si>
    <t>株式会社　冷電社</t>
  </si>
  <si>
    <t>株式会社冷電社</t>
  </si>
  <si>
    <t>南大井3-6-12　1F</t>
  </si>
  <si>
    <t>03-5763-5641</t>
  </si>
  <si>
    <t>第１－３９００号</t>
  </si>
  <si>
    <t>森山メンテナンス　株式会社</t>
  </si>
  <si>
    <t>森山メンテナンス株式会社</t>
  </si>
  <si>
    <t>栄2-6-32-6</t>
  </si>
  <si>
    <t>048-481-0356</t>
  </si>
  <si>
    <t>第１－３９０１号</t>
  </si>
  <si>
    <t>糸野　宏幸</t>
  </si>
  <si>
    <t>ＩＭＣ　ｉｎｔｅｃ</t>
  </si>
  <si>
    <t>常盤町3196－21</t>
  </si>
  <si>
    <t>080-3005-1322</t>
  </si>
  <si>
    <t>第１－３９０２号</t>
  </si>
  <si>
    <t>富繁産業　株式会社</t>
  </si>
  <si>
    <t>富繁産業株式会社</t>
  </si>
  <si>
    <t>坂出市</t>
  </si>
  <si>
    <t>林田町3080番地</t>
  </si>
  <si>
    <t>0877-47-0421</t>
  </si>
  <si>
    <t>第１－３９０３号</t>
  </si>
  <si>
    <t>有限会社　ハナダ設備工業</t>
  </si>
  <si>
    <t>有限会社ハナダ設備工業</t>
  </si>
  <si>
    <t>連光寺5-7-2</t>
  </si>
  <si>
    <t>042-376-8905</t>
  </si>
  <si>
    <t>第１－３９０４号</t>
  </si>
  <si>
    <t>有限会社　共伸空調設備</t>
  </si>
  <si>
    <t>有限会社共伸空調設備</t>
  </si>
  <si>
    <t>旭区白根2-5-16　リトマンペラ101号</t>
  </si>
  <si>
    <t>045-958-1215</t>
  </si>
  <si>
    <t>第１－３９０５号</t>
  </si>
  <si>
    <t>株式会社　石山商会</t>
  </si>
  <si>
    <t>株式会社石山商会</t>
  </si>
  <si>
    <t>小山市</t>
  </si>
  <si>
    <t>城北三丁目2番地12</t>
  </si>
  <si>
    <t>0285-25-1543</t>
  </si>
  <si>
    <t>第１－３９０６号</t>
  </si>
  <si>
    <t>第１－３９０７号</t>
  </si>
  <si>
    <t>株式会社　クラフト・エー</t>
  </si>
  <si>
    <t>株式会社クラフト・エー</t>
  </si>
  <si>
    <t>稲毛区小深町291-34</t>
  </si>
  <si>
    <t>043-290-9121</t>
  </si>
  <si>
    <t>第１－３９０８号</t>
  </si>
  <si>
    <t>小菅　由紀</t>
  </si>
  <si>
    <t>ユウキ空調</t>
  </si>
  <si>
    <t>戸塚東4-29-21</t>
  </si>
  <si>
    <t>048-299-7519</t>
  </si>
  <si>
    <t>第１－３９０９号</t>
  </si>
  <si>
    <t>新日本物流　株式会社</t>
  </si>
  <si>
    <t>新日本物流株式会社　リサイクルセンター</t>
  </si>
  <si>
    <t>瑞穂町長岡3-9-13</t>
  </si>
  <si>
    <t>042-557-7931</t>
  </si>
  <si>
    <t>第１－３９１０号</t>
  </si>
  <si>
    <t>東進熱工業　株式会社</t>
  </si>
  <si>
    <t>東進熱工業株式会社</t>
  </si>
  <si>
    <t>池田5丁目2番6号</t>
  </si>
  <si>
    <t>048-481-0371</t>
  </si>
  <si>
    <t>第１－３９１１号</t>
  </si>
  <si>
    <t>株式会社　明空社</t>
  </si>
  <si>
    <t>株式会社明空社</t>
  </si>
  <si>
    <t>東町3-10-6</t>
  </si>
  <si>
    <t>042-546-1389</t>
  </si>
  <si>
    <t>第１－３９１２号</t>
  </si>
  <si>
    <t>ユナイテッド工業　株式会社</t>
  </si>
  <si>
    <t>ユナイテッド工業株式会社</t>
  </si>
  <si>
    <t>小林455番地12</t>
  </si>
  <si>
    <t>0476-33-3280</t>
  </si>
  <si>
    <t>第１－３９１３号</t>
  </si>
  <si>
    <t>有限会社　明秀設備</t>
  </si>
  <si>
    <t>有限会社明秀設備</t>
  </si>
  <si>
    <t>東和5-9-6</t>
  </si>
  <si>
    <t>03-6303-2777</t>
  </si>
  <si>
    <t>第１－３９１４号</t>
  </si>
  <si>
    <t>株式会社　ワイズエムシステム</t>
  </si>
  <si>
    <t>株式会社ワイズエムシステム</t>
  </si>
  <si>
    <t>080-1212-9725</t>
  </si>
  <si>
    <t>第１－３９１５号</t>
  </si>
  <si>
    <t>株式会社　オールメンテナンス</t>
  </si>
  <si>
    <t>株式会社オールメンテナンス</t>
  </si>
  <si>
    <t>北区吉野町2-8-4</t>
  </si>
  <si>
    <t>048-729-8284</t>
  </si>
  <si>
    <t>第１－３９１６号</t>
  </si>
  <si>
    <t>オオクマ電工　株式会社</t>
  </si>
  <si>
    <t>オオクマ電工株式会社</t>
  </si>
  <si>
    <t>大字南荻島1989-2</t>
  </si>
  <si>
    <t>048-975-7515</t>
  </si>
  <si>
    <t>第１－３９１７号</t>
  </si>
  <si>
    <t>花方　豪</t>
  </si>
  <si>
    <t>花方冷暖</t>
  </si>
  <si>
    <t>金沢区釜利谷西3-25-13</t>
  </si>
  <si>
    <t>080-9430-7703</t>
  </si>
  <si>
    <t>第１－３９１８号</t>
  </si>
  <si>
    <t>株式会社　ブライトオール</t>
  </si>
  <si>
    <t>株式会社ブライトオール</t>
  </si>
  <si>
    <t>保土ケ谷区上菅田町876-11</t>
  </si>
  <si>
    <t>045-465-4046</t>
  </si>
  <si>
    <t>第１－３９１９号</t>
  </si>
  <si>
    <t>株式会社　加賀空調</t>
  </si>
  <si>
    <t>株式会社加賀空調</t>
  </si>
  <si>
    <t>中台3-27-D303　</t>
  </si>
  <si>
    <t>03-4296-5943</t>
  </si>
  <si>
    <t>第１－３９２０号</t>
  </si>
  <si>
    <t>株式会社　八設</t>
  </si>
  <si>
    <t>株式会社八設</t>
  </si>
  <si>
    <t>相原町788-1</t>
  </si>
  <si>
    <t>042-770-2172</t>
  </si>
  <si>
    <t>第１－３９２１号</t>
  </si>
  <si>
    <t>株式会社　コグレ</t>
  </si>
  <si>
    <t>株式会社コグレ　太田営業所</t>
  </si>
  <si>
    <t>龍舞町5399</t>
  </si>
  <si>
    <t>0276-30-1125</t>
  </si>
  <si>
    <t>第１－３９２２号</t>
  </si>
  <si>
    <t>有限会社　ヤマフジ設備</t>
  </si>
  <si>
    <t>有限会社ヤマフジ設備</t>
  </si>
  <si>
    <t>鹿浜4-22-5</t>
  </si>
  <si>
    <t>03-3854-5347</t>
  </si>
  <si>
    <t>第１－３９２３号</t>
  </si>
  <si>
    <t>小林　学</t>
  </si>
  <si>
    <t>翔電舎</t>
  </si>
  <si>
    <t>多摩区南生田2-27-14</t>
  </si>
  <si>
    <t>080-4116-4719</t>
  </si>
  <si>
    <t>第１－３９２４号</t>
  </si>
  <si>
    <t>京葉冷熱工業　株式会社</t>
  </si>
  <si>
    <t>京葉冷熱工業株式会社</t>
  </si>
  <si>
    <t>03-6808-7798</t>
  </si>
  <si>
    <t>第１－３９２５号</t>
  </si>
  <si>
    <t>松井興業　株式会社</t>
  </si>
  <si>
    <t>松井興業株式会社</t>
  </si>
  <si>
    <t>谷津6-8-12</t>
  </si>
  <si>
    <t>047-478-9457</t>
  </si>
  <si>
    <t>第１－３９２６号</t>
  </si>
  <si>
    <t>株式会社　喜多</t>
  </si>
  <si>
    <t>株式会社喜多　本店</t>
  </si>
  <si>
    <t>大字柏崎365番地2</t>
  </si>
  <si>
    <t>0493-24-9933</t>
  </si>
  <si>
    <t>第１－３９２７号</t>
  </si>
  <si>
    <t>株式会社　樋口常三郎商店</t>
  </si>
  <si>
    <t>株式会社樋口常三郎商店</t>
  </si>
  <si>
    <t>吾妻橋一丁目13番12号</t>
  </si>
  <si>
    <t>03-3623-1513</t>
  </si>
  <si>
    <t>第１－３９２８号</t>
  </si>
  <si>
    <t>鈴木　淳一</t>
  </si>
  <si>
    <t>スズキ電機空調</t>
  </si>
  <si>
    <t>新松戸7-214　青桐ハウス206号</t>
  </si>
  <si>
    <t>047-348-5352</t>
  </si>
  <si>
    <t>第１－３９２９号</t>
  </si>
  <si>
    <t>Ｇ．Ｔ　ＷＯＲＫＳ　株式会社</t>
  </si>
  <si>
    <t>Ｇ．Ｔ　ＷＯＲＫＳ株式会社</t>
  </si>
  <si>
    <t>旭区桐が作1881-14</t>
  </si>
  <si>
    <t>第１－３９３０号</t>
  </si>
  <si>
    <t>大塚　俊二</t>
  </si>
  <si>
    <t>大塚空調サービス</t>
  </si>
  <si>
    <t>神奈川区菅田町2006</t>
  </si>
  <si>
    <t>090-3203-6463</t>
  </si>
  <si>
    <t>第１－３９３１号</t>
  </si>
  <si>
    <t>碇矢　豊大</t>
  </si>
  <si>
    <t>空調工事　碇矢　豊大</t>
  </si>
  <si>
    <t>下里3-6-2</t>
  </si>
  <si>
    <t>070-5025-3177</t>
  </si>
  <si>
    <t>第１－３９３２号</t>
  </si>
  <si>
    <t>株式会社　ＪＵＫＩ．ＮＥＴ</t>
  </si>
  <si>
    <t>株式会社ＪＵＫＩ．ＮＥＴ</t>
  </si>
  <si>
    <t>彦沢一丁目186番地</t>
  </si>
  <si>
    <t>048-999-5754</t>
  </si>
  <si>
    <t>第１－３９３３号</t>
  </si>
  <si>
    <t>上山　英</t>
  </si>
  <si>
    <t>ハナブサ空調工業</t>
  </si>
  <si>
    <t>中原区宮内1-19-21-202</t>
  </si>
  <si>
    <t>044-751-7810</t>
  </si>
  <si>
    <t>第１－３９３４号</t>
  </si>
  <si>
    <t>ＮＥＷ　ＡＩＲ　株式会社</t>
  </si>
  <si>
    <t>ＮＥＷ　ＡＩＲ株式会社</t>
  </si>
  <si>
    <t>みどり市</t>
  </si>
  <si>
    <t>笠懸町鹿2991-7</t>
  </si>
  <si>
    <t>0277-76-7703</t>
  </si>
  <si>
    <t>第１－３９３５号</t>
  </si>
  <si>
    <t>有限会社　庭電社</t>
  </si>
  <si>
    <t>有限会社庭電社</t>
  </si>
  <si>
    <t>新松戸南2丁目357番地</t>
  </si>
  <si>
    <t>090-6011-0022</t>
  </si>
  <si>
    <t>第１－３９３６号</t>
  </si>
  <si>
    <t>株式会社　エアーエース</t>
  </si>
  <si>
    <t>株式会社エアーエース</t>
  </si>
  <si>
    <t>東金町5-43-1</t>
  </si>
  <si>
    <t>03-6884-3562</t>
  </si>
  <si>
    <t>第１－３９３７号</t>
  </si>
  <si>
    <t>プロマスト　株式会社</t>
  </si>
  <si>
    <t>プロマスト株式会社</t>
  </si>
  <si>
    <t>刈谷市</t>
  </si>
  <si>
    <t>半城土町北十三塚13-2</t>
  </si>
  <si>
    <t>0566-91-7078</t>
  </si>
  <si>
    <t>第１－３９３８号</t>
  </si>
  <si>
    <t>株式会社　𠮷電設</t>
  </si>
  <si>
    <t>株式会社𠮷電設</t>
  </si>
  <si>
    <t>瀬谷区瀬谷1-21-2</t>
  </si>
  <si>
    <t>080-3403-7489</t>
  </si>
  <si>
    <t>第１－３９３９号</t>
  </si>
  <si>
    <t>株式会社　テクニカン</t>
  </si>
  <si>
    <t>株式会社テクニカン</t>
  </si>
  <si>
    <t>都筑区茅ケ崎南3-1-16</t>
  </si>
  <si>
    <t>045-948-4855</t>
  </si>
  <si>
    <t>第１－３９４０号</t>
  </si>
  <si>
    <t>古市電機　株式会社</t>
  </si>
  <si>
    <t>古市電機株式会社</t>
  </si>
  <si>
    <t>南寺方東通6丁目27番1号</t>
  </si>
  <si>
    <t>06-6115-5458</t>
  </si>
  <si>
    <t>第１－３９４１号</t>
  </si>
  <si>
    <t>株式会社　ＴＨＤ</t>
  </si>
  <si>
    <t>株式会社ＴＨＤ</t>
  </si>
  <si>
    <t>花見川区千種町196-36</t>
  </si>
  <si>
    <t>043-216-3270</t>
  </si>
  <si>
    <t>第１－３９４２号</t>
  </si>
  <si>
    <t>株式会社　Ｋ’ＡＩＲ　Ｓｙｓｔｅｍ</t>
  </si>
  <si>
    <t>株式会社Ｋ’ＡＩＲ　Ｓｙｓｔｅｍ</t>
  </si>
  <si>
    <t>瀬谷区阿久和東2丁目50-15</t>
  </si>
  <si>
    <t>第１－３９４３号</t>
  </si>
  <si>
    <t>株式会社　ＢＲＡＴ　ＡＩＲ</t>
  </si>
  <si>
    <t>株式会社ＢＲＡＴ　ＡＩＲ</t>
  </si>
  <si>
    <t>南常盤台1-5-12</t>
  </si>
  <si>
    <t>04-2907-1003</t>
  </si>
  <si>
    <t>第１－３９４４号</t>
  </si>
  <si>
    <t>有限会社　新和設備</t>
  </si>
  <si>
    <t>有限会社新和設備</t>
  </si>
  <si>
    <t>東本郷1505-10</t>
  </si>
  <si>
    <t>048-299-8846</t>
  </si>
  <si>
    <t>第１－３９４５号</t>
  </si>
  <si>
    <t>株式会社　川上空調</t>
  </si>
  <si>
    <t>株式会社川上空調</t>
  </si>
  <si>
    <t>溝沼5-12-27</t>
  </si>
  <si>
    <t>048-463-8238</t>
  </si>
  <si>
    <t>第１－３９４６号</t>
  </si>
  <si>
    <t>株式会社　シエル空調</t>
  </si>
  <si>
    <t>株式会社シエル空調</t>
  </si>
  <si>
    <t>西区水判土437-18</t>
  </si>
  <si>
    <t>048-677-3356</t>
  </si>
  <si>
    <t>第１－３９４７号</t>
  </si>
  <si>
    <t>有限会社　関空調設備サービス</t>
  </si>
  <si>
    <t>有限会社関空調設備サービス</t>
  </si>
  <si>
    <t>南区太田窪2-10-2-2</t>
  </si>
  <si>
    <t>第１－３９４８号</t>
  </si>
  <si>
    <t>株式会社　明正</t>
  </si>
  <si>
    <t>株式会社明正</t>
  </si>
  <si>
    <t>北烏山三丁目26番20号</t>
  </si>
  <si>
    <t>03-5313-9533</t>
  </si>
  <si>
    <t>第１－３９４９号</t>
  </si>
  <si>
    <t>株式会社　ＯＣＳ</t>
  </si>
  <si>
    <t>株式会社ＯＣＳ</t>
  </si>
  <si>
    <t>錦町3-12-16　ハイネス立川207号</t>
  </si>
  <si>
    <t>042-595-7161</t>
  </si>
  <si>
    <t>第１－３９５０号</t>
  </si>
  <si>
    <t>株式会社　桂設</t>
  </si>
  <si>
    <t>株式会社桂設</t>
  </si>
  <si>
    <t>日野727-1-201</t>
  </si>
  <si>
    <t>042-842-0924</t>
  </si>
  <si>
    <t>第１－３９５１号</t>
  </si>
  <si>
    <t>合同会社　ｃａｎ空調設備</t>
  </si>
  <si>
    <t>合同会社ｃａｎ空調設備</t>
  </si>
  <si>
    <t>富士見台4-18-21</t>
  </si>
  <si>
    <t>03-6766-7500</t>
  </si>
  <si>
    <t>第１－３９５２号</t>
  </si>
  <si>
    <t>相模機剤　株式会社</t>
  </si>
  <si>
    <t>相模機剤株式会社</t>
  </si>
  <si>
    <t>成瀬台2-3-6</t>
  </si>
  <si>
    <t>第１－３９５３号</t>
  </si>
  <si>
    <t>株式会社　日本電気システム</t>
  </si>
  <si>
    <t>株式会社日本電気システム　神奈川支店</t>
  </si>
  <si>
    <t>港北区新羽町478-4</t>
  </si>
  <si>
    <t>045-543-1995</t>
  </si>
  <si>
    <t>第１－３９５４号</t>
  </si>
  <si>
    <t>金森　博</t>
  </si>
  <si>
    <t>悠空サービス</t>
  </si>
  <si>
    <t>葵区南沼上一丁目33番13号</t>
  </si>
  <si>
    <t>090-3954-0605</t>
  </si>
  <si>
    <t>第１－３９５５号</t>
  </si>
  <si>
    <t>つぼい工業　株式会社</t>
  </si>
  <si>
    <t>つぼい工業株式会社</t>
  </si>
  <si>
    <t>中央区三方原町874-5</t>
  </si>
  <si>
    <t>053-438-1111</t>
  </si>
  <si>
    <t>第１－３９５６号</t>
  </si>
  <si>
    <t>新智電設工業　有限会社</t>
  </si>
  <si>
    <t>新智電設工業有限会社</t>
  </si>
  <si>
    <t>港北区新吉田町6050</t>
  </si>
  <si>
    <t>第１－３９５７号</t>
  </si>
  <si>
    <t>入木田　実文</t>
  </si>
  <si>
    <t>入木田電子</t>
  </si>
  <si>
    <t>戸塚区汲沢町1077-4　4-202</t>
  </si>
  <si>
    <t>090-3572-6004</t>
  </si>
  <si>
    <t>第１－３９５８号</t>
  </si>
  <si>
    <t>なかまサポート　株式会社</t>
  </si>
  <si>
    <t>なかまサポート株式会社</t>
  </si>
  <si>
    <t>都筑区池辺町2555三留テラスハウス102号</t>
  </si>
  <si>
    <t>045-628-9208</t>
  </si>
  <si>
    <t>第１－３９５９号</t>
  </si>
  <si>
    <t>株式会社　ｓｔｙｌｅ　Ｎ</t>
  </si>
  <si>
    <t>株式会社ｓｔｙｌｅ　Ｎ</t>
  </si>
  <si>
    <t>西新井本町1-19-15-605</t>
  </si>
  <si>
    <t>03-6803-1544</t>
  </si>
  <si>
    <t>第１－３９６０号</t>
  </si>
  <si>
    <t>新成空調工業　株式会社</t>
  </si>
  <si>
    <t>新成空調工業株式会社</t>
  </si>
  <si>
    <t>北九州市</t>
  </si>
  <si>
    <t>小倉南区長野1丁目14-1</t>
  </si>
  <si>
    <t>第１－３９６１号</t>
  </si>
  <si>
    <t>株式会社　三機工</t>
  </si>
  <si>
    <t>株式会社三機工　前橋営業所</t>
  </si>
  <si>
    <t>問屋町2-4-4</t>
  </si>
  <si>
    <t>027-212-3600</t>
  </si>
  <si>
    <t>第１－３９６２号</t>
  </si>
  <si>
    <t>有限会社　昭友工業</t>
  </si>
  <si>
    <t>有限会社昭友工業</t>
  </si>
  <si>
    <t>稔台3-14-24</t>
  </si>
  <si>
    <t>047-360-1153</t>
  </si>
  <si>
    <t>第１－３９６３号</t>
  </si>
  <si>
    <t>有限会社　中央電気サービス</t>
  </si>
  <si>
    <t>有限会社中央電気サービス</t>
  </si>
  <si>
    <t>大井中央1丁目4番18号</t>
  </si>
  <si>
    <t>049-264-1188</t>
  </si>
  <si>
    <t>第１－３９６４号</t>
  </si>
  <si>
    <t>古城　拓</t>
  </si>
  <si>
    <t>Ｃｏｏｌ Ｃａｔ</t>
  </si>
  <si>
    <t>伊奈1309-11</t>
  </si>
  <si>
    <t>080-7835-3621</t>
  </si>
  <si>
    <t>第１－３９６５号</t>
  </si>
  <si>
    <t>株式会社　ＡＲＭ電機</t>
  </si>
  <si>
    <t>株式会社ＡＲＭ電機</t>
  </si>
  <si>
    <t>宇奈根2-10-22</t>
  </si>
  <si>
    <t>03-6411-0868</t>
  </si>
  <si>
    <t>第１－３９６６号</t>
  </si>
  <si>
    <t>株式会社　ホウエイ関東</t>
  </si>
  <si>
    <t>株式会社ホウエイ関東</t>
  </si>
  <si>
    <t>根岸4-18-12 503号</t>
  </si>
  <si>
    <t>03-3872-6101</t>
  </si>
  <si>
    <t>第１－３９６７号</t>
  </si>
  <si>
    <t>有限会社　徳栄電機商会</t>
  </si>
  <si>
    <t>有限会社徳栄電機商会</t>
  </si>
  <si>
    <t>戸塚区平戸3-37-16</t>
  </si>
  <si>
    <t>第１－３９６９号</t>
  </si>
  <si>
    <t>株式会社　Ｅ－ＴＥＣ</t>
  </si>
  <si>
    <t>株式会社E-TEC</t>
  </si>
  <si>
    <t>鹿放ケ丘199-1</t>
  </si>
  <si>
    <t>043-312-4107</t>
  </si>
  <si>
    <t>第１－３９７０号</t>
  </si>
  <si>
    <t>ＭＡＸＩＭＡ　合同会社</t>
  </si>
  <si>
    <t>ＭＡＸＩＭＡ合同会社</t>
  </si>
  <si>
    <t>吾妻郡</t>
  </si>
  <si>
    <t>中之条町市城79-1</t>
  </si>
  <si>
    <t>090-5571-1169</t>
  </si>
  <si>
    <t>第１－３９７１号</t>
  </si>
  <si>
    <t>株式会社　京葉住建</t>
  </si>
  <si>
    <t>株式会社京葉住建</t>
  </si>
  <si>
    <t>南平台町2番6号</t>
  </si>
  <si>
    <t>03-6455-1045</t>
  </si>
  <si>
    <t>第１－３９７２号</t>
  </si>
  <si>
    <t>諸見里　隆</t>
  </si>
  <si>
    <t>ｏｋｉｋｕｍａ</t>
  </si>
  <si>
    <t>第１－３９７３号</t>
  </si>
  <si>
    <t>上尾冷熱　有限会社</t>
  </si>
  <si>
    <t>上尾冷熱有限会社</t>
  </si>
  <si>
    <t>第１－３９７４号</t>
  </si>
  <si>
    <t>株式会社　星ヶ丘</t>
  </si>
  <si>
    <t>株式会社星ヶ丘</t>
  </si>
  <si>
    <t>館山市</t>
  </si>
  <si>
    <t>相浜115-5</t>
  </si>
  <si>
    <t>第１－３９７５号</t>
  </si>
  <si>
    <t>株式会社　ＲＥプロジェクトＥＸＩＴ</t>
  </si>
  <si>
    <t>株式会社ＲＥプロジェクトＥＸＩＴ</t>
  </si>
  <si>
    <t>高輪2-15-34</t>
  </si>
  <si>
    <t>03-6230-9831</t>
  </si>
  <si>
    <t>第１－３９７６号</t>
  </si>
  <si>
    <t>大光空調　株式会社</t>
  </si>
  <si>
    <t>大光空調株式会社</t>
  </si>
  <si>
    <t>幡ヶ谷2丁目20番8号　アルム幡ヶ谷201</t>
  </si>
  <si>
    <t>03-3378-6292</t>
  </si>
  <si>
    <t>第１－３９７７号</t>
  </si>
  <si>
    <t>株式会社　ハンエアーシステム</t>
  </si>
  <si>
    <t>株式会社ハンエアーシステム</t>
  </si>
  <si>
    <t>清水区折戸521</t>
  </si>
  <si>
    <t>043-334-3494</t>
  </si>
  <si>
    <t>第１－３９７８号</t>
  </si>
  <si>
    <t>株式会社　建土興運</t>
  </si>
  <si>
    <t>株式会社建土興運</t>
  </si>
  <si>
    <t>増林二丁目128番地</t>
  </si>
  <si>
    <t>048-972-4004</t>
  </si>
  <si>
    <t>第１－３９７９号</t>
  </si>
  <si>
    <t>キングランリニューアル　株式会社</t>
  </si>
  <si>
    <t>キングランリニューアル株式会社</t>
  </si>
  <si>
    <t>神田小川町1-1　山甚ビル2階</t>
  </si>
  <si>
    <t>03-6324-1328</t>
  </si>
  <si>
    <t>第１－３９８０号</t>
  </si>
  <si>
    <t>株式会社　エアコン名人</t>
  </si>
  <si>
    <t>株式会社エアコン名人</t>
  </si>
  <si>
    <t>第１－３９８１号</t>
  </si>
  <si>
    <t>有限会社　小坂設備</t>
  </si>
  <si>
    <t>有限会社小坂設備</t>
  </si>
  <si>
    <t>栄町1丁目3番3号</t>
  </si>
  <si>
    <t>042-422-4385</t>
  </si>
  <si>
    <t>第１－３９８２号</t>
  </si>
  <si>
    <t>株式会社　大船住設</t>
  </si>
  <si>
    <t>株式会社大船住設</t>
  </si>
  <si>
    <t>栄区公田町971番地69</t>
  </si>
  <si>
    <t>090-6017-3747</t>
  </si>
  <si>
    <t>第１－３９８３号</t>
  </si>
  <si>
    <t>株式会社　エーアンドティー企画</t>
  </si>
  <si>
    <t>株式会社エーアンドティー企画</t>
  </si>
  <si>
    <t>吉祥寺南町4-28-3</t>
  </si>
  <si>
    <t>第１－３９８４号</t>
  </si>
  <si>
    <t>吉田　一義</t>
  </si>
  <si>
    <t>スマートメンテ</t>
  </si>
  <si>
    <t>多摩区中野島1丁目3番5-507号</t>
  </si>
  <si>
    <t>070-7429-2090</t>
  </si>
  <si>
    <t>第１－３９８５号</t>
  </si>
  <si>
    <t>小座間　正行</t>
  </si>
  <si>
    <t>オザマ冷機</t>
  </si>
  <si>
    <t>諏訪町1-6-50</t>
  </si>
  <si>
    <t>042-393-4721</t>
  </si>
  <si>
    <t>第１－３９８６号</t>
  </si>
  <si>
    <t>株式会社　FLAT</t>
  </si>
  <si>
    <t>株式会社FLAT</t>
  </si>
  <si>
    <t>保土ケ谷区西久保町1-4-1-126</t>
  </si>
  <si>
    <t>045-900-8405</t>
  </si>
  <si>
    <t>第１－３９８７号</t>
  </si>
  <si>
    <t>インフィニティテクノ　株式会社</t>
  </si>
  <si>
    <t>インフィニティテクノ株式会社</t>
  </si>
  <si>
    <t>前沢2-1-29</t>
  </si>
  <si>
    <t>第１－３９８８号</t>
  </si>
  <si>
    <t>株式会社　イー・エフ・エス</t>
  </si>
  <si>
    <t>株式会社イー・エフ・エス</t>
  </si>
  <si>
    <t>若葉区若松町470-1</t>
  </si>
  <si>
    <t>043-308-6391</t>
  </si>
  <si>
    <t>第１－３９８９号</t>
  </si>
  <si>
    <t>株式会社　二十二設備</t>
  </si>
  <si>
    <t>株式会社二十二設備</t>
  </si>
  <si>
    <t>菊野台1-32-34-B102</t>
  </si>
  <si>
    <t>042-426-8486</t>
  </si>
  <si>
    <t>第１－３９９０号</t>
  </si>
  <si>
    <t>吉田　靜夫</t>
  </si>
  <si>
    <t>吉田冷熱</t>
  </si>
  <si>
    <t>中央町2-29-13</t>
  </si>
  <si>
    <t>03-3719-7525</t>
  </si>
  <si>
    <t>第１－３９９１号</t>
  </si>
  <si>
    <t>株式会社　不二空調設備</t>
  </si>
  <si>
    <t>株式会社不二空調設備</t>
  </si>
  <si>
    <t>北1-20-6</t>
  </si>
  <si>
    <t>第１－３９９２号</t>
  </si>
  <si>
    <t>金城　雄大</t>
  </si>
  <si>
    <t>金城空調設備</t>
  </si>
  <si>
    <t>見沼区小深作562-1-516</t>
  </si>
  <si>
    <t>080-1379-2857</t>
  </si>
  <si>
    <t>第１－３９９３号</t>
  </si>
  <si>
    <t>株式会社　大和</t>
  </si>
  <si>
    <t>株式会社大和</t>
  </si>
  <si>
    <t>坂之下765-3</t>
  </si>
  <si>
    <t>04-2941-5490</t>
  </si>
  <si>
    <t>第１－３９９４号</t>
  </si>
  <si>
    <t>吉野　文貴</t>
  </si>
  <si>
    <t>吉野エアテクノス</t>
  </si>
  <si>
    <t>新川町一丁目38番地3</t>
  </si>
  <si>
    <t>第１－３９９５号</t>
  </si>
  <si>
    <t>株式会社　関総業</t>
  </si>
  <si>
    <t>株式会社関総業</t>
  </si>
  <si>
    <t>都筑区荏田東2-1-27内野ビル2F</t>
  </si>
  <si>
    <t>045-507-5021</t>
  </si>
  <si>
    <t>第１－３９９６号</t>
  </si>
  <si>
    <t>株式会社　菅野空調</t>
  </si>
  <si>
    <t>株式会社菅野空調</t>
  </si>
  <si>
    <t>宇津木町413-6</t>
  </si>
  <si>
    <t>042-696-3189</t>
  </si>
  <si>
    <t>第１－３９９８号</t>
  </si>
  <si>
    <t>株式会社　イーファス</t>
  </si>
  <si>
    <t>株式会社イーファス</t>
  </si>
  <si>
    <t>葵区平和3丁目15－9</t>
  </si>
  <si>
    <t>054-204-4545</t>
  </si>
  <si>
    <t>第１－３９９９号</t>
  </si>
  <si>
    <t>ハッピース　有限会社</t>
  </si>
  <si>
    <t>ハッピース有限会社</t>
  </si>
  <si>
    <t>銀座1丁目22番11号　銀座大竹ビジデンス2F</t>
  </si>
  <si>
    <t>050-3154-1168</t>
  </si>
  <si>
    <t>第１－４０００号</t>
  </si>
  <si>
    <t>株式会社　ＳＴＥ</t>
  </si>
  <si>
    <t>株式会社ＳＴＥ</t>
  </si>
  <si>
    <t>奥沢8-1-3　奥沢レックス1F</t>
  </si>
  <si>
    <t>03-5314-9612</t>
  </si>
  <si>
    <t>第１－４００１号</t>
  </si>
  <si>
    <t>有限会社　フタバ電機設備</t>
  </si>
  <si>
    <t>有限会社フタバ電機設備</t>
  </si>
  <si>
    <t>青葉区鉄町2043番地1</t>
  </si>
  <si>
    <t>045-972-4818</t>
  </si>
  <si>
    <t>第１－４００２号</t>
  </si>
  <si>
    <t>株式会社　三和システム</t>
  </si>
  <si>
    <t>株式会社三和システム</t>
  </si>
  <si>
    <t>七左町1丁目354-3</t>
  </si>
  <si>
    <t>048-940-1276</t>
  </si>
  <si>
    <t>第１－４００３号</t>
  </si>
  <si>
    <t>東　昭広</t>
  </si>
  <si>
    <t>ＴＯＵＴＯエンジニアリング</t>
  </si>
  <si>
    <t>森下4丁目10番8号505</t>
  </si>
  <si>
    <t>03-6659-3275</t>
  </si>
  <si>
    <t>第１－４００４号</t>
  </si>
  <si>
    <t>勝新工業　株式会社</t>
  </si>
  <si>
    <t>勝新工業株式会社</t>
  </si>
  <si>
    <t>原木3-6-5</t>
  </si>
  <si>
    <t>047-307-9994</t>
  </si>
  <si>
    <t>第１－４００５号</t>
  </si>
  <si>
    <t>株式会社　中部テクノ</t>
  </si>
  <si>
    <t>株式会社中部テクノ</t>
  </si>
  <si>
    <t>守山区野萩町3-13</t>
  </si>
  <si>
    <t>第１－４００６号</t>
  </si>
  <si>
    <t>株式会社　小林工業所</t>
  </si>
  <si>
    <t>株式会社小林工業所</t>
  </si>
  <si>
    <t>上石神井二丁目22-16</t>
  </si>
  <si>
    <t>03-3929-0402</t>
  </si>
  <si>
    <t>第１－４００７号</t>
  </si>
  <si>
    <t>ホーコー産業　株式会社</t>
  </si>
  <si>
    <t>ホーコー産業株式会社</t>
  </si>
  <si>
    <t>都筑区折本町1493番地1</t>
  </si>
  <si>
    <t>045-473-5323</t>
  </si>
  <si>
    <t>第１－４００８号</t>
  </si>
  <si>
    <t>株式会社　ＴＳＡＲ</t>
  </si>
  <si>
    <t>株式会社ＴＳＡＲ　さいたま営業所</t>
  </si>
  <si>
    <t>西区島根583</t>
  </si>
  <si>
    <t>048-788-4033</t>
  </si>
  <si>
    <t>第１－４００９号</t>
  </si>
  <si>
    <t>株式会社　ケイエムシステム</t>
  </si>
  <si>
    <t>株式会社ケイエムシステム</t>
  </si>
  <si>
    <t>南区真金町1-10</t>
  </si>
  <si>
    <t>第１－４０１０号</t>
  </si>
  <si>
    <t>株式会社　ベーカーエンジニアリング</t>
  </si>
  <si>
    <t>株式会社ベーカーエンジニアリング　本社</t>
  </si>
  <si>
    <t>豊岡1丁目9番9号</t>
  </si>
  <si>
    <t>04-2964-1877</t>
  </si>
  <si>
    <t>第１－４０１１号</t>
  </si>
  <si>
    <t>有限会社　協和冷熱</t>
  </si>
  <si>
    <t>有限会社協和冷熱</t>
  </si>
  <si>
    <t>下多賀409-1</t>
  </si>
  <si>
    <t>0557-67-2277</t>
  </si>
  <si>
    <t>第１－４０１２号</t>
  </si>
  <si>
    <t>阿部　照夫</t>
  </si>
  <si>
    <t>アベテクノサービス</t>
  </si>
  <si>
    <t>戸塚区川上町253-29　403</t>
  </si>
  <si>
    <t>第１－４０１３号</t>
  </si>
  <si>
    <t>株式会社　ＹＵＩＴＥＣ</t>
  </si>
  <si>
    <t>株式会社ＹＵＩＴＥＣ</t>
  </si>
  <si>
    <t>南区富蔵596-5</t>
  </si>
  <si>
    <t>第１－４０１４号</t>
  </si>
  <si>
    <t>株式会社　トップエアサービス</t>
  </si>
  <si>
    <t>株式会社トップエアサービス</t>
  </si>
  <si>
    <t>北名古屋市</t>
  </si>
  <si>
    <t>久地野郷廻192番地</t>
  </si>
  <si>
    <t>0568-68-7624</t>
  </si>
  <si>
    <t>第１－４０１５号</t>
  </si>
  <si>
    <t>株式会社　ＡＲＧＯＳ</t>
  </si>
  <si>
    <t>株式会社ＡＲＧＯＳ</t>
  </si>
  <si>
    <t>成増3-48-4　サンライズ成増303</t>
  </si>
  <si>
    <t>03-6909-8650</t>
  </si>
  <si>
    <t>第１－４０１６号</t>
  </si>
  <si>
    <t>株式会社　伸友工業</t>
  </si>
  <si>
    <t>株式会社伸友工業</t>
  </si>
  <si>
    <t>安佐北区白木町大字三田5738番地</t>
  </si>
  <si>
    <t>082-829-0260</t>
  </si>
  <si>
    <t>第１－４０１７号</t>
  </si>
  <si>
    <t>藤丸空調設備　株式会社</t>
  </si>
  <si>
    <t>藤丸空調設備株式会社</t>
  </si>
  <si>
    <t>吉見町久保田1887-33</t>
  </si>
  <si>
    <t>050-3458-8618</t>
  </si>
  <si>
    <t>第１－４０１８号</t>
  </si>
  <si>
    <t>Ｋｅｉ　株式会社</t>
  </si>
  <si>
    <t>Ｋｅｉ株式会社</t>
  </si>
  <si>
    <t>第１－４０１９号</t>
  </si>
  <si>
    <t>株式会社　エスイーワークス</t>
  </si>
  <si>
    <t>株式会社エスイーワークス</t>
  </si>
  <si>
    <t>南区若宮町4-78-3</t>
  </si>
  <si>
    <t>045-459-9561</t>
  </si>
  <si>
    <t>第１－４０２０号</t>
  </si>
  <si>
    <t>リバー　株式会社</t>
  </si>
  <si>
    <t>リバー株式会社　相模原事業所</t>
  </si>
  <si>
    <t>緑区西橋本三丁目10番14号</t>
  </si>
  <si>
    <t>042-773-2001</t>
  </si>
  <si>
    <t>第１－４０２１号</t>
  </si>
  <si>
    <t>川上　路晴</t>
  </si>
  <si>
    <t>杭州機械</t>
  </si>
  <si>
    <t>青葉台1-9-4</t>
  </si>
  <si>
    <t>04-7137-7702</t>
  </si>
  <si>
    <t>第１－４０２２号</t>
  </si>
  <si>
    <t>株式会社　エムテックサービス</t>
  </si>
  <si>
    <t>株式会社エムテックサービス</t>
  </si>
  <si>
    <t>七左町7丁目314-10</t>
  </si>
  <si>
    <t>048-940-3895</t>
  </si>
  <si>
    <t>第１－４０２３号</t>
  </si>
  <si>
    <t>新英プラント　株式会社</t>
  </si>
  <si>
    <t>新英プラント株式会社</t>
  </si>
  <si>
    <t>花見川区千種町15-3</t>
  </si>
  <si>
    <t>043-257-0105</t>
  </si>
  <si>
    <t>第１－４０２４号</t>
  </si>
  <si>
    <t>エレクター　株式会社</t>
  </si>
  <si>
    <t>エレクター株式会社</t>
  </si>
  <si>
    <t>上目黒2-1-1　中目黒GTタワー14F</t>
  </si>
  <si>
    <t>第１－４０２５号</t>
  </si>
  <si>
    <t>株式会社　田中テレビサービス</t>
  </si>
  <si>
    <t>株式会社田中テレビサービス</t>
  </si>
  <si>
    <t>打越町345-2京王北野マンションC-101</t>
  </si>
  <si>
    <t>042-645-6608</t>
  </si>
  <si>
    <t>第１－４０２６号</t>
  </si>
  <si>
    <t>黒澤　正人</t>
  </si>
  <si>
    <t>黒澤メンテナンス</t>
  </si>
  <si>
    <t>南区永田東1-12-26</t>
  </si>
  <si>
    <t>045-712-9637</t>
  </si>
  <si>
    <t>第１－４０２７号</t>
  </si>
  <si>
    <t>ユアサ商事　株式会社</t>
  </si>
  <si>
    <t>ユアサ商事株式会社　関東物流センター　柏倉庫</t>
  </si>
  <si>
    <t>新十余二13-1　SGリアルティ柏A棟3F</t>
  </si>
  <si>
    <t>04-7137-6691</t>
  </si>
  <si>
    <t>第１－４０２８号</t>
  </si>
  <si>
    <t>聖帝空調　合同会社</t>
  </si>
  <si>
    <t>聖帝空調合同会社</t>
  </si>
  <si>
    <t>瑞穂町駒形富士山406-13</t>
  </si>
  <si>
    <t>第１－４０２９号</t>
  </si>
  <si>
    <t>有限会社　マエナカ</t>
  </si>
  <si>
    <t>有限会社マエナカ</t>
  </si>
  <si>
    <t>豊ヶ丘4-2-5-103</t>
  </si>
  <si>
    <t>042-339-2133</t>
  </si>
  <si>
    <t>第１－４０３０号</t>
  </si>
  <si>
    <t>橋本　和彰</t>
  </si>
  <si>
    <t>橋本空調</t>
  </si>
  <si>
    <t>青柳4-16-11　ボンヌシャンスC101</t>
  </si>
  <si>
    <t>048-931-6013</t>
  </si>
  <si>
    <t>第１－４０３１号</t>
  </si>
  <si>
    <t>株式会社　エアテクノサービス</t>
  </si>
  <si>
    <t>株式会社エアテクノサービス</t>
  </si>
  <si>
    <t>道野辺中央3-1-55</t>
  </si>
  <si>
    <t>047-443-0679</t>
  </si>
  <si>
    <t>第１－４０３２号</t>
  </si>
  <si>
    <t>有限会社　ハルシステムサービス</t>
  </si>
  <si>
    <t>有限会社ハルシステムサービス</t>
  </si>
  <si>
    <t>島田市</t>
  </si>
  <si>
    <t>中河877-3</t>
  </si>
  <si>
    <t>0547-38-2137</t>
  </si>
  <si>
    <t>第１－４０３４号</t>
  </si>
  <si>
    <t>佐藤　雅哉</t>
  </si>
  <si>
    <t>ＭＲＣ　ＡＩＲ　ＴＥＣ</t>
  </si>
  <si>
    <t>下蛭田321-18</t>
  </si>
  <si>
    <t>048-628-6999</t>
  </si>
  <si>
    <t>第１－４０３５号</t>
  </si>
  <si>
    <t>上田設備　株式会社</t>
  </si>
  <si>
    <t>上田設備株式会社</t>
  </si>
  <si>
    <t>高津区下作延7-19-21</t>
  </si>
  <si>
    <t>044-833-2736</t>
  </si>
  <si>
    <t>第１－４０３６号</t>
  </si>
  <si>
    <t>株式会社　ＬＤＩ</t>
  </si>
  <si>
    <t>株式会社ＬＤＩ</t>
  </si>
  <si>
    <t>上祖師谷4丁目20番9号</t>
  </si>
  <si>
    <t>03-6279-5830</t>
  </si>
  <si>
    <t>第１－４０３７号</t>
  </si>
  <si>
    <t>Ｓ－ＰＬＡＮＴ　株式会社</t>
  </si>
  <si>
    <t>Ｓ－ＰＬＡＮＴ株式会社</t>
  </si>
  <si>
    <t>若葉町3-55-5</t>
  </si>
  <si>
    <t>042-535-1009</t>
  </si>
  <si>
    <t>第１－４０３８号</t>
  </si>
  <si>
    <t>株式会社　ベルノ</t>
  </si>
  <si>
    <t>株式会社ベルノ　神奈川出張所</t>
  </si>
  <si>
    <t>都筑区東山田町84</t>
  </si>
  <si>
    <t>第１－４０３９号</t>
  </si>
  <si>
    <t>株式会社　ＮＫＴ設備</t>
  </si>
  <si>
    <t>株式会社ＮＫＴ設備</t>
  </si>
  <si>
    <t>第１－４０４０号</t>
  </si>
  <si>
    <t>寺澤空調　株式会社</t>
  </si>
  <si>
    <t>寺澤空調株式会社</t>
  </si>
  <si>
    <t>松伏町ゆめみ野東3-11-18</t>
  </si>
  <si>
    <t>048-940-6923</t>
  </si>
  <si>
    <t>第１－４０４１号</t>
  </si>
  <si>
    <t>株式会社　コシムラ</t>
  </si>
  <si>
    <t>株式会社コシムラ</t>
  </si>
  <si>
    <t>清川1-24-3</t>
  </si>
  <si>
    <t>03-3876-1231</t>
  </si>
  <si>
    <t>第１－４０４２号</t>
  </si>
  <si>
    <t>株式会社　Ｎ・Ｓ・Ｅ</t>
  </si>
  <si>
    <t>株式会社Ｎ・Ｓ・Ｅ</t>
  </si>
  <si>
    <t>磯子区田中1-23-6</t>
  </si>
  <si>
    <t>045-349-2352</t>
  </si>
  <si>
    <t>第１－４０４３号</t>
  </si>
  <si>
    <t>信建総合設備　株式会社</t>
  </si>
  <si>
    <t>信建総合設備株式会社</t>
  </si>
  <si>
    <t>貝沢町625番</t>
  </si>
  <si>
    <t>027-362-8230</t>
  </si>
  <si>
    <t>第１－４０４４号</t>
  </si>
  <si>
    <t>株式会社　ＴＳサービス</t>
  </si>
  <si>
    <t>株式会社ＴＳサービス</t>
  </si>
  <si>
    <t>南区文蔵2-19-7</t>
  </si>
  <si>
    <t>第１－４０４５号</t>
  </si>
  <si>
    <t>株式会社　イーネット</t>
  </si>
  <si>
    <t>株式会社イーネット</t>
  </si>
  <si>
    <t>生野区巽北2-14-2</t>
  </si>
  <si>
    <t>06-6758-8208</t>
  </si>
  <si>
    <t>第１－４０４６号</t>
  </si>
  <si>
    <t>玉川空調工業　株式会社</t>
  </si>
  <si>
    <t>玉川空調工業株式会社</t>
  </si>
  <si>
    <t>下丸子2丁目12-3-809</t>
  </si>
  <si>
    <t>第１－４０４７号</t>
  </si>
  <si>
    <t>トーテック　株式会社</t>
  </si>
  <si>
    <t>トーテック株式会社</t>
  </si>
  <si>
    <t>根岸2丁目13番地5</t>
  </si>
  <si>
    <t>042-791-5533</t>
  </si>
  <si>
    <t>第１－４０４８号</t>
  </si>
  <si>
    <t>有限会社　ティーティーエンジニアリング</t>
  </si>
  <si>
    <t>有限会社ティーティーエンジニアリング</t>
  </si>
  <si>
    <t>宮城野区鶴巻一丁目16番15号</t>
  </si>
  <si>
    <t>022-766-8274</t>
  </si>
  <si>
    <t>第１－４０４９号</t>
  </si>
  <si>
    <t>ＮｅｘｔＳｔａｇｅ　株式会社</t>
  </si>
  <si>
    <t>ＮｅｘｔＳｔａｇｅ株式会社</t>
  </si>
  <si>
    <t>大字松山1820-3</t>
  </si>
  <si>
    <t>090-7203-7409</t>
  </si>
  <si>
    <t>第１－４０５０号</t>
  </si>
  <si>
    <t>川島　治久</t>
  </si>
  <si>
    <t>川島電化サービス</t>
  </si>
  <si>
    <t>旭区さちが丘95-34</t>
  </si>
  <si>
    <t>045-366-6307</t>
  </si>
  <si>
    <t>第１－４０５１号</t>
  </si>
  <si>
    <t>ＮＥＸＴ　株式会社</t>
  </si>
  <si>
    <t>ＮＥＸＴ株式会社</t>
  </si>
  <si>
    <t>万町2026番</t>
  </si>
  <si>
    <t>0725-99-8807</t>
  </si>
  <si>
    <t>第１－４０５２号</t>
  </si>
  <si>
    <t>株式会社　落合工務店</t>
  </si>
  <si>
    <t>株式会社落合工務店</t>
  </si>
  <si>
    <t>都賀町合戦場248-1</t>
  </si>
  <si>
    <t>0282-27-0736</t>
  </si>
  <si>
    <t>第１－４０５３号</t>
  </si>
  <si>
    <t>鹿島環境設備　株式会社</t>
  </si>
  <si>
    <t>鹿島環境設備株式会社</t>
  </si>
  <si>
    <t>中原区下小田中6-9-33</t>
  </si>
  <si>
    <t>044-777-1440</t>
  </si>
  <si>
    <t>第１－４０５４号</t>
  </si>
  <si>
    <t>Ｋ．ＴｒａｎｓＤｒｉｖｅ　株式会社</t>
  </si>
  <si>
    <t>Ｋ．ＴｒａｎｓＤｒｉｖｅ株式会社</t>
  </si>
  <si>
    <t>閏戸3994</t>
  </si>
  <si>
    <t>第１－４０５５号</t>
  </si>
  <si>
    <t>クラフト設備　株式会社</t>
  </si>
  <si>
    <t>クラフト設備株式会社</t>
  </si>
  <si>
    <t>百村1060</t>
  </si>
  <si>
    <t>第１－４０５６号</t>
  </si>
  <si>
    <t>有限会社　エム＆エー企画</t>
  </si>
  <si>
    <t>有限会社エム＆エー企画</t>
  </si>
  <si>
    <t>関町南1-3-3</t>
  </si>
  <si>
    <t>03-3929-6707</t>
  </si>
  <si>
    <t>第１－４０５７号</t>
  </si>
  <si>
    <t>株式会社　信栄空調</t>
  </si>
  <si>
    <t>株式会社信栄空調</t>
  </si>
  <si>
    <t>三芳町藤久保291-4　鶴瀬ビューパレー304</t>
  </si>
  <si>
    <t>049-293-9364</t>
  </si>
  <si>
    <t>第１－４０５８号</t>
  </si>
  <si>
    <t>研冷工業　株式会社</t>
  </si>
  <si>
    <t>研冷工業株式会社</t>
  </si>
  <si>
    <t>中央区親松138番地21</t>
  </si>
  <si>
    <t>025-281-4800</t>
  </si>
  <si>
    <t>第１－４０５９号</t>
  </si>
  <si>
    <t>株式会社　大和エアサプライ</t>
  </si>
  <si>
    <t>株式会社大和エアサプライ</t>
  </si>
  <si>
    <t>湖畔2-1044-101</t>
  </si>
  <si>
    <t>042-562-3581</t>
  </si>
  <si>
    <t>第１－４０６０号</t>
  </si>
  <si>
    <t>鎌田　祥太朗</t>
  </si>
  <si>
    <t>カマタ設備</t>
  </si>
  <si>
    <t>保土ケ谷区上菅田町245-9</t>
  </si>
  <si>
    <t>090-8515-2294</t>
  </si>
  <si>
    <t>第１－４０６１号</t>
  </si>
  <si>
    <t>新日空サービス　株式会社</t>
  </si>
  <si>
    <t>新日空サービス株式会社</t>
  </si>
  <si>
    <t>日本橋本町3-3-6</t>
  </si>
  <si>
    <t>第１－４０６２号</t>
  </si>
  <si>
    <t>向笠　博美</t>
  </si>
  <si>
    <t>人穴137-174</t>
  </si>
  <si>
    <t>090-2776-8038</t>
  </si>
  <si>
    <t>第１－４０６３号</t>
  </si>
  <si>
    <t>株式会社　Ａ＆Ｃサービス</t>
  </si>
  <si>
    <t>株式会社Ａ＆Ｃサービス</t>
  </si>
  <si>
    <t>都筑区池辺町4445番地</t>
  </si>
  <si>
    <t>第１－４０６４号</t>
  </si>
  <si>
    <t>有限会社　シダ</t>
  </si>
  <si>
    <t>有限会社シダ</t>
  </si>
  <si>
    <t>藤枝市</t>
  </si>
  <si>
    <t>兵太夫505番地</t>
  </si>
  <si>
    <t>054-634-0121</t>
  </si>
  <si>
    <t>第１－４０６５号</t>
  </si>
  <si>
    <t>株式会社　フロンツリー</t>
  </si>
  <si>
    <t>株式会社フロンツリー</t>
  </si>
  <si>
    <t>宮前区西野川一丁目12番23号</t>
  </si>
  <si>
    <t>090-8850-5641</t>
  </si>
  <si>
    <t>第１－４０６６号</t>
  </si>
  <si>
    <t>元気でんき　株式会社</t>
  </si>
  <si>
    <t>元気でんき株式会社　埼玉店</t>
  </si>
  <si>
    <t>南区内谷1-6-13</t>
  </si>
  <si>
    <t>048-714-0263</t>
  </si>
  <si>
    <t>第１－４０６８号</t>
  </si>
  <si>
    <t>株式会社　ヒーバックシステム</t>
  </si>
  <si>
    <t>株式会社ヒーバックシステム</t>
  </si>
  <si>
    <t>駿河区中島752-1</t>
  </si>
  <si>
    <t>054-270-3371</t>
  </si>
  <si>
    <t>第１－４０６９号</t>
  </si>
  <si>
    <t>株式会社　ニッポー</t>
  </si>
  <si>
    <t>株式会社ニッポー</t>
  </si>
  <si>
    <t>川口2-13-20</t>
  </si>
  <si>
    <t>048-253-2788</t>
  </si>
  <si>
    <t>第１－４０７０号</t>
  </si>
  <si>
    <t>畠山　康克</t>
  </si>
  <si>
    <t>畠山空調設備</t>
  </si>
  <si>
    <t>駒井町1丁目17-2　秋元マンション107</t>
  </si>
  <si>
    <t>090-8429-7726</t>
  </si>
  <si>
    <t>第１－４０７１号</t>
  </si>
  <si>
    <t>株式会社　Ｋ・Ｍワークス</t>
  </si>
  <si>
    <t>株式会社Ｋ・Ｍワークス</t>
  </si>
  <si>
    <t>谷在家2-14-12</t>
  </si>
  <si>
    <t>03-5809-5365</t>
  </si>
  <si>
    <t>第１－４０７２号</t>
  </si>
  <si>
    <t>パックエイト　株式会社</t>
  </si>
  <si>
    <t>パックエイト株式会社</t>
  </si>
  <si>
    <t>浅草5-5-4</t>
  </si>
  <si>
    <t>第１－４０７３号</t>
  </si>
  <si>
    <t>吉田　敦</t>
  </si>
  <si>
    <t>吉田空調</t>
  </si>
  <si>
    <t>総社町植野930-56</t>
  </si>
  <si>
    <t>090-7637-8597</t>
  </si>
  <si>
    <t>第１－４０７４号</t>
  </si>
  <si>
    <t>株式会社　北鎌電設</t>
  </si>
  <si>
    <t>株式会社北鎌電設</t>
  </si>
  <si>
    <t>港南区港南台4-26-10　グレースメゾン103</t>
  </si>
  <si>
    <t>045-830-6157</t>
  </si>
  <si>
    <t>第１－４０７５号</t>
  </si>
  <si>
    <t>株式会社　ＴＥＳ</t>
  </si>
  <si>
    <t>株式会社ＴＥＳ</t>
  </si>
  <si>
    <t>川崎区池田一丁目11番3号</t>
  </si>
  <si>
    <t>第１－４０７６号</t>
  </si>
  <si>
    <t>有限会社　中村設備</t>
  </si>
  <si>
    <t>有限会社中村設備</t>
  </si>
  <si>
    <t>蒲田4丁目43番3号</t>
  </si>
  <si>
    <t>第１－４０７７号</t>
  </si>
  <si>
    <t>株式会社　開盛</t>
  </si>
  <si>
    <t>株式会社開盛</t>
  </si>
  <si>
    <t>赤坂2-17-55　開盛ビル</t>
  </si>
  <si>
    <t>03-6459-1071</t>
  </si>
  <si>
    <t>第１－４０７８号</t>
  </si>
  <si>
    <t>フロン回収・破壊　協同組合</t>
  </si>
  <si>
    <t>フロン回収・破壊協同組合</t>
  </si>
  <si>
    <t>四谷坂町12－18</t>
  </si>
  <si>
    <t>03-5357-7846</t>
  </si>
  <si>
    <t>第１－４０７９号</t>
  </si>
  <si>
    <t>八王子空調　株式会社</t>
  </si>
  <si>
    <t>八王子空調株式会社</t>
  </si>
  <si>
    <t>北野町501-4</t>
  </si>
  <si>
    <t>第１－４０８０号</t>
  </si>
  <si>
    <t>アグラバ　株式会社</t>
  </si>
  <si>
    <t>アグラバ株式会社</t>
  </si>
  <si>
    <t>土支田2丁目15番8号</t>
  </si>
  <si>
    <t>03-6904-4382</t>
  </si>
  <si>
    <t>第１－４０８１号</t>
  </si>
  <si>
    <t>株式会社　エコアス</t>
  </si>
  <si>
    <t>株式会社エコアス</t>
  </si>
  <si>
    <t>上板橋3-25-4</t>
  </si>
  <si>
    <t>03-3933-3155</t>
  </si>
  <si>
    <t>第１－４０８２号</t>
  </si>
  <si>
    <t>株式会社　近洋</t>
  </si>
  <si>
    <t>株式会社近洋</t>
  </si>
  <si>
    <t>北区大淀中3丁目18番34号</t>
  </si>
  <si>
    <t>06-6451-8141</t>
  </si>
  <si>
    <t>第１－４０８３号</t>
  </si>
  <si>
    <t>株式会社　桜井電気商会</t>
  </si>
  <si>
    <t>株式会社桜井電気商会</t>
  </si>
  <si>
    <t>根本464</t>
  </si>
  <si>
    <t>047-362-0034</t>
  </si>
  <si>
    <t>第１－４０８４号</t>
  </si>
  <si>
    <t>合同会社　ＭＩＡ</t>
  </si>
  <si>
    <t>合同会社ＭＩＡ</t>
  </si>
  <si>
    <t>中原区木月1-35-5-501</t>
  </si>
  <si>
    <t>044-411-8422</t>
  </si>
  <si>
    <t>第１－４０８５号</t>
  </si>
  <si>
    <t>株式会社　エアテック中部</t>
  </si>
  <si>
    <t>株式会社エアテック中部</t>
  </si>
  <si>
    <t>中川区馬手町1-8</t>
  </si>
  <si>
    <t>052-710-7278</t>
  </si>
  <si>
    <t>第１－４０８６号</t>
  </si>
  <si>
    <t>山﨑　禎之</t>
  </si>
  <si>
    <t>山﨑設備</t>
  </si>
  <si>
    <t>泉区上飯田町1275　メイプルアレイB-201</t>
  </si>
  <si>
    <t>045-804-7056</t>
  </si>
  <si>
    <t>第１－４０８７号</t>
  </si>
  <si>
    <t>株式会社　白石電設</t>
  </si>
  <si>
    <t>株式会社白石電設</t>
  </si>
  <si>
    <t>立野三丁目1215番地の1</t>
  </si>
  <si>
    <t>042-567-1047</t>
  </si>
  <si>
    <t>第１－４０８８号</t>
  </si>
  <si>
    <t>千代田　清隆</t>
  </si>
  <si>
    <t>千代田空調</t>
  </si>
  <si>
    <t>緑区寺山町231-19</t>
  </si>
  <si>
    <t>045-482-5898</t>
  </si>
  <si>
    <t>第１－４０８９号</t>
  </si>
  <si>
    <t>株式会社　Ｅｉｆｅｒ</t>
  </si>
  <si>
    <t>株式会社Ｅｉｆｅｒ</t>
  </si>
  <si>
    <t>中原区今井南町11-22</t>
  </si>
  <si>
    <t>044-567-0879</t>
  </si>
  <si>
    <t>第１－４０９０号</t>
  </si>
  <si>
    <t>エアーズ　株式会社</t>
  </si>
  <si>
    <t>エアーズ株式会社</t>
  </si>
  <si>
    <t>大谷沢387-4</t>
  </si>
  <si>
    <t>第１－４０９１号</t>
  </si>
  <si>
    <t>ＫＥ・ＯＳマシナリー　株式会社</t>
  </si>
  <si>
    <t>ＫＥ・ＯＳマシナリー株式会社</t>
  </si>
  <si>
    <t>清水区宍原625-7</t>
  </si>
  <si>
    <t>054-360-2001</t>
  </si>
  <si>
    <t>第１－４０９２号</t>
  </si>
  <si>
    <t>有限会社　大森興業</t>
  </si>
  <si>
    <t>有限会社大森興業</t>
  </si>
  <si>
    <t>芝園町3番9-905号</t>
  </si>
  <si>
    <t>第１－４０９３号</t>
  </si>
  <si>
    <t>株式会社　杉本空調設備</t>
  </si>
  <si>
    <t>株式会社杉本空調設備</t>
  </si>
  <si>
    <t>馬場4-5-30</t>
  </si>
  <si>
    <t>第１－４０９４号</t>
  </si>
  <si>
    <t>株式会社　ミナカミ空調</t>
  </si>
  <si>
    <t>株式会社ミナカミ空調</t>
  </si>
  <si>
    <t>南区永田北2-45-10</t>
  </si>
  <si>
    <t>第１－４０９５号</t>
  </si>
  <si>
    <t>古久保　武</t>
  </si>
  <si>
    <t>飛航空調</t>
  </si>
  <si>
    <t>保土ケ谷区権太坂1-3-26-306</t>
  </si>
  <si>
    <t>第１－４０９６号</t>
  </si>
  <si>
    <t>冨田　剛</t>
  </si>
  <si>
    <t>冨田総建</t>
  </si>
  <si>
    <t>旭区市沢町1142-21</t>
  </si>
  <si>
    <t>第１－４０９７号</t>
  </si>
  <si>
    <t>株式会社　ＨＯＵＥＩ　ＴＥＣ</t>
  </si>
  <si>
    <t>株式会社ＨＯＵＥＩ　ＴＥＣ</t>
  </si>
  <si>
    <t>旭区南本宿町171-19</t>
  </si>
  <si>
    <t>第１－４０９８号</t>
  </si>
  <si>
    <t>株式会社　コウケン</t>
  </si>
  <si>
    <t>株式会社コウケン</t>
  </si>
  <si>
    <t>大和田町902-1</t>
  </si>
  <si>
    <t>0294-87-9192</t>
  </si>
  <si>
    <t>第１－４０９９号</t>
  </si>
  <si>
    <t>株式会社　康安</t>
  </si>
  <si>
    <t>株式会社康安</t>
  </si>
  <si>
    <t>上馬一丁目14番8号　野村第2フラット</t>
  </si>
  <si>
    <t>第１－４１００号</t>
  </si>
  <si>
    <t>伴　勇一</t>
  </si>
  <si>
    <t>ＥＮｊоｙｓ</t>
  </si>
  <si>
    <t>栄町1-3-1-806</t>
  </si>
  <si>
    <t>072-669-9880</t>
  </si>
  <si>
    <t>第１－４１０１号</t>
  </si>
  <si>
    <t>山本　淳史</t>
  </si>
  <si>
    <t>日伸技研工業</t>
  </si>
  <si>
    <t>鯨井1760-6</t>
  </si>
  <si>
    <t>第１－４１０２号</t>
  </si>
  <si>
    <t>イーアールエス　株式会社</t>
  </si>
  <si>
    <t>イーアールエス株式会社</t>
  </si>
  <si>
    <t>戸塚1-3-26</t>
  </si>
  <si>
    <t>048-483-5150</t>
  </si>
  <si>
    <t>第１－４１０３号</t>
  </si>
  <si>
    <t>全翔冷電　株式会社</t>
  </si>
  <si>
    <t>全翔冷電株式会社</t>
  </si>
  <si>
    <t>南区松本3-11-6　グレイスヴィラ101</t>
  </si>
  <si>
    <t>048-708-4470</t>
  </si>
  <si>
    <t>第１－４１０４号</t>
  </si>
  <si>
    <t>有限会社　ティーズルーム</t>
  </si>
  <si>
    <t>有限会社ティーズルーム</t>
  </si>
  <si>
    <t>西糀谷3-26-8</t>
  </si>
  <si>
    <t>03-3745-2271</t>
  </si>
  <si>
    <t>第１－４１０５号</t>
  </si>
  <si>
    <t>株式会社　若林設備工業</t>
  </si>
  <si>
    <t>株式会社若林設備工業</t>
  </si>
  <si>
    <t>旭区西川島町83-21</t>
  </si>
  <si>
    <t>045-489-3970</t>
  </si>
  <si>
    <t>第１－４１０６号</t>
  </si>
  <si>
    <t>UNIガス設備　株式会社</t>
  </si>
  <si>
    <t>UNIガス設備株式会社</t>
  </si>
  <si>
    <t>平尾2-56-28</t>
  </si>
  <si>
    <t>042-318-5580</t>
  </si>
  <si>
    <t>第１－４１０７号</t>
  </si>
  <si>
    <t>小林空調興業　株式会社</t>
  </si>
  <si>
    <t>小林空調興業株式会社</t>
  </si>
  <si>
    <t>一ツ家3-19-6</t>
  </si>
  <si>
    <t>03-5831-6534</t>
  </si>
  <si>
    <t>第１－４１０８号</t>
  </si>
  <si>
    <t>ニチビル　株式会社</t>
  </si>
  <si>
    <t>ニチビル株式会社</t>
  </si>
  <si>
    <t>西新橋2-5-10</t>
  </si>
  <si>
    <t>第１－４１０９号</t>
  </si>
  <si>
    <t>株式会社　ケイリード</t>
  </si>
  <si>
    <t>株式会社ケイリード</t>
  </si>
  <si>
    <t>西一之江4丁目9番33号-1F</t>
  </si>
  <si>
    <t>03-5879-9554</t>
  </si>
  <si>
    <t>第１－４１１１号</t>
  </si>
  <si>
    <t>宮澤　厳郎</t>
  </si>
  <si>
    <t>青葉区鉄町1422-5</t>
  </si>
  <si>
    <t>080-5520-6898</t>
  </si>
  <si>
    <t>第１－４１１２号</t>
  </si>
  <si>
    <t>株式会社　順映工業</t>
  </si>
  <si>
    <t>株式会社順映工業</t>
  </si>
  <si>
    <t>旭町三丁目14番19号</t>
  </si>
  <si>
    <t>03-5967-1769</t>
  </si>
  <si>
    <t>第１－４１１３号</t>
  </si>
  <si>
    <t>内山　利光</t>
  </si>
  <si>
    <t>ひかり電工社</t>
  </si>
  <si>
    <t>船堀7-5-2-203</t>
  </si>
  <si>
    <t>03-6808-9937</t>
  </si>
  <si>
    <t>第１－４１１４号</t>
  </si>
  <si>
    <t>千葉エンジニアリング　合同会社</t>
  </si>
  <si>
    <t>千葉エンジニアリング合同会社</t>
  </si>
  <si>
    <t>旭区本宿町12番地25</t>
  </si>
  <si>
    <t>045-878-2571</t>
  </si>
  <si>
    <t>第１－４１１５号</t>
  </si>
  <si>
    <t>株式会社　小林空調サービス</t>
  </si>
  <si>
    <t>株式会社小林空調サービス</t>
  </si>
  <si>
    <t>滝1-1-25</t>
  </si>
  <si>
    <t>049-263-0161</t>
  </si>
  <si>
    <t>第１－４１１６号</t>
  </si>
  <si>
    <t>ミカタ　株式会社</t>
  </si>
  <si>
    <t>ミカタ株式会社</t>
  </si>
  <si>
    <t>平野区背戸口3-3-25</t>
  </si>
  <si>
    <t>06-4392-7888</t>
  </si>
  <si>
    <t>第１－４１１７号</t>
  </si>
  <si>
    <t>株式会社　ワイコネクト</t>
  </si>
  <si>
    <t>株式会社ワイコネクト</t>
  </si>
  <si>
    <t>福島区玉川2丁目3-16-136</t>
  </si>
  <si>
    <t>06-6444-5558</t>
  </si>
  <si>
    <t>第１－４１１８号</t>
  </si>
  <si>
    <t>土屋　慎一郎</t>
  </si>
  <si>
    <t>土屋空調設備</t>
  </si>
  <si>
    <t>ふじみ野東4-6-1　ライオンズふじみ野レジデンス415</t>
  </si>
  <si>
    <t>090-8741-7745</t>
  </si>
  <si>
    <t>第１－４１１９号</t>
  </si>
  <si>
    <t>株式会社　関東クリエイト</t>
  </si>
  <si>
    <t>株式会社関東クリエイト</t>
  </si>
  <si>
    <t>奥沢7-46-3</t>
  </si>
  <si>
    <t>第１－４１２０号</t>
  </si>
  <si>
    <t>株式会社　ミルスペック</t>
  </si>
  <si>
    <t>株式会社ミルスペック</t>
  </si>
  <si>
    <t>大宮区三橋3丁目163-1</t>
  </si>
  <si>
    <t>048-674-6251</t>
  </si>
  <si>
    <t>第１－４１２１号</t>
  </si>
  <si>
    <t>有限会社　浅草松葉</t>
  </si>
  <si>
    <t>有限会社浅草松葉</t>
  </si>
  <si>
    <t>蔵前4-20-11</t>
  </si>
  <si>
    <t>03-6670-7910</t>
  </si>
  <si>
    <t>第１－４１２２号</t>
  </si>
  <si>
    <t>野田　由人</t>
  </si>
  <si>
    <t>サイワイ冷機</t>
  </si>
  <si>
    <t>幸区古市場2-107</t>
  </si>
  <si>
    <t>070-4207-8090</t>
  </si>
  <si>
    <t>第１－４１２３号</t>
  </si>
  <si>
    <t>有限会社　サテライト</t>
  </si>
  <si>
    <t>有限会社サテライト</t>
  </si>
  <si>
    <t>岩戸北3-11-3</t>
  </si>
  <si>
    <t>有限会社サテライト　川崎・中之島営業所</t>
  </si>
  <si>
    <t>多摩区生田2-6-8</t>
  </si>
  <si>
    <t>第１－４１２４号</t>
  </si>
  <si>
    <t>大庭　亮人</t>
  </si>
  <si>
    <t>南区六ツ川3丁目62-64</t>
  </si>
  <si>
    <t>第１－４１２５号</t>
  </si>
  <si>
    <t>株式会社　シュウテクノ</t>
  </si>
  <si>
    <t>株式会社シュウテクノ</t>
  </si>
  <si>
    <t>元総社町936-6</t>
  </si>
  <si>
    <t>027-212-7210</t>
  </si>
  <si>
    <t>第１－４１２６号</t>
  </si>
  <si>
    <t>株式会社　小嶋空調</t>
  </si>
  <si>
    <t>株式会社小嶋空調</t>
  </si>
  <si>
    <t>神奈川区菅田町615-8</t>
  </si>
  <si>
    <t>第１－４１２７号</t>
  </si>
  <si>
    <t>株式会社　ＳＩＫ</t>
  </si>
  <si>
    <t>株式会社ＳＩＫ</t>
  </si>
  <si>
    <t>前野町2-37-12</t>
  </si>
  <si>
    <t>第１－４１２８号</t>
  </si>
  <si>
    <t>椎名　洵輔</t>
  </si>
  <si>
    <t>ＳＨＩＩＮＡ　ＤＥＮＫＩ</t>
  </si>
  <si>
    <t>玉川3-20-2-501</t>
  </si>
  <si>
    <t>03-6555-4820</t>
  </si>
  <si>
    <t>第１－４１２９号</t>
  </si>
  <si>
    <t>ベイスメント　株式会社</t>
  </si>
  <si>
    <t>ベイスメント株式会社</t>
  </si>
  <si>
    <t>中央区南船場3丁目11-27-305</t>
  </si>
  <si>
    <t>06-6210-5650</t>
  </si>
  <si>
    <t>第１－４１３０号</t>
  </si>
  <si>
    <t>株式会社　光征工業</t>
  </si>
  <si>
    <t>株式会社光征工業</t>
  </si>
  <si>
    <t>堀米町3804-2</t>
  </si>
  <si>
    <t>0283-23-0131</t>
  </si>
  <si>
    <t>第１－４１３１号</t>
  </si>
  <si>
    <t>有限会社　アイシン商事</t>
  </si>
  <si>
    <t>有限会社アイシン商事　</t>
  </si>
  <si>
    <t>港北区新吉田東8-37-24</t>
  </si>
  <si>
    <t>045-532-2005</t>
  </si>
  <si>
    <t>第１－４１３２号</t>
  </si>
  <si>
    <t>合同会社　サンブラン</t>
  </si>
  <si>
    <t>合同会社サンブラン</t>
  </si>
  <si>
    <t>前川2-51-23</t>
  </si>
  <si>
    <t>048-267-4330</t>
  </si>
  <si>
    <t>第１－４１３３号</t>
  </si>
  <si>
    <t>大木　健</t>
  </si>
  <si>
    <t>ユーケン空調</t>
  </si>
  <si>
    <t>今福1017-22</t>
  </si>
  <si>
    <t>090-3692-4559</t>
  </si>
  <si>
    <t>第１－４１３４号</t>
  </si>
  <si>
    <t>株式会社　英工業</t>
  </si>
  <si>
    <t>株式会社英工業</t>
  </si>
  <si>
    <t>南浅川町3077-7</t>
  </si>
  <si>
    <t>第１－４１３５号</t>
  </si>
  <si>
    <t>遠藤設備　有限会社</t>
  </si>
  <si>
    <t>遠藤設備有限会社</t>
  </si>
  <si>
    <t>柴崎町6-20-32</t>
  </si>
  <si>
    <t>042-525-2121</t>
  </si>
  <si>
    <t>第１－４１３６号</t>
  </si>
  <si>
    <t>株式会社　コサカ</t>
  </si>
  <si>
    <t>株式会社コサカ　さいたま機材センター</t>
  </si>
  <si>
    <t>緑区東浦和2丁目77-2</t>
  </si>
  <si>
    <t>第１－４１３７号</t>
  </si>
  <si>
    <t>株式会社　中部エアークリーナー</t>
  </si>
  <si>
    <t>株式会社中部エアークリーナー</t>
  </si>
  <si>
    <t>西尾市</t>
  </si>
  <si>
    <t>吉良町荻原座甲48</t>
  </si>
  <si>
    <t>0563-35-3666</t>
  </si>
  <si>
    <t>第１－４１３８号</t>
  </si>
  <si>
    <t>株式会社　長井設備</t>
  </si>
  <si>
    <t>株式会社長井設備</t>
  </si>
  <si>
    <t>富士見台3-8-27</t>
  </si>
  <si>
    <t>042-576-1477</t>
  </si>
  <si>
    <t>第１－４１３９号</t>
  </si>
  <si>
    <t>株式会社　ＹＫ空調</t>
  </si>
  <si>
    <t>株式会社ＹＫ空調</t>
  </si>
  <si>
    <t>宮前区土橋1-19-31</t>
  </si>
  <si>
    <t>090-6943-3782</t>
  </si>
  <si>
    <t>第１－４１４０号</t>
  </si>
  <si>
    <t>有限会社　晴美商会</t>
  </si>
  <si>
    <t>有限会社晴美商会</t>
  </si>
  <si>
    <t>亀戸1-43-8-1203</t>
  </si>
  <si>
    <t>第１－４１４１号</t>
  </si>
  <si>
    <t>超冷工機システムズ　株式会社</t>
  </si>
  <si>
    <t>超冷工機システムズ株式会社</t>
  </si>
  <si>
    <t>大府市</t>
  </si>
  <si>
    <t>中央町7-80</t>
  </si>
  <si>
    <t>第１－４１４２号</t>
  </si>
  <si>
    <t>杉谷　宗弥</t>
  </si>
  <si>
    <t>カインド空調</t>
  </si>
  <si>
    <t>矢野口382　さくらハイム1-204</t>
  </si>
  <si>
    <t>070-5575-1895</t>
  </si>
  <si>
    <t>第１－４１４３号</t>
  </si>
  <si>
    <t>守屋　重樹</t>
  </si>
  <si>
    <t>守屋電気空調</t>
  </si>
  <si>
    <t>木曽町510-18</t>
  </si>
  <si>
    <t>第１－４１４４号</t>
  </si>
  <si>
    <t>有限会社　星野レイキ</t>
  </si>
  <si>
    <t>有限会社星野レイキ</t>
  </si>
  <si>
    <t>仲池上一丁目15番5号　レジェンド仲池上101</t>
  </si>
  <si>
    <t>第１－４１４５号</t>
  </si>
  <si>
    <t>株式会社　ワン・エイト</t>
  </si>
  <si>
    <t>株式会社ワン・エイト</t>
  </si>
  <si>
    <t>鶴見区尻手3丁目3番地43　512号</t>
  </si>
  <si>
    <t>045-584-8172</t>
  </si>
  <si>
    <t>第１－４１４６号</t>
  </si>
  <si>
    <t>有限会社　ライフ・サポート</t>
  </si>
  <si>
    <t>有限会社ライフ・サポート</t>
  </si>
  <si>
    <t>伊奈町本町2-314-101</t>
  </si>
  <si>
    <t>048-723-9000</t>
  </si>
  <si>
    <t>第１－４１４７号</t>
  </si>
  <si>
    <t>有限会社　清明エンジニアリング</t>
  </si>
  <si>
    <t>有限会社清明エンジニアリング</t>
  </si>
  <si>
    <t>西区雄踏町山崎3543-3</t>
  </si>
  <si>
    <t>053-596-4725</t>
  </si>
  <si>
    <t>第１－４１４８号</t>
  </si>
  <si>
    <t>株式会社　電商メンテックス</t>
  </si>
  <si>
    <t>株式会社電商メンテックス</t>
  </si>
  <si>
    <t>港南区芹が谷5-48-22</t>
  </si>
  <si>
    <t>045-823-8866</t>
  </si>
  <si>
    <t>第１－４１４９号</t>
  </si>
  <si>
    <t>株式会社　Ｔｈｏｒ</t>
  </si>
  <si>
    <t>株式会社Ｔｈｏｒ</t>
  </si>
  <si>
    <t>南大井2丁目12-5　大森海岸ハウス1103号室</t>
  </si>
  <si>
    <t>03-6753-9830</t>
  </si>
  <si>
    <t>第１－４１５０号</t>
  </si>
  <si>
    <t>株式会社　アサミハウジング</t>
  </si>
  <si>
    <t>株式会社アサミハウジング</t>
  </si>
  <si>
    <t>森野1-9-20</t>
  </si>
  <si>
    <t>042-729-8817</t>
  </si>
  <si>
    <t>第１－４１５１号</t>
  </si>
  <si>
    <t>株式会社　サンゲート</t>
  </si>
  <si>
    <t>株式会社サンゲート</t>
  </si>
  <si>
    <t>東川口6-7-3</t>
  </si>
  <si>
    <t>第１－４１５２号</t>
  </si>
  <si>
    <t>東京環境保全　株式会社</t>
  </si>
  <si>
    <t>東京環境保全株式会社</t>
  </si>
  <si>
    <t>蒲田4-33-7</t>
  </si>
  <si>
    <t>03-4296-2267</t>
  </si>
  <si>
    <t>第１－４１５３号</t>
  </si>
  <si>
    <t>株式会社　エアコン・メンテ・サービス</t>
  </si>
  <si>
    <t>株式会社エアコン・メンテ・サービス</t>
  </si>
  <si>
    <t>千駄堀1484-11</t>
  </si>
  <si>
    <t>047-710-0116</t>
  </si>
  <si>
    <t>第１－４１５４号</t>
  </si>
  <si>
    <t>株式会社　カネデン</t>
  </si>
  <si>
    <t>株式会社カネデン</t>
  </si>
  <si>
    <t>旭区今宿東町693-1-D1</t>
  </si>
  <si>
    <t>第１－４１５５号</t>
  </si>
  <si>
    <t>有限会社　テクノサプライ</t>
  </si>
  <si>
    <t>有限会社テクノサプライ</t>
  </si>
  <si>
    <t>旭区川井本町88-5</t>
  </si>
  <si>
    <t>第１－４１５６号</t>
  </si>
  <si>
    <t>有限会社　ハレー空調サービス</t>
  </si>
  <si>
    <t>有限会社ハレー空調サービス</t>
  </si>
  <si>
    <t>駿河区高松2丁目20番8号</t>
  </si>
  <si>
    <t>054-238-1193</t>
  </si>
  <si>
    <t>第１－４１５７号</t>
  </si>
  <si>
    <t>株式会社　サンクスレート</t>
  </si>
  <si>
    <t>株式会社サンクスレート</t>
  </si>
  <si>
    <t>レイクタウン5-12-69</t>
  </si>
  <si>
    <t>03-6910-3240</t>
  </si>
  <si>
    <t>第１－４１５８号</t>
  </si>
  <si>
    <t>増尾　勇雄</t>
  </si>
  <si>
    <t>磯子区田中1-19-19</t>
  </si>
  <si>
    <t>045-772-0420</t>
  </si>
  <si>
    <t>第１－４１５９号</t>
  </si>
  <si>
    <t>株式会社　須藤電気</t>
  </si>
  <si>
    <t>株式会社須藤電気</t>
  </si>
  <si>
    <t>新松戸南1-443-103</t>
  </si>
  <si>
    <t>047-705-3845</t>
  </si>
  <si>
    <t>第１－４１６０号</t>
  </si>
  <si>
    <t>山本　洋行</t>
  </si>
  <si>
    <t>サン冷熱サービス</t>
  </si>
  <si>
    <t>初沢町1397-5</t>
  </si>
  <si>
    <t>042-629-9747</t>
  </si>
  <si>
    <t>第１－４１６１号</t>
  </si>
  <si>
    <t>株式会社　ＬｉｎｇＴｅＸ</t>
  </si>
  <si>
    <t>株式会社ＬｉｎｇＴｅＸ</t>
  </si>
  <si>
    <t>下丸子二丁目5番16号</t>
  </si>
  <si>
    <t>050-3591-7589</t>
  </si>
  <si>
    <t>第１－４１６２号</t>
  </si>
  <si>
    <t>株式会社　Ｙ－ＨＯＭＥ</t>
  </si>
  <si>
    <t>株式会社Ｙ－ＨＯＭＥ</t>
  </si>
  <si>
    <t>旭区上白根町1208-40</t>
  </si>
  <si>
    <t>045-489-5020</t>
  </si>
  <si>
    <t>第１－４１６３号</t>
  </si>
  <si>
    <t>本木　実</t>
  </si>
  <si>
    <t>杉並設備</t>
  </si>
  <si>
    <t>成田東2-9-6　成田パークハイツ201</t>
  </si>
  <si>
    <t>090-3534-3883</t>
  </si>
  <si>
    <t>第１－４１６４号</t>
  </si>
  <si>
    <t>株式会社　ｔｈｅ　ＦＩＴ</t>
  </si>
  <si>
    <t>株式会社ｔｈｅ　ＦＩＴ</t>
  </si>
  <si>
    <t>港北区篠原北2丁目11-12ニュー菊名ハイツ218</t>
  </si>
  <si>
    <t>045-717-5014</t>
  </si>
  <si>
    <t>第１－４１６５号</t>
  </si>
  <si>
    <t>酒井　忠義</t>
  </si>
  <si>
    <t>酒井空調</t>
  </si>
  <si>
    <t>鶴見区馬場4丁目31番地8号102号室</t>
  </si>
  <si>
    <t>045-883-9221</t>
  </si>
  <si>
    <t>第１－４１６６号</t>
  </si>
  <si>
    <t>合同会社　ミナト</t>
  </si>
  <si>
    <t>合同会社ミナト</t>
  </si>
  <si>
    <t>港北区下田町5-30-7</t>
  </si>
  <si>
    <t>第１－４１６７号</t>
  </si>
  <si>
    <t>ＮＥＣフィールディング　株式会社</t>
  </si>
  <si>
    <t>川崎区富士見一丁目6番3号</t>
  </si>
  <si>
    <t>ＮＥＣフィールディング株式会社　西関東支社　横浜支店</t>
  </si>
  <si>
    <t>西区北幸二丁目8番4号　横浜西口KNビル17階</t>
  </si>
  <si>
    <t>ＮＥＣフィールディング株式会社　西関東支社　神奈川県央支店</t>
  </si>
  <si>
    <t>中町4-16-21　プロミティあつぎビル5階</t>
  </si>
  <si>
    <t>ＮＥＣフィールディング株式会社　西関東支社　神奈川県央支店　相模原営業所</t>
  </si>
  <si>
    <t>中央区田名字白雨台3532-15　GLP ALFALINK相模原2 3F</t>
  </si>
  <si>
    <t>ＮＥＣフィールディング株式会社　西関東支社　神奈川県央支店　湘南営業所</t>
  </si>
  <si>
    <t>藤沢1031　アーバンセンター藤沢5階</t>
  </si>
  <si>
    <t>ＮＥＣフィールディング株式会社　西関東支社　玉川支店</t>
  </si>
  <si>
    <t>高津区久本3丁目5番7号　新溝ノ口ビル5階</t>
  </si>
  <si>
    <t>ＮＥＣフィールディング株式会社　西関東支社　玉川支店　川崎営業所</t>
  </si>
  <si>
    <t>川崎区富士見1-6-3　B1棟2F</t>
  </si>
  <si>
    <t>第１－４１６８号</t>
  </si>
  <si>
    <t>福田　成徳</t>
  </si>
  <si>
    <t>ｊｏｙｔｅｃｈ</t>
  </si>
  <si>
    <t>南越谷4-22-5　3F</t>
  </si>
  <si>
    <t>090-5419-6026</t>
  </si>
  <si>
    <t>第１－４１６９号</t>
  </si>
  <si>
    <t>株式会社　エコネコル</t>
  </si>
  <si>
    <t>株式会社エコネコル　本社</t>
  </si>
  <si>
    <t>山宮3507番地の19</t>
  </si>
  <si>
    <t>0544-58-5800</t>
  </si>
  <si>
    <t>株式会社エコネコル　浜松工場</t>
  </si>
  <si>
    <t>浜北区中瀬7698番地</t>
  </si>
  <si>
    <t>053-545-6456</t>
  </si>
  <si>
    <t>第１－４１７０号</t>
  </si>
  <si>
    <t>エール産業　株式会社</t>
  </si>
  <si>
    <t>エール産業株式会社</t>
  </si>
  <si>
    <t>旭区南本宿町122-27</t>
  </si>
  <si>
    <t>045-352-0319</t>
  </si>
  <si>
    <t>第１－４１７１号</t>
  </si>
  <si>
    <t>有限会社　石田空調サービス</t>
  </si>
  <si>
    <t>有限会社石田空調サービス</t>
  </si>
  <si>
    <t>中区簑沢10-7</t>
  </si>
  <si>
    <t>045-663-4990</t>
  </si>
  <si>
    <t>第１－４１７２号</t>
  </si>
  <si>
    <t>株式会社　ＳＦＴ</t>
  </si>
  <si>
    <t>株式会社ＳＦＴ</t>
  </si>
  <si>
    <t>南越谷三丁目22番地8号　越谷わかばマンション104</t>
  </si>
  <si>
    <t>048-971-6695</t>
  </si>
  <si>
    <t>第１－４１７３号</t>
  </si>
  <si>
    <t>株式会社　青山空設</t>
  </si>
  <si>
    <t>株式会社青山空設</t>
  </si>
  <si>
    <t>入谷4-13-2</t>
  </si>
  <si>
    <t>03-6873-3922</t>
  </si>
  <si>
    <t>第１－４１７４号</t>
  </si>
  <si>
    <t>Ｋメンテナンスサービス　株式会社</t>
  </si>
  <si>
    <t>Ｋメンテナンスサービス株式会社</t>
  </si>
  <si>
    <t>旭区柏町6-6</t>
  </si>
  <si>
    <t>090-7636-3885</t>
  </si>
  <si>
    <t>第１－４１７５号</t>
  </si>
  <si>
    <t>有限会社　横田設備工業所</t>
  </si>
  <si>
    <t>下広谷860-50</t>
  </si>
  <si>
    <t>090-5313-9842</t>
  </si>
  <si>
    <t>第１－４１７６号</t>
  </si>
  <si>
    <t>株式会社　ファーストフラット</t>
  </si>
  <si>
    <t>元和泉1-12-7</t>
  </si>
  <si>
    <t>03-4296-2292</t>
  </si>
  <si>
    <t>第１－４１７７号</t>
  </si>
  <si>
    <t>株式会社　ミサキテクノ神奈川</t>
  </si>
  <si>
    <t>株式会社ミサキテクノ神奈川</t>
  </si>
  <si>
    <t>宮前区東有馬1-2-7</t>
  </si>
  <si>
    <t>044-852-7648</t>
  </si>
  <si>
    <t>第１－４１７８号</t>
  </si>
  <si>
    <t>倉本　義法</t>
  </si>
  <si>
    <t>Ｙ・Ｋ・Ｓ</t>
  </si>
  <si>
    <t>旭区下川井町2326-1</t>
  </si>
  <si>
    <t>045-952-2906</t>
  </si>
  <si>
    <t>第１－４１７９号</t>
  </si>
  <si>
    <t>有限会社　ハウス空調</t>
  </si>
  <si>
    <t>有限会社ハウス空調　本社営業所</t>
  </si>
  <si>
    <t>龍ケ崎市</t>
  </si>
  <si>
    <t>大徳町273番地1</t>
  </si>
  <si>
    <t>0297-62-1007</t>
  </si>
  <si>
    <t>第１－４１８０号</t>
  </si>
  <si>
    <t>株式会社　エアーシーク</t>
  </si>
  <si>
    <t>株式会社エアーシーク</t>
  </si>
  <si>
    <t>多摩区枡形一丁目13番7号</t>
  </si>
  <si>
    <t>第１－４１８１号</t>
  </si>
  <si>
    <t>春山　武利</t>
  </si>
  <si>
    <t>marque-page（マルクパージュ）</t>
  </si>
  <si>
    <t>南大塚3丁目9-1-101</t>
  </si>
  <si>
    <t>080-7123-1658</t>
  </si>
  <si>
    <t>第１－４１８２号</t>
  </si>
  <si>
    <t>佐藤冷機　株式会社</t>
  </si>
  <si>
    <t>佐藤冷機株式会社</t>
  </si>
  <si>
    <t>西伊興4-5-16</t>
  </si>
  <si>
    <t>03-3899-3024</t>
  </si>
  <si>
    <t>第１－４１８３号</t>
  </si>
  <si>
    <t>株式会社　Ｂｒｅｅｚｅ　ｗｏｒｋｓ</t>
  </si>
  <si>
    <t>株式会社Ｂｒｅｅｚｅ　ｗｏｒｋｓ</t>
  </si>
  <si>
    <t>緑区三保町930の24フォレストヒルズ1の208</t>
  </si>
  <si>
    <t>045-513-4701</t>
  </si>
  <si>
    <t>第１－４１８４号</t>
  </si>
  <si>
    <t>株式会社　Ｍ＆Ａカンパニー</t>
  </si>
  <si>
    <t>株式会社Ｍ＆Ａカンパニー　東京営業所</t>
  </si>
  <si>
    <t>神田三崎町3-2-13秋和ビル101号</t>
  </si>
  <si>
    <t>03-6261-7134</t>
  </si>
  <si>
    <t>第１－４１８５号</t>
  </si>
  <si>
    <t>ペンギンエアコン　株式会社</t>
  </si>
  <si>
    <t>ペンギンエアコン株式会社</t>
  </si>
  <si>
    <t>冨士68-15</t>
  </si>
  <si>
    <t>047-497-8833</t>
  </si>
  <si>
    <t>第１－４１８６号</t>
  </si>
  <si>
    <t>株式会社　サンエイ設備興業</t>
  </si>
  <si>
    <t>株式会社サンエイ設備興業</t>
  </si>
  <si>
    <t>稲敷郡</t>
  </si>
  <si>
    <t>阿見町岡崎二丁目5番36</t>
  </si>
  <si>
    <t>029-887-9669</t>
  </si>
  <si>
    <t>第１－４１８７号</t>
  </si>
  <si>
    <t>株式会社　ヤシマ</t>
  </si>
  <si>
    <t>株式会社ヤシマ</t>
  </si>
  <si>
    <t>中区和合町936番地の600</t>
  </si>
  <si>
    <t>053-489-7939</t>
  </si>
  <si>
    <t>第１－４１８８号</t>
  </si>
  <si>
    <t>株式会社　優和設備工業</t>
  </si>
  <si>
    <t>株式会社優和設備工業</t>
  </si>
  <si>
    <t>上野78-12</t>
  </si>
  <si>
    <t>第１－４１８９号</t>
  </si>
  <si>
    <t>有限会社　ＫＥＹ－Ｃメンテナンス</t>
  </si>
  <si>
    <t>有限会社ＫＥＹ－Ｃメンテナンス</t>
  </si>
  <si>
    <t>北区土呂町2-23-4-405</t>
  </si>
  <si>
    <t>048-653-3706</t>
  </si>
  <si>
    <t>第１－４１９０号</t>
  </si>
  <si>
    <t>ＩＴｔｅｃ 合同会社</t>
  </si>
  <si>
    <t>ＩＴｔｅｃ合同会社</t>
  </si>
  <si>
    <t>宮前区五所塚2-16-14ガーデン五所塚207</t>
  </si>
  <si>
    <t>050-5526-2203</t>
  </si>
  <si>
    <t>第１－４１９１号</t>
  </si>
  <si>
    <t>昭和電機　株式会社</t>
  </si>
  <si>
    <t>昭和電機株式会社</t>
  </si>
  <si>
    <t>植野町1858</t>
  </si>
  <si>
    <t>0283-22-0544</t>
  </si>
  <si>
    <t>第１－４１９２号</t>
  </si>
  <si>
    <t>石田　力也</t>
  </si>
  <si>
    <t>協和設備</t>
  </si>
  <si>
    <t>宮前区五所塚2－19－50</t>
  </si>
  <si>
    <t>第１－４１９３号</t>
  </si>
  <si>
    <t>渡會　昌則</t>
  </si>
  <si>
    <t>渡会エンジニアリングサービス</t>
  </si>
  <si>
    <t>早野465-5</t>
  </si>
  <si>
    <t>090-4936-6971</t>
  </si>
  <si>
    <t>第１－４１９４号</t>
  </si>
  <si>
    <t>喜作工業　株式会社</t>
  </si>
  <si>
    <t>喜作工業株式会社</t>
  </si>
  <si>
    <t>幸区神明町2-57</t>
  </si>
  <si>
    <t>044-544-8995</t>
  </si>
  <si>
    <t>第１－４１９５号</t>
  </si>
  <si>
    <t>山口　勝久</t>
  </si>
  <si>
    <t>山口空調システム</t>
  </si>
  <si>
    <t>岩槻区横根1007-3</t>
  </si>
  <si>
    <t>048-798-7128</t>
  </si>
  <si>
    <t>第１－４１９６号</t>
  </si>
  <si>
    <t>有限会社　𠮷田設備</t>
  </si>
  <si>
    <t>有限会社吉田設備</t>
  </si>
  <si>
    <t>大島町</t>
  </si>
  <si>
    <t>元町2-18-4</t>
  </si>
  <si>
    <t>04992-2-3780</t>
  </si>
  <si>
    <t>第１－４１９７号</t>
  </si>
  <si>
    <t>株式会社　サイレンス空調</t>
  </si>
  <si>
    <t>株式会社サイレンス空調</t>
  </si>
  <si>
    <t>中央町五丁目2番43号</t>
  </si>
  <si>
    <t>第１－４１９８号</t>
  </si>
  <si>
    <t>株式会社　小林空調設備</t>
  </si>
  <si>
    <t>株式会社小林空調設備</t>
  </si>
  <si>
    <t>大字赤井597-17</t>
  </si>
  <si>
    <t>第１－４１９９号</t>
  </si>
  <si>
    <t>有限会社　丸英</t>
  </si>
  <si>
    <t>有限会社丸英</t>
  </si>
  <si>
    <t>増川454番地の3</t>
  </si>
  <si>
    <t>第１－４２００号</t>
  </si>
  <si>
    <t>株式会社　ＮＥＸＴ　ＴＩＧＥＲ</t>
  </si>
  <si>
    <t>株式会社ＮＥＸＴ　ＴＩＧＥＲ</t>
  </si>
  <si>
    <t>港北区大倉山2-15-10</t>
  </si>
  <si>
    <t>第１－４２０１号</t>
  </si>
  <si>
    <t>株式会社　Ｔ・Ｓエコシステム</t>
  </si>
  <si>
    <t>株式会社Ｔ・Ｓエコシステム</t>
  </si>
  <si>
    <t>谷原新田1814-11</t>
  </si>
  <si>
    <t>第１－４２０２号</t>
  </si>
  <si>
    <t>株式会社　マスターズ工業</t>
  </si>
  <si>
    <t>株式会社マスターズ工業</t>
  </si>
  <si>
    <t>緑町5丁目4番3号</t>
  </si>
  <si>
    <t>第１－４２０３号</t>
  </si>
  <si>
    <t>東電機　有限会社</t>
  </si>
  <si>
    <t>東電機有限会社</t>
  </si>
  <si>
    <t>神奈川区西寺尾2-34-9</t>
  </si>
  <si>
    <t>第１－４２０４号</t>
  </si>
  <si>
    <t>佐久間　剛</t>
  </si>
  <si>
    <t>エンシタパワー</t>
  </si>
  <si>
    <t>湯島3-29-3-203</t>
  </si>
  <si>
    <t>第１－４２０５号</t>
  </si>
  <si>
    <t>有限会社　三冷設備</t>
  </si>
  <si>
    <t>有限会社三冷設備</t>
  </si>
  <si>
    <t>君津市</t>
  </si>
  <si>
    <t>人見1710-4</t>
  </si>
  <si>
    <t>第１－４２０６号</t>
  </si>
  <si>
    <t>株式会社　ＫＤサービス</t>
  </si>
  <si>
    <t>株式会社ＫＤサービス　横浜商品センター</t>
  </si>
  <si>
    <t>都筑区中川3丁目37-1</t>
  </si>
  <si>
    <t>第１－４２０７号</t>
  </si>
  <si>
    <t>株式会社　サーバント</t>
  </si>
  <si>
    <t>株式会社サーバント</t>
  </si>
  <si>
    <t>高塚新田642-171</t>
  </si>
  <si>
    <t>第１－４２０８号</t>
  </si>
  <si>
    <t>株式会社　染谷電設</t>
  </si>
  <si>
    <t>株式会社染谷電設</t>
  </si>
  <si>
    <t>古河市</t>
  </si>
  <si>
    <t>水海2104-6</t>
  </si>
  <si>
    <t>第１－４２０９号</t>
  </si>
  <si>
    <t>株式会社　ジオアークス</t>
  </si>
  <si>
    <t>株式会社ジオアークス</t>
  </si>
  <si>
    <t>昭和町2-7-4-202</t>
  </si>
  <si>
    <t>第１－４２１０号</t>
  </si>
  <si>
    <t>水戸　良</t>
  </si>
  <si>
    <t>水戸空調</t>
  </si>
  <si>
    <t>長房町70-1</t>
  </si>
  <si>
    <t>第１－４２１１号</t>
  </si>
  <si>
    <t>株式会社　ブリッジエアーサービス</t>
  </si>
  <si>
    <t>株式会社ブリッジエアーサービス</t>
  </si>
  <si>
    <t>大井794-5</t>
  </si>
  <si>
    <t>第１－４２１２号</t>
  </si>
  <si>
    <t>小沼　大樹</t>
  </si>
  <si>
    <t>ＤｏＦａｃｉｌｉｔｙ</t>
  </si>
  <si>
    <t>柳窪4-13-12</t>
  </si>
  <si>
    <t>第１－４２１３号</t>
  </si>
  <si>
    <t>株式会社　クールテック</t>
  </si>
  <si>
    <t>株式会社クールテック</t>
  </si>
  <si>
    <t>青葉区藤が丘1-52-36</t>
  </si>
  <si>
    <t>第１－４２１４号</t>
  </si>
  <si>
    <t>株式会社　ＡＥＲＡＳ</t>
  </si>
  <si>
    <t>株式会社ＡＥＲＡＳ</t>
  </si>
  <si>
    <t>大字大曽根1516番地8</t>
  </si>
  <si>
    <t>第１－４２１５号</t>
  </si>
  <si>
    <t>金杉7丁目39-16</t>
  </si>
  <si>
    <t>第１－４２１６号</t>
  </si>
  <si>
    <t>有限会社　ユーザー企画</t>
  </si>
  <si>
    <t>有限会社ユーザー企画</t>
  </si>
  <si>
    <t>鈴木町1-261-5</t>
  </si>
  <si>
    <t>第１－４２１７号</t>
  </si>
  <si>
    <t>株式会社　三井</t>
  </si>
  <si>
    <t>株式会社三井</t>
  </si>
  <si>
    <t>北小浜136-8</t>
  </si>
  <si>
    <t>第１－４２１８号</t>
  </si>
  <si>
    <t>株式会社　西海</t>
  </si>
  <si>
    <t>株式会社西海</t>
  </si>
  <si>
    <t>若葉町2-22-40</t>
  </si>
  <si>
    <t>第１－４２１９号</t>
  </si>
  <si>
    <t>合同会社　エアークラフトシステム</t>
  </si>
  <si>
    <t>合同会社エアークラフトシステム</t>
  </si>
  <si>
    <t>鶴見区馬場4丁目31番8号コーポ佐野102</t>
  </si>
  <si>
    <t>第１－４２２０号</t>
  </si>
  <si>
    <t>株式会社　ＭＭエンジニアリング</t>
  </si>
  <si>
    <t>神奈川区新子安1-22-14</t>
  </si>
  <si>
    <t>第１－４２２１号</t>
  </si>
  <si>
    <t>オリオン機械　株式会社</t>
  </si>
  <si>
    <t>オリオン機械株式会社　横浜営業所</t>
  </si>
  <si>
    <t>都筑区池辺町4804-4 横浜OTビル</t>
  </si>
  <si>
    <t>第１－４２２２号</t>
  </si>
  <si>
    <t>有限会社　プラント工業</t>
  </si>
  <si>
    <t>有限会社プラント工業</t>
  </si>
  <si>
    <t>東区小池町833-3</t>
  </si>
  <si>
    <t>第１－４２２３号</t>
  </si>
  <si>
    <t>株式会社　ＹＫＳ</t>
  </si>
  <si>
    <t>株式会社ＹＫＳ</t>
  </si>
  <si>
    <t>都筑区池辺町7009-13</t>
  </si>
  <si>
    <t>第１－４２２４号</t>
  </si>
  <si>
    <t>日本メガケア　株式会社</t>
  </si>
  <si>
    <t>日本メガケア株式会社</t>
  </si>
  <si>
    <t>舟渡1丁目12番11号</t>
  </si>
  <si>
    <t>第１－４２２５号</t>
  </si>
  <si>
    <t>株式会社　ＰＣＳＤ</t>
  </si>
  <si>
    <t>株式会社ＰＣＳＤ</t>
  </si>
  <si>
    <t>松木20-1-102</t>
  </si>
  <si>
    <t>第１－４２２６号</t>
  </si>
  <si>
    <t>株式会社　エジソン</t>
  </si>
  <si>
    <t>株式会社エジソン</t>
  </si>
  <si>
    <t>南大谷904-1 大澤ビル101</t>
  </si>
  <si>
    <t>第１－４２２７号</t>
  </si>
  <si>
    <t>合同会社　セルフ</t>
  </si>
  <si>
    <t>合同会社セルフ</t>
  </si>
  <si>
    <t>第１－４２２８号</t>
  </si>
  <si>
    <t>株式会社　圏央電設</t>
  </si>
  <si>
    <t>株式会社圏央電設　坂戸営業所</t>
  </si>
  <si>
    <t>石井2444-1</t>
  </si>
  <si>
    <t>第１－４２２９号</t>
  </si>
  <si>
    <t>株式会社　輝紀</t>
  </si>
  <si>
    <t>株式会社輝紀</t>
  </si>
  <si>
    <t>青葉町2-22-53</t>
  </si>
  <si>
    <t>第１－４２３０号</t>
  </si>
  <si>
    <t>遠藤　敦</t>
  </si>
  <si>
    <t>遠藤設備</t>
  </si>
  <si>
    <t>江戸川2-5-3</t>
  </si>
  <si>
    <t>第１－４２３１号</t>
  </si>
  <si>
    <t>ＳＤ　株式会社</t>
  </si>
  <si>
    <t>ＳＤ株式会社</t>
  </si>
  <si>
    <t>横川町420番地8アンテウスA棟3号</t>
  </si>
  <si>
    <t>第１－４２３２号</t>
  </si>
  <si>
    <t>株式会社　クニイ</t>
  </si>
  <si>
    <t>株式会社クニイ</t>
  </si>
  <si>
    <t>第１－４２３３号</t>
  </si>
  <si>
    <t>久貝　優樹</t>
  </si>
  <si>
    <t>ゆうき</t>
  </si>
  <si>
    <t>都筑区北山田6-17-26</t>
  </si>
  <si>
    <t>第１－４２３４号</t>
  </si>
  <si>
    <t>株式会社　ＹＫベーキングカンパニー</t>
  </si>
  <si>
    <t>株式会社ＹＫベーキングカンパニー　海老名工場</t>
  </si>
  <si>
    <t>杉久保南1丁目2番1号</t>
  </si>
  <si>
    <t>第１－４２３５号</t>
  </si>
  <si>
    <t>株式会社　ＮＪＬＩＮＫ</t>
  </si>
  <si>
    <t>株式会社ＮＪＬＩＮＫ</t>
  </si>
  <si>
    <t>越生町小杉361-12</t>
  </si>
  <si>
    <t>第１－４２３６号</t>
  </si>
  <si>
    <t>箕輪　健太</t>
  </si>
  <si>
    <t>ＡＸＩＶＥ</t>
  </si>
  <si>
    <t>中央1-15-5ライフピア三郷中央1201</t>
  </si>
  <si>
    <t>第１－４２３７号</t>
  </si>
  <si>
    <t>株式会社　エコー空調</t>
  </si>
  <si>
    <t>株式会社エコー空調</t>
  </si>
  <si>
    <t>緑区東本郷6-22-1-505</t>
  </si>
  <si>
    <t>第１－４２３８号</t>
  </si>
  <si>
    <t>有限会社　萩原冷熱工業</t>
  </si>
  <si>
    <t>有限会社萩原冷熱工業</t>
  </si>
  <si>
    <t>戸塚区吉田町943</t>
  </si>
  <si>
    <t>第１－４２３９号</t>
  </si>
  <si>
    <t>株式会社　ＴＫコーポレーション</t>
  </si>
  <si>
    <t>株式会社ＴＫコーポレーション</t>
  </si>
  <si>
    <t>館町1603　フローラ小島105</t>
  </si>
  <si>
    <t>第１－４２４０号</t>
  </si>
  <si>
    <t>新晃工業　株式会社</t>
  </si>
  <si>
    <t>SINKO　テクニカルセンター</t>
  </si>
  <si>
    <t>菩提160-1</t>
  </si>
  <si>
    <t>第１－４２４１号</t>
  </si>
  <si>
    <t>株式会社　エアライフ</t>
  </si>
  <si>
    <t>株式会社エアライフ</t>
  </si>
  <si>
    <t>鬼越2-2-14</t>
  </si>
  <si>
    <t>第１－４２４２号</t>
  </si>
  <si>
    <t>渡辺冷熱工業　株式会社</t>
  </si>
  <si>
    <t>渡辺冷熱工業株式会社</t>
  </si>
  <si>
    <t>東大沢3-30-1</t>
  </si>
  <si>
    <t>第１－４２４３号</t>
  </si>
  <si>
    <t>オザワ総合設備　株式会社</t>
  </si>
  <si>
    <t>オザワ総合設備株式会社</t>
  </si>
  <si>
    <t>第１－４２４４号</t>
  </si>
  <si>
    <t>Ｗｏｒｋｉｎｇ　Ｂｅｅ　株式会社</t>
  </si>
  <si>
    <t>Ｗｏｒｋｉｎｇ　Ｂｅｅ株式会社</t>
  </si>
  <si>
    <t>藤塚1169番地3</t>
  </si>
  <si>
    <t>第１－４２４５号</t>
  </si>
  <si>
    <t>株式会社　エムアールケイ</t>
  </si>
  <si>
    <t>株式会社エムアールケイ</t>
  </si>
  <si>
    <t>横芝光町新島5163-3</t>
  </si>
  <si>
    <t>第１－４２４６号</t>
  </si>
  <si>
    <t>有限会社　大樹</t>
  </si>
  <si>
    <t>有限会社大樹</t>
  </si>
  <si>
    <t>金沢区東朝比奈一丁目54番6号</t>
  </si>
  <si>
    <t>第１－４２４７号</t>
  </si>
  <si>
    <t>株式会社　Ｙ’ｓ</t>
  </si>
  <si>
    <t>株式会社Ｙ’ｓ</t>
  </si>
  <si>
    <t>下新河岸90-6</t>
  </si>
  <si>
    <t>第１－４２４８号</t>
  </si>
  <si>
    <t>後藤　一彦</t>
  </si>
  <si>
    <t>ゴトウ空調設備</t>
  </si>
  <si>
    <t>弐分方町581-2</t>
  </si>
  <si>
    <t>第１－４２４９号</t>
  </si>
  <si>
    <t>エクレ　株式会社</t>
  </si>
  <si>
    <t>エクレ株式会社</t>
  </si>
  <si>
    <t>下落合2-5-1</t>
  </si>
  <si>
    <t>第１－４２５０号</t>
  </si>
  <si>
    <t>株式会社　ＴｏｏＬｓ　ＣＯＲＤ</t>
  </si>
  <si>
    <t>株式会社ＴｏｏＬｓ　ＣＯＲＤ</t>
  </si>
  <si>
    <t>港南区日野9-43-3</t>
  </si>
  <si>
    <t>第１－４２５１号</t>
  </si>
  <si>
    <t>コロナテクニカルサービス　株式会社</t>
  </si>
  <si>
    <t>コロナテクニカルサービス株式会社　横浜営業所</t>
  </si>
  <si>
    <t>本藤沢2-12-9</t>
  </si>
  <si>
    <t>第１－４２５２号</t>
  </si>
  <si>
    <t>株式会社　齋藤電設</t>
  </si>
  <si>
    <t>株式会社齋藤電設</t>
  </si>
  <si>
    <t>桜区栄和一丁目4番13号</t>
  </si>
  <si>
    <t>第１－４２５３号</t>
  </si>
  <si>
    <t>武井　高雄</t>
  </si>
  <si>
    <t>武井自動車電装</t>
  </si>
  <si>
    <t>西糀谷三丁目十四番七号</t>
  </si>
  <si>
    <t>第１－４２５４号</t>
  </si>
  <si>
    <t>澁谷　弘海</t>
  </si>
  <si>
    <t>Ａｉｒ　Ｏｃｅａｎ</t>
  </si>
  <si>
    <t>多摩区長沢2-15-14シャーメゾン長沢206</t>
  </si>
  <si>
    <t>第１－４２５５号</t>
  </si>
  <si>
    <t>有限会社　エムアールサービス</t>
  </si>
  <si>
    <t>有限会社エムアールサービス　</t>
  </si>
  <si>
    <t>芝山町大台3100-36</t>
  </si>
  <si>
    <t>第１－４２５６号</t>
  </si>
  <si>
    <t>株式会社　コクシン</t>
  </si>
  <si>
    <t>株式会社コクシン</t>
  </si>
  <si>
    <t>愛媛県</t>
  </si>
  <si>
    <t>松山市</t>
  </si>
  <si>
    <t>畑寺町丙89-2</t>
  </si>
  <si>
    <t>第１－４２５７号</t>
  </si>
  <si>
    <t>柴田　康平</t>
  </si>
  <si>
    <t>柴田冷設</t>
  </si>
  <si>
    <t>佐野1-14-16</t>
  </si>
  <si>
    <t>第１－４２５８号</t>
  </si>
  <si>
    <t>株式会社　ファースト</t>
  </si>
  <si>
    <t>株式会社ファースト</t>
  </si>
  <si>
    <t>兵庫区笠松通5丁目5-1</t>
  </si>
  <si>
    <t>第１－４２５９号</t>
  </si>
  <si>
    <t>港南区笹下1-3-8　ファーストステージ港南</t>
  </si>
  <si>
    <t>第１－４２６０号</t>
  </si>
  <si>
    <t>株式会社　ユーアイ</t>
  </si>
  <si>
    <t>株式会社ユーアイ</t>
  </si>
  <si>
    <t>北方町四丁目2066番地11</t>
  </si>
  <si>
    <t>第１－４２６１号</t>
  </si>
  <si>
    <t>株式会社　石附冷凍機</t>
  </si>
  <si>
    <t>株式会社石附冷凍機</t>
  </si>
  <si>
    <t>旭区今宿西町261-2</t>
  </si>
  <si>
    <t>第１－４２６２号</t>
  </si>
  <si>
    <t>ガッツ空調　株式会社</t>
  </si>
  <si>
    <t>ガッツ空調株式会社</t>
  </si>
  <si>
    <t>大井662-57</t>
  </si>
  <si>
    <t>第１－４２６３号</t>
  </si>
  <si>
    <t>インセンティブ　株式会社</t>
  </si>
  <si>
    <t>インセンティブ株式会社</t>
  </si>
  <si>
    <t>佐野2-20-11</t>
  </si>
  <si>
    <t>第１－４２６４号</t>
  </si>
  <si>
    <t>株式会社　スペースライズ</t>
  </si>
  <si>
    <t>株式会社スペースライズ</t>
  </si>
  <si>
    <t>鑓水2丁目1479-7-101</t>
  </si>
  <si>
    <t>第１－４２６５号</t>
  </si>
  <si>
    <t>株式会社　ワーキングスタイル</t>
  </si>
  <si>
    <t>株式会社ワーキングスタイル</t>
  </si>
  <si>
    <t>犬目町288-2</t>
  </si>
  <si>
    <t>第１－４２６６号</t>
  </si>
  <si>
    <t>株式会社　嶋根総業</t>
  </si>
  <si>
    <t>栄町5丁目369番地の2</t>
  </si>
  <si>
    <t>第１－４２６７号</t>
  </si>
  <si>
    <t>株式会社　ＭＴＯ</t>
  </si>
  <si>
    <t>株式会社ＭＴＯ</t>
  </si>
  <si>
    <t>根ヶ布2-1372-44</t>
  </si>
  <si>
    <t>第１－４２６８号</t>
  </si>
  <si>
    <t>株式会社　エアパナ</t>
  </si>
  <si>
    <t>株式会社エアパナ</t>
  </si>
  <si>
    <t>若葉区桜木五丁目七番六号</t>
  </si>
  <si>
    <t>第１－４２６９号</t>
  </si>
  <si>
    <t>電空　株式会社</t>
  </si>
  <si>
    <t>電空株式会社</t>
  </si>
  <si>
    <t>小金40-19-403</t>
  </si>
  <si>
    <t>第１－４２７０号</t>
  </si>
  <si>
    <t>株式会社なごみ 営業所</t>
  </si>
  <si>
    <t>増林13-1</t>
  </si>
  <si>
    <t>第１－４２７１号</t>
  </si>
  <si>
    <t>山中　孝一</t>
  </si>
  <si>
    <t>ＫＹ空調サービスセンター</t>
  </si>
  <si>
    <t>東松本1-6-9-203</t>
  </si>
  <si>
    <t>第１－４２７２号</t>
  </si>
  <si>
    <t>渡部　智</t>
  </si>
  <si>
    <t>ゼファー空調設備</t>
  </si>
  <si>
    <t>大枝89番地1-34-402号</t>
  </si>
  <si>
    <t>第１－４２７３号</t>
  </si>
  <si>
    <t>東京サーモテック　株式会社</t>
  </si>
  <si>
    <t>東京サーモテック株式会社</t>
  </si>
  <si>
    <t>笹目4丁目24-6</t>
  </si>
  <si>
    <t>第１－４２７４号</t>
  </si>
  <si>
    <t>株式会社　ゆうき空調</t>
  </si>
  <si>
    <t>株式会社ゆうき空調</t>
  </si>
  <si>
    <t>旭町2-3-31</t>
  </si>
  <si>
    <t>第１－４２７５号</t>
  </si>
  <si>
    <t>保科　雄也</t>
  </si>
  <si>
    <t>ＮｅｏＬｉｎｅ</t>
  </si>
  <si>
    <t>旭区上白根2-44-20</t>
  </si>
  <si>
    <t>第１－４２７６号</t>
  </si>
  <si>
    <t>株式会社　ＬａＮａｔｕｒｅ</t>
  </si>
  <si>
    <t>多摩川1-35-3 月村マンションNo.18　1階</t>
  </si>
  <si>
    <t>第１－４２７７号</t>
  </si>
  <si>
    <t>株式会社　植田冷熱</t>
  </si>
  <si>
    <t>株式会社植田冷熱</t>
  </si>
  <si>
    <t>北小岩6-13-4　コスモビル2F</t>
  </si>
  <si>
    <t>第１－４２７８号</t>
  </si>
  <si>
    <t>株式会社　ｂ．ｇ</t>
  </si>
  <si>
    <t>株式会社ｂ．Ｇ</t>
  </si>
  <si>
    <t>川崎区追分町5-1-1F</t>
  </si>
  <si>
    <t>第１－４２７９号</t>
  </si>
  <si>
    <t>株式会社　ＤｉＮ工業</t>
  </si>
  <si>
    <t>株式会社ＤｉＮ工業</t>
  </si>
  <si>
    <t>小通幸谷町197-5</t>
  </si>
  <si>
    <t>第１－４２８０号</t>
  </si>
  <si>
    <t>熊谷　善光</t>
  </si>
  <si>
    <t>熊谷設備</t>
  </si>
  <si>
    <t>東みずほ台4-16-14</t>
  </si>
  <si>
    <t>第１－４２８１号</t>
  </si>
  <si>
    <t>株式会社　エアメイク</t>
  </si>
  <si>
    <t>株式会社エアメイク</t>
  </si>
  <si>
    <t>東国分1-2-15</t>
  </si>
  <si>
    <t>第１－４２８２号</t>
  </si>
  <si>
    <t>株式会社　ジェイ</t>
  </si>
  <si>
    <t>株式会社ジェイ</t>
  </si>
  <si>
    <t>旭区本宿町35-11</t>
  </si>
  <si>
    <t>第１－４２８３号</t>
  </si>
  <si>
    <t>有限会社　協同住設</t>
  </si>
  <si>
    <t>有限会社協同住設</t>
  </si>
  <si>
    <t>旭区柏町3番地50　アローエスタ101号室</t>
  </si>
  <si>
    <t>第１－４２８４号</t>
  </si>
  <si>
    <t>株式会社　ミライトアップ</t>
  </si>
  <si>
    <t>株式会社ミライトアップ</t>
  </si>
  <si>
    <t>荻窪一丁目8番2号　ピッコロオペラA</t>
  </si>
  <si>
    <t>第１－４２８５号</t>
  </si>
  <si>
    <t>有限会社　ソトカワ電器</t>
  </si>
  <si>
    <t>有限会社ソトカワ電器</t>
  </si>
  <si>
    <t>瀬谷区阿久和西3-40-30</t>
  </si>
  <si>
    <t>第１－４２８６号</t>
  </si>
  <si>
    <t>株式会社　吉丸設備</t>
  </si>
  <si>
    <t>株式会社吉丸設備</t>
  </si>
  <si>
    <t>都筑区荏田南5-21-51-201</t>
  </si>
  <si>
    <t>第１－４２８７号</t>
  </si>
  <si>
    <t>合同会社　ＢＡＳＥＢＡＣＳ</t>
  </si>
  <si>
    <t>合同会社ＢＡＳＥＢＡＣＳ</t>
  </si>
  <si>
    <t>徳島県</t>
  </si>
  <si>
    <t>鳴門市</t>
  </si>
  <si>
    <t>撫養町南浜馬目木130</t>
  </si>
  <si>
    <t>第１－４２８８号</t>
  </si>
  <si>
    <t>イースタン電機　株式会社</t>
  </si>
  <si>
    <t>イースタン電機株式会社</t>
  </si>
  <si>
    <t>八雲台1-28-1</t>
  </si>
  <si>
    <t>第１－４２８９号</t>
  </si>
  <si>
    <t>株式会社　エアーレイシス</t>
  </si>
  <si>
    <t>株式会社エアーレイシス</t>
  </si>
  <si>
    <t>滋賀県</t>
  </si>
  <si>
    <t>大津市</t>
  </si>
  <si>
    <t>下阪本4-15-10</t>
  </si>
  <si>
    <t>第１－４２９０号</t>
  </si>
  <si>
    <t>有限会社　ホープ</t>
  </si>
  <si>
    <t>有限会社ホープ</t>
  </si>
  <si>
    <t>泉区中田東1-6-1-1F</t>
  </si>
  <si>
    <t>第１－４２９１号</t>
  </si>
  <si>
    <t>鈴木　頼久</t>
  </si>
  <si>
    <t>Ａｉｒｌｉｆｅ</t>
  </si>
  <si>
    <t>栄区上郷町1670-20</t>
  </si>
  <si>
    <t>第１－４２９２号</t>
  </si>
  <si>
    <t>志村　嘉秀</t>
  </si>
  <si>
    <t>Ｓ－ＣＲＡＦＴ</t>
  </si>
  <si>
    <t>和田町2-175-1</t>
  </si>
  <si>
    <t>第１－４２９３号</t>
  </si>
  <si>
    <t>山内　郁弥</t>
  </si>
  <si>
    <t>山冷設備</t>
  </si>
  <si>
    <t>中原1丁目29番76号</t>
  </si>
  <si>
    <t>第１－４２９４号</t>
  </si>
  <si>
    <t>株式会社　三永冷凍機工事</t>
  </si>
  <si>
    <t>株式会社三永冷凍機工事</t>
  </si>
  <si>
    <t>南畑新田778</t>
  </si>
  <si>
    <t>第１－４２９５号</t>
  </si>
  <si>
    <t>株式会社　タマコーポレーション</t>
  </si>
  <si>
    <t>株式会社タマコーポレーション</t>
  </si>
  <si>
    <t>中央1-1-1</t>
  </si>
  <si>
    <t>第１－４２９６号</t>
  </si>
  <si>
    <t>株式会社　横浜アドバンスライフ</t>
  </si>
  <si>
    <t>株式会社横浜アドバンスライフ</t>
  </si>
  <si>
    <t>磯子区栗木二丁目1番3号</t>
  </si>
  <si>
    <t>第１－４２９７号</t>
  </si>
  <si>
    <t>株式会社　埼玉ヤマト</t>
  </si>
  <si>
    <t>株式会社埼玉ヤマト</t>
  </si>
  <si>
    <t>岩槻区西原台一丁目1番10号</t>
  </si>
  <si>
    <t>第１－４２９９号</t>
  </si>
  <si>
    <t>株式会社　ミライセツビ</t>
  </si>
  <si>
    <t>株式会社ミライセツビ</t>
  </si>
  <si>
    <t>高津区久末511-127</t>
  </si>
  <si>
    <t>第１－４３００号</t>
  </si>
  <si>
    <t>有限会社　北冷機</t>
  </si>
  <si>
    <t>有限会社北冷機</t>
  </si>
  <si>
    <t>木幡須留1-190</t>
  </si>
  <si>
    <t>第１－４３０１号</t>
  </si>
  <si>
    <t>丸永工業　株式会社</t>
  </si>
  <si>
    <t>丸永工業株式会社</t>
  </si>
  <si>
    <t>鎌田3丁目9番6号</t>
  </si>
  <si>
    <t>第１－４３０２号</t>
  </si>
  <si>
    <t>Ａｉｒ　株式会社</t>
  </si>
  <si>
    <t>Ａｉｒ株式会社</t>
  </si>
  <si>
    <t>東道野辺4丁目11番10号</t>
  </si>
  <si>
    <t>第１－４３０３号</t>
  </si>
  <si>
    <t>株式会社　リペアサービス</t>
  </si>
  <si>
    <t>株式会社リペアサービス</t>
  </si>
  <si>
    <t>木曽東4丁目20番5号サウスフラワー2</t>
  </si>
  <si>
    <t>第１－４３０４号</t>
  </si>
  <si>
    <t>有限会社　はっさく電化</t>
  </si>
  <si>
    <t>有限会社はっさく電化</t>
  </si>
  <si>
    <t>緑区青砥町851-2</t>
  </si>
  <si>
    <t>第１－４３０５号</t>
  </si>
  <si>
    <t>株式会社　Ｅｌｅｃｔｒｏ　Ｄｉｍｅｎｓｉｏｎｓ</t>
  </si>
  <si>
    <t>株式会社Ｅｌｅｃｔｒｏ　Ｄｉｍｅｎｓｉｏｎｓ</t>
  </si>
  <si>
    <t>都筑区早渕3-10-21</t>
  </si>
  <si>
    <t>第１－４３０６号</t>
  </si>
  <si>
    <t>タースエンジニアリング　株式会社</t>
  </si>
  <si>
    <t>タースエンジニアリング株式会社　首都圏法人営業部</t>
  </si>
  <si>
    <t>見沼区東大宮7丁目62番25号</t>
  </si>
  <si>
    <t>第１－４３０７号</t>
  </si>
  <si>
    <t>合同会社　ＩＳＤＡＣ</t>
  </si>
  <si>
    <t>合同会社ＩＳＤＡＣ</t>
  </si>
  <si>
    <t>上高田4-24-3-712</t>
  </si>
  <si>
    <t>第１－４３０８号</t>
  </si>
  <si>
    <t>株式会社　羽鳥住宅設備</t>
  </si>
  <si>
    <t>株式会社羽鳥住宅設備</t>
  </si>
  <si>
    <t>郭町1-10 2F</t>
  </si>
  <si>
    <t>第１－４３０９号</t>
  </si>
  <si>
    <t>株式会社　増田電気設備</t>
  </si>
  <si>
    <t>株式会社増田電気設備</t>
  </si>
  <si>
    <t>畑中3-972-3</t>
  </si>
  <si>
    <t>第１－４３１０号</t>
  </si>
  <si>
    <t>有限会社　朝日電気商会中野島店</t>
  </si>
  <si>
    <t>有限会社朝日電気商会中野島店</t>
  </si>
  <si>
    <t>多摩区生田1-11-5</t>
  </si>
  <si>
    <t>第１－４３１１号</t>
  </si>
  <si>
    <t>渡邉　祐樹</t>
  </si>
  <si>
    <t>ＳＩＮＣＥＲＩＴＹ</t>
  </si>
  <si>
    <t>大日926番地35</t>
  </si>
  <si>
    <t>第１－４３１２号</t>
  </si>
  <si>
    <t>株式会社　ダイデンテクノス</t>
  </si>
  <si>
    <t>株式会社ダイデンテクノス</t>
  </si>
  <si>
    <t>都筑区中川中央一丁目5番地18号</t>
  </si>
  <si>
    <t>株式会社ダイデンテクノス　資材センター</t>
  </si>
  <si>
    <t>都筑区早渕1丁目23番地15号</t>
  </si>
  <si>
    <t>第１－４３１３号</t>
  </si>
  <si>
    <t>有限会社　ケイ・ワイズ</t>
  </si>
  <si>
    <t>有限会社ケイ・ワイズ</t>
  </si>
  <si>
    <t>根岸4-7-11-304</t>
  </si>
  <si>
    <t>第１－４３１４号</t>
  </si>
  <si>
    <t>株式会社　ＤＩＲ　ＧＲＯＵＰ</t>
  </si>
  <si>
    <t>株式会社ＤＩＲ　ＧＲＯＵＰ</t>
  </si>
  <si>
    <t>西町744-1</t>
  </si>
  <si>
    <t>第１－４３１５号</t>
  </si>
  <si>
    <t>ステージア　株式会社</t>
  </si>
  <si>
    <t>ステージア株式会社</t>
  </si>
  <si>
    <t>本町田3258-63</t>
  </si>
  <si>
    <t>第１－４３１６号</t>
  </si>
  <si>
    <t>株式会社　マルヰエナジー</t>
  </si>
  <si>
    <t>株式会社マルヰエナジー</t>
  </si>
  <si>
    <t>鎌田772-1</t>
  </si>
  <si>
    <t>第１－４３１７号</t>
  </si>
  <si>
    <t>株式会社　ニアック</t>
  </si>
  <si>
    <t>株式会社ニアック</t>
  </si>
  <si>
    <t>第１－４３１８号</t>
  </si>
  <si>
    <t>本間　忠一</t>
  </si>
  <si>
    <t>本間冷機</t>
  </si>
  <si>
    <t>港北区下田町6-21-26</t>
  </si>
  <si>
    <t>第１－４３１９号</t>
  </si>
  <si>
    <t>深津　建次</t>
  </si>
  <si>
    <t>深津空調</t>
  </si>
  <si>
    <t>押立1717</t>
  </si>
  <si>
    <t>第１－４３２０号</t>
  </si>
  <si>
    <t>渡邉　晋也</t>
  </si>
  <si>
    <t>シン・エアサポート</t>
  </si>
  <si>
    <t>中央町5-3-19</t>
  </si>
  <si>
    <t>第１－４３２１号</t>
  </si>
  <si>
    <t>株式会社　花渕設備</t>
  </si>
  <si>
    <t>株式会社花渕設備</t>
  </si>
  <si>
    <t>大山金井町19-5</t>
  </si>
  <si>
    <t>第１－４３２２号</t>
  </si>
  <si>
    <t>株式会社　エス・テー・エス</t>
  </si>
  <si>
    <t>株式会社エス・テー・エス</t>
  </si>
  <si>
    <t>中区本牧間門7-15北川ビル1F</t>
  </si>
  <si>
    <t>第１－４３２３号</t>
  </si>
  <si>
    <t>合同会社　ＨＡＬＬ</t>
  </si>
  <si>
    <t>合同会社ＨＡＬＬ</t>
  </si>
  <si>
    <t>麻生区下麻生2丁目24番41号</t>
  </si>
  <si>
    <t>第１－４３２４号</t>
  </si>
  <si>
    <t>株式会社　ダイシンエンジ</t>
  </si>
  <si>
    <t>株式会社ダイシンエンジ</t>
  </si>
  <si>
    <t>都筑区早渕一丁目23番15号</t>
  </si>
  <si>
    <t>第１－４３２５号</t>
  </si>
  <si>
    <t>合同会社　マルケン</t>
  </si>
  <si>
    <t>合同会社マルケン</t>
  </si>
  <si>
    <t>青南町5-9-10</t>
  </si>
  <si>
    <t>第１－４３２６号</t>
  </si>
  <si>
    <t>成電工　合同会社</t>
  </si>
  <si>
    <t>成電工合同会社</t>
  </si>
  <si>
    <t>見沼区蓮沼1296-6</t>
  </si>
  <si>
    <t>第１－４３２７号</t>
  </si>
  <si>
    <t>青木　辰夫</t>
  </si>
  <si>
    <t>青木設備</t>
  </si>
  <si>
    <t>中新宿1-20-5</t>
  </si>
  <si>
    <t>第１－４３２８号</t>
  </si>
  <si>
    <t>揚原設備　株式会社</t>
  </si>
  <si>
    <t>揚原設備株式会社</t>
  </si>
  <si>
    <t>旭町1-4-40-1F</t>
  </si>
  <si>
    <t>第１－４３２９号</t>
  </si>
  <si>
    <t>株式会社　ラーテル</t>
  </si>
  <si>
    <t>株式会社ラーテル</t>
  </si>
  <si>
    <t>泉区岡津町1015-15</t>
  </si>
  <si>
    <t>第１－４３３０号</t>
  </si>
  <si>
    <t>株式会社　ケイズ</t>
  </si>
  <si>
    <t>株式会社ケイズ　摂津営業所</t>
  </si>
  <si>
    <t>鳥飼上2-4-47</t>
  </si>
  <si>
    <t>第１－４３３１号</t>
  </si>
  <si>
    <t>松井　真吾</t>
  </si>
  <si>
    <t>松井設備</t>
  </si>
  <si>
    <t>野辺522-4</t>
  </si>
  <si>
    <t>第１－４３３２号</t>
  </si>
  <si>
    <t>株式会社　ＳＴマネージメント</t>
  </si>
  <si>
    <t>株式会社ＳＴマネージメント</t>
  </si>
  <si>
    <t>第１－４３３３号</t>
  </si>
  <si>
    <t>株式会社　オルキャス</t>
  </si>
  <si>
    <t>株式会社オルキャス</t>
  </si>
  <si>
    <t>三園1-27-8</t>
  </si>
  <si>
    <t>第１－４３３４号</t>
  </si>
  <si>
    <t>有限会社　リープ</t>
  </si>
  <si>
    <t>有限会社リープ</t>
  </si>
  <si>
    <t>都筑区中川3-32-2</t>
  </si>
  <si>
    <t>第１－４３３５号</t>
  </si>
  <si>
    <t>有限会社　東邦ビルテクノ</t>
  </si>
  <si>
    <t>有限会社東邦ビルテクノ</t>
  </si>
  <si>
    <t>都筑区川和町2544-3</t>
  </si>
  <si>
    <t>第１－４３３６号</t>
  </si>
  <si>
    <t>株式会社　城東設備</t>
  </si>
  <si>
    <t>株式会社城東設備</t>
  </si>
  <si>
    <t>佐野1-22-7　ゴールデンライツフォーR4</t>
  </si>
  <si>
    <t>第１－４３３７号</t>
  </si>
  <si>
    <t>株式会社　新冷熱技研</t>
  </si>
  <si>
    <t>株式会社新冷熱技研</t>
  </si>
  <si>
    <t>浜北区新原2810番地の1</t>
  </si>
  <si>
    <t>第１－４３３８号</t>
  </si>
  <si>
    <t>株式会社　エアリス</t>
  </si>
  <si>
    <t>株式会社エアリス</t>
  </si>
  <si>
    <t>茂田井757-3</t>
  </si>
  <si>
    <t>第１－４３３９号</t>
  </si>
  <si>
    <t>中山　龍一</t>
  </si>
  <si>
    <t>中山空調設備</t>
  </si>
  <si>
    <t>竹の塚3-17-6-105</t>
  </si>
  <si>
    <t>第１－４３４０号</t>
  </si>
  <si>
    <t>有限会社　あおぬま電気</t>
  </si>
  <si>
    <t>有限会社あおぬま電気</t>
  </si>
  <si>
    <t>幸区戸手本町2-228</t>
  </si>
  <si>
    <t>第１－４３４１号</t>
  </si>
  <si>
    <t>合同会社　プロキオン</t>
  </si>
  <si>
    <t>合同会社プロキオン</t>
  </si>
  <si>
    <t>梅郷4-501-3</t>
  </si>
  <si>
    <t>第１－４３４２号</t>
  </si>
  <si>
    <t>株式会社　レイズ</t>
  </si>
  <si>
    <t>株式会社レイズ</t>
  </si>
  <si>
    <t>中区八田北町459番地1</t>
  </si>
  <si>
    <t>第１－４３４３号</t>
  </si>
  <si>
    <t>株式会社　ミッドアップ</t>
  </si>
  <si>
    <t>株式会社ミッドアップ</t>
  </si>
  <si>
    <t>神明南2-10-7</t>
  </si>
  <si>
    <t>第１－４３４４号</t>
  </si>
  <si>
    <t>株式会社　ジェイテック</t>
  </si>
  <si>
    <t>株式会社ジェイテック</t>
  </si>
  <si>
    <t>港南区芹が谷1-10-14</t>
  </si>
  <si>
    <t>第１－４３４５号</t>
  </si>
  <si>
    <t>株式会社　三維</t>
  </si>
  <si>
    <t>株式会社三維</t>
  </si>
  <si>
    <t>散田町4-1-9</t>
  </si>
  <si>
    <t>第１－４３４６号</t>
  </si>
  <si>
    <t>株式会社　オンワ</t>
  </si>
  <si>
    <t>株式会社オンワ</t>
  </si>
  <si>
    <t>玉堤1丁目15番31号グリーンハイツ105</t>
  </si>
  <si>
    <t>第１－４３４７号</t>
  </si>
  <si>
    <t>株式会社　アイカム</t>
  </si>
  <si>
    <t>株式会社アイカム</t>
  </si>
  <si>
    <t>北町5-12-21</t>
  </si>
  <si>
    <t>第１－４３４８号</t>
  </si>
  <si>
    <t>株式会社　アステム</t>
  </si>
  <si>
    <t>株式会社アステム</t>
  </si>
  <si>
    <t>日本橋堀留町一丁目2番10号</t>
  </si>
  <si>
    <t>第１－４３４９号</t>
  </si>
  <si>
    <t>有限会社　イガワ</t>
  </si>
  <si>
    <t>有限会社イガワ</t>
  </si>
  <si>
    <t>福住2丁目7番1号</t>
  </si>
  <si>
    <t>第１－４３５０号</t>
  </si>
  <si>
    <t>株式会社　Y’ｓＡｉｒＰｌａｎ</t>
  </si>
  <si>
    <t>株式会社Ｙ’ｓ　Ａｉｒ　Ｐｌａｎ</t>
  </si>
  <si>
    <t>上青木西1-20-27</t>
  </si>
  <si>
    <t>第１－４３５１号</t>
  </si>
  <si>
    <t>株式会社　伸明冷熱</t>
  </si>
  <si>
    <t>株式会社伸明冷熱</t>
  </si>
  <si>
    <t>稲毛区萩台町696-79</t>
  </si>
  <si>
    <t>第１－４３５２号</t>
  </si>
  <si>
    <t>有限会社　常真工業</t>
  </si>
  <si>
    <t>有限会社常真工業</t>
  </si>
  <si>
    <t>稲岡546-1</t>
  </si>
  <si>
    <t>第１－４３５３号</t>
  </si>
  <si>
    <t>株式会社　イークル</t>
  </si>
  <si>
    <t>株式会社イークル</t>
  </si>
  <si>
    <t>大字加納122-28</t>
  </si>
  <si>
    <t>第１－４３５４号</t>
  </si>
  <si>
    <t>株式会社　ＮＥＸＴ</t>
  </si>
  <si>
    <t>株式会社ＮＥＸＴ</t>
  </si>
  <si>
    <t>保土ヶ谷区岩井町318番地</t>
  </si>
  <si>
    <t>第１－４３５５号</t>
  </si>
  <si>
    <t>株式会社　リニューアルワーク</t>
  </si>
  <si>
    <t>株式会社リニューアルワーク</t>
  </si>
  <si>
    <t>東区上西町56-7</t>
  </si>
  <si>
    <t>第１－４３５６号</t>
  </si>
  <si>
    <t>伸晃産業　株式会社</t>
  </si>
  <si>
    <t>伸晃産業株式会社</t>
  </si>
  <si>
    <t>川崎区小田栄1-9-22</t>
  </si>
  <si>
    <t>第１－４３５７号</t>
  </si>
  <si>
    <t>有限会社　三翔</t>
  </si>
  <si>
    <t>有限会社三翔</t>
  </si>
  <si>
    <t>本大久保一丁目5番2号</t>
  </si>
  <si>
    <t>第１－４３５８号</t>
  </si>
  <si>
    <t>鹿島警備　株式会社</t>
  </si>
  <si>
    <t>鹿島警備株式会社</t>
  </si>
  <si>
    <t>百人町一丁目21番1号605</t>
  </si>
  <si>
    <t>第１－４３５９号</t>
  </si>
  <si>
    <t>株式会社　ヤマモト</t>
  </si>
  <si>
    <t>株式会社ヤマモト</t>
  </si>
  <si>
    <t>山宮2344番地</t>
  </si>
  <si>
    <t>第１－４３６０号</t>
  </si>
  <si>
    <t>ＳＫサービス　株式会社</t>
  </si>
  <si>
    <t>ＳＫサービス株式会社</t>
  </si>
  <si>
    <t>函南町上沢14-23</t>
  </si>
  <si>
    <t>第１－４３６１号</t>
  </si>
  <si>
    <t>株式会社ＭＭエンジニアリング</t>
  </si>
  <si>
    <t>宮前区東有馬4-18-4</t>
  </si>
  <si>
    <t>第１－４３６２号</t>
  </si>
  <si>
    <t>合同会社　八賢興業</t>
  </si>
  <si>
    <t>合同会社八賢興業</t>
  </si>
  <si>
    <t>四谷町750-8EYビル1F</t>
  </si>
  <si>
    <t>第１－４３６３号</t>
  </si>
  <si>
    <t>𠮷成　元</t>
  </si>
  <si>
    <t>𠮷成設備</t>
  </si>
  <si>
    <t>幸区紺屋町49</t>
  </si>
  <si>
    <t>第１－４３６４号</t>
  </si>
  <si>
    <t>株式会社　竹之内工業所</t>
  </si>
  <si>
    <t>株式会社竹之内工業所</t>
  </si>
  <si>
    <t>第１－４３６５号</t>
  </si>
  <si>
    <t>株式会社　Ｇテック</t>
  </si>
  <si>
    <t>株式会社Ｇテック</t>
  </si>
  <si>
    <t>港南区日野5-9-18-1</t>
  </si>
  <si>
    <t>第１－４３６６号</t>
  </si>
  <si>
    <t>新井　健</t>
  </si>
  <si>
    <t>ＤＲＥＡＭ</t>
  </si>
  <si>
    <t>大沼町2-29-6-101</t>
  </si>
  <si>
    <t>第１－４３６７号</t>
  </si>
  <si>
    <t>田中冷設工業　株式会社</t>
  </si>
  <si>
    <t>田中冷設工業株式会社</t>
  </si>
  <si>
    <t>永国157</t>
  </si>
  <si>
    <t>第１－４３６８号</t>
  </si>
  <si>
    <t>株式会社　安波冷機</t>
  </si>
  <si>
    <t>株式会社安波冷機</t>
  </si>
  <si>
    <t>長淵三丁目164番地の17</t>
  </si>
  <si>
    <t>第１－４３６９号</t>
  </si>
  <si>
    <t>株式会社　Ｒｅライフ</t>
  </si>
  <si>
    <t>株式会社Ｒｅライフ　神奈川営業所</t>
  </si>
  <si>
    <t>神奈川区菅田町72-16</t>
  </si>
  <si>
    <t>第１－４３７０号</t>
  </si>
  <si>
    <t>株式会社　太郎組</t>
  </si>
  <si>
    <t>株式会社太郎組　本店</t>
  </si>
  <si>
    <t>金沢区富岡西三丁目40番9号</t>
  </si>
  <si>
    <t>第１－４３７１号</t>
  </si>
  <si>
    <t>株式会社　ＤＡＩＹＡ</t>
  </si>
  <si>
    <t>株式会社ＤＡＩＹＡ</t>
  </si>
  <si>
    <t>川崎区池上新町2-6-5-2</t>
  </si>
  <si>
    <t>第１－４３７２号</t>
  </si>
  <si>
    <t>株式会社　Ａｂｉｌｉｔｉｅｓ</t>
  </si>
  <si>
    <t>株式会社Ａｂｉｌｉｔｉｅｓ</t>
  </si>
  <si>
    <t>笹目一丁目31番地の5</t>
  </si>
  <si>
    <t>第１－４３７３号</t>
  </si>
  <si>
    <t>ＫＮＧグループ　株式会社</t>
  </si>
  <si>
    <t>ＫＮＧグループ株式会社</t>
  </si>
  <si>
    <t>川崎区小田5-28-14グラスコート1F</t>
  </si>
  <si>
    <t>第１－４３７４号</t>
  </si>
  <si>
    <t>榊󠄀　宏幸</t>
  </si>
  <si>
    <t>サカキ空調</t>
  </si>
  <si>
    <t>泉区下和泉3-11-17</t>
  </si>
  <si>
    <t>第１－４３７５号</t>
  </si>
  <si>
    <t>株式会社　ｇｏｏｄａｉｒ</t>
  </si>
  <si>
    <t>株式会社ｇｏｏｄａｉｒ</t>
  </si>
  <si>
    <t>和歌山県</t>
  </si>
  <si>
    <t>和歌山市</t>
  </si>
  <si>
    <t>井辺225-9</t>
  </si>
  <si>
    <t>神(横セ)</t>
  </si>
  <si>
    <t>有限会社　冷熱ハウス</t>
  </si>
  <si>
    <t>有限会社冷熱ハウス</t>
  </si>
  <si>
    <t>逗子市</t>
  </si>
  <si>
    <t>小坪三丁目21番14号</t>
  </si>
  <si>
    <t>046-872-1665</t>
  </si>
  <si>
    <t>株式会社　リフレックス</t>
  </si>
  <si>
    <t>株式会社リフレックス　本社リサイクルセンター</t>
  </si>
  <si>
    <t>内川二丁目5番50号</t>
  </si>
  <si>
    <t>046-833-0700</t>
  </si>
  <si>
    <t>株式会社リフレックス　循環資源リサイクルセンター</t>
  </si>
  <si>
    <t>内川二丁目2番2号</t>
  </si>
  <si>
    <t>046-830-5055</t>
  </si>
  <si>
    <t>株式会社　上林冷機</t>
  </si>
  <si>
    <t>株式会社上林冷機</t>
  </si>
  <si>
    <t>公郷町四丁目7番地3</t>
  </si>
  <si>
    <t>046-852-1000</t>
  </si>
  <si>
    <t>株式会社　一柳冷機</t>
  </si>
  <si>
    <t>株式会社一柳冷機</t>
  </si>
  <si>
    <t>新宿四丁目16番4号</t>
  </si>
  <si>
    <t>046-871-5073</t>
  </si>
  <si>
    <t>有限会社　平戸冷設</t>
  </si>
  <si>
    <t>有限会社平戸冷設</t>
  </si>
  <si>
    <t>桜山三丁目5番16号</t>
  </si>
  <si>
    <t>046-871-5992</t>
  </si>
  <si>
    <t>株式会社　エーアイ熱学</t>
  </si>
  <si>
    <t>株式会社エーアイ熱学</t>
  </si>
  <si>
    <t>大矢部三丁目16番5号</t>
  </si>
  <si>
    <t>046-836-1809</t>
  </si>
  <si>
    <t>有限会社　横浜マルダイサービス</t>
  </si>
  <si>
    <t>有限会社横浜マルダイサービス</t>
  </si>
  <si>
    <t>ハイランド五丁目15番16号</t>
  </si>
  <si>
    <t>046-848-5824</t>
  </si>
  <si>
    <t>第１－３３号</t>
  </si>
  <si>
    <t>有限会社　ネスコジャパン</t>
  </si>
  <si>
    <t>有限会社ネスコジャパン</t>
  </si>
  <si>
    <t>046-834-6339</t>
  </si>
  <si>
    <t>木村金属工業　株式会社</t>
  </si>
  <si>
    <t>木村金属工業株式会社</t>
  </si>
  <si>
    <t>内川二丁目4番36号</t>
  </si>
  <si>
    <t>046-835-1276</t>
  </si>
  <si>
    <t>第１－３９号</t>
  </si>
  <si>
    <t>有限会社　エヌテック</t>
  </si>
  <si>
    <t>有限会社エヌテック</t>
  </si>
  <si>
    <t>三浦郡</t>
  </si>
  <si>
    <t>葉山町一色684番地</t>
  </si>
  <si>
    <t>046-876-0801</t>
  </si>
  <si>
    <t>第１－４１号</t>
  </si>
  <si>
    <t>株式会社　富士空調サービス</t>
  </si>
  <si>
    <t>株式会社富士空調サービス</t>
  </si>
  <si>
    <t>桜山三丁目10番6号</t>
  </si>
  <si>
    <t>046-873-8904</t>
  </si>
  <si>
    <t>小矢部三丁目1番2号</t>
  </si>
  <si>
    <t>有限会社　ファースト</t>
  </si>
  <si>
    <t>有限会社ファースト</t>
  </si>
  <si>
    <t>山科台10番10号</t>
  </si>
  <si>
    <t>046-850-5125</t>
  </si>
  <si>
    <t>有限会社　克己冷熱工業</t>
  </si>
  <si>
    <t>有限会社克己冷熱工業</t>
  </si>
  <si>
    <t>046-854-4900</t>
  </si>
  <si>
    <t>第１－５６号</t>
  </si>
  <si>
    <t>株式会社　アイ・システムズ</t>
  </si>
  <si>
    <t>株式会社アイ・システムズ</t>
  </si>
  <si>
    <t>有限会社　ハヤミツ</t>
  </si>
  <si>
    <t>有限会社ハヤミツ</t>
  </si>
  <si>
    <t>晴海町4番2号</t>
  </si>
  <si>
    <t>有限会社　エジソン</t>
  </si>
  <si>
    <t>有限会社エジソン</t>
  </si>
  <si>
    <t>安浦町2-7</t>
  </si>
  <si>
    <t>046-822-4271</t>
  </si>
  <si>
    <t>第１－６３号</t>
  </si>
  <si>
    <t>株式会社　美濃屋山村電気</t>
  </si>
  <si>
    <t>株式会社美濃屋山村電気</t>
  </si>
  <si>
    <t>追浜町二丁目64番地</t>
  </si>
  <si>
    <t>株式会社　マルコ</t>
  </si>
  <si>
    <t>株式会社マルコ　追浜工場</t>
  </si>
  <si>
    <t>浦郷町五丁目2931番地98</t>
  </si>
  <si>
    <t>046-869-5001</t>
  </si>
  <si>
    <t>第１－６９号</t>
  </si>
  <si>
    <t>株式会社　金沢商会</t>
  </si>
  <si>
    <t>株式会社金沢商会</t>
  </si>
  <si>
    <t>長谷一丁目11番14号</t>
  </si>
  <si>
    <t>有限会社　三洋設備</t>
  </si>
  <si>
    <t>有限会社三洋設備</t>
  </si>
  <si>
    <t>佐野町一丁目33番地</t>
  </si>
  <si>
    <t>第１－７２号</t>
  </si>
  <si>
    <t>有限会社　ヤマダ冷熱</t>
  </si>
  <si>
    <t>有限会社ヤマダ冷熱</t>
  </si>
  <si>
    <t>内川1丁目7番54号</t>
  </si>
  <si>
    <t>046-876-6932</t>
  </si>
  <si>
    <t>第１－８１号</t>
  </si>
  <si>
    <t>有限会社　大滝住設</t>
  </si>
  <si>
    <t>有限会社大滝住設</t>
  </si>
  <si>
    <t>衣笠栄町二丁目60番地</t>
  </si>
  <si>
    <t>046-852-3935</t>
  </si>
  <si>
    <t>第１－８３号</t>
  </si>
  <si>
    <t>有限会社　岩谷工業</t>
  </si>
  <si>
    <t>有限会社岩谷工業</t>
  </si>
  <si>
    <t>不入斗町二丁目3番3号</t>
  </si>
  <si>
    <t>046-826-2893</t>
  </si>
  <si>
    <t>横須賀市</t>
    <phoneticPr fontId="2"/>
  </si>
  <si>
    <t>第１－９０号</t>
  </si>
  <si>
    <t>有限会社　伊藤空調サービス</t>
  </si>
  <si>
    <t>有限会社伊藤空調サービス</t>
  </si>
  <si>
    <t>堀川　文雄</t>
  </si>
  <si>
    <t>堀川電設</t>
  </si>
  <si>
    <t>武3丁目8番15号</t>
  </si>
  <si>
    <t>046-856-1734</t>
  </si>
  <si>
    <t>第１－９５号</t>
  </si>
  <si>
    <t>有限会社　三好空調</t>
  </si>
  <si>
    <t>有限会社三好空調</t>
  </si>
  <si>
    <t>東浦賀一丁目14番8号</t>
  </si>
  <si>
    <t>046-841-8022</t>
  </si>
  <si>
    <t>丸八空調工業　株式会社</t>
  </si>
  <si>
    <t>丸八空調工業株式会社</t>
  </si>
  <si>
    <t>大矢部二丁目9番地18号</t>
  </si>
  <si>
    <t>第１－９８号</t>
  </si>
  <si>
    <t>有限会社　岩澤電機商会</t>
  </si>
  <si>
    <t>有限会社岩澤電機商会</t>
  </si>
  <si>
    <t>荻野15番10号</t>
  </si>
  <si>
    <t>046-856-2094</t>
  </si>
  <si>
    <t>有限会社　古仲電装</t>
  </si>
  <si>
    <t>有限会社古仲電装</t>
  </si>
  <si>
    <t>林一丁目17番4号</t>
  </si>
  <si>
    <t>046-856-6791</t>
  </si>
  <si>
    <t>アサヒ設備機器　有限会社</t>
  </si>
  <si>
    <t>アサヒ設備機器有限会社</t>
  </si>
  <si>
    <t>浦賀五丁目58番1号</t>
  </si>
  <si>
    <t>046-841-6258</t>
  </si>
  <si>
    <t>第１－１０２号</t>
  </si>
  <si>
    <t>有限会社　大船冷機工業</t>
  </si>
  <si>
    <t>有限会社大船冷機工業</t>
  </si>
  <si>
    <t>今泉台一丁目24番2号</t>
  </si>
  <si>
    <t>0467-44-3451</t>
  </si>
  <si>
    <t>第１－１０３号</t>
  </si>
  <si>
    <t>有限会社　スミヤ空調</t>
  </si>
  <si>
    <t>有限会社スミヤ空調</t>
  </si>
  <si>
    <t>池上七丁目25番4号</t>
  </si>
  <si>
    <t>046-853-0002</t>
  </si>
  <si>
    <t>第１－１０６号</t>
  </si>
  <si>
    <t>株式会社　三羽</t>
  </si>
  <si>
    <t>株式会社三羽</t>
  </si>
  <si>
    <t>吉井四丁目27番5号</t>
  </si>
  <si>
    <t>046-835-7570</t>
  </si>
  <si>
    <t>株式会社　ＳＡ空調</t>
  </si>
  <si>
    <t>株式会社ＳＡ空調</t>
  </si>
  <si>
    <t>久里浜一丁目19番3号</t>
  </si>
  <si>
    <t>046-874-9355</t>
  </si>
  <si>
    <t>第１－１１２号</t>
  </si>
  <si>
    <t>石原　利一</t>
  </si>
  <si>
    <t>蛍葵空調</t>
  </si>
  <si>
    <t>野比2丁目5番6号</t>
  </si>
  <si>
    <t>090-4014-5741</t>
  </si>
  <si>
    <t>第１－１１３号</t>
  </si>
  <si>
    <t>第１－１１４号</t>
  </si>
  <si>
    <t>佐藤　忠司</t>
  </si>
  <si>
    <t>佐藤空調サービス</t>
  </si>
  <si>
    <t>佐島1丁目2番5号</t>
  </si>
  <si>
    <t>046-856-1506</t>
  </si>
  <si>
    <t>矢部　忠雄</t>
  </si>
  <si>
    <t>ガイヤ空調設備</t>
  </si>
  <si>
    <t>上町三丁目51番地</t>
  </si>
  <si>
    <t>046-825-0267</t>
  </si>
  <si>
    <t>テクノワイズ　株式会社</t>
  </si>
  <si>
    <t>テクノワイズ株式会社</t>
  </si>
  <si>
    <t>葉山町長柄887番地の1　藤和ガーデンハウス葉山102号</t>
  </si>
  <si>
    <t>三浦市超低温冷蔵　株式会社</t>
  </si>
  <si>
    <t>三浦市超低温冷蔵株式会社</t>
  </si>
  <si>
    <t>三崎五丁目3806番地先埋立地</t>
  </si>
  <si>
    <t>046-882-3154</t>
  </si>
  <si>
    <t>第１－１２０号</t>
  </si>
  <si>
    <t>有限会社　カリタ空調</t>
  </si>
  <si>
    <t>有限会社カリタ空調</t>
  </si>
  <si>
    <t>武四丁目20番19号</t>
  </si>
  <si>
    <t>046-857-3627</t>
  </si>
  <si>
    <t>株式会社　後藤空調</t>
  </si>
  <si>
    <t>株式会社後藤空調</t>
  </si>
  <si>
    <t>関谷777番地11</t>
  </si>
  <si>
    <t>0467-46-0455</t>
  </si>
  <si>
    <t>第１－１２３号</t>
  </si>
  <si>
    <t>株式会社　エアーテクノ</t>
  </si>
  <si>
    <t>株式会社エアーテクノ</t>
  </si>
  <si>
    <t>大矢部五丁目1番1号</t>
  </si>
  <si>
    <t>046-874-6251</t>
  </si>
  <si>
    <t>第１－１２５号</t>
  </si>
  <si>
    <t>株式会社　秀設備</t>
  </si>
  <si>
    <t>株式会社秀設備</t>
  </si>
  <si>
    <t>初声町下宮田2871番地1</t>
  </si>
  <si>
    <t>第１－１２７号</t>
  </si>
  <si>
    <t>野澤　克彦</t>
  </si>
  <si>
    <t>亜細亜冷機</t>
  </si>
  <si>
    <t>森崎二丁目18番9号</t>
  </si>
  <si>
    <t>第１－１２９号</t>
  </si>
  <si>
    <t>有限会社　サンケイ内燃機</t>
  </si>
  <si>
    <t>有限会社サンケイ内燃機</t>
  </si>
  <si>
    <t>衣笠町45番27号</t>
  </si>
  <si>
    <t>046-834-8314</t>
  </si>
  <si>
    <t>菅野　良太</t>
  </si>
  <si>
    <t>奏然</t>
  </si>
  <si>
    <t>金谷1丁目7番23号</t>
  </si>
  <si>
    <t>046-827-7801</t>
  </si>
  <si>
    <t>有限会社　第一極東電設</t>
  </si>
  <si>
    <t>有限会社第一極東電設</t>
  </si>
  <si>
    <t>武一丁目4番1号</t>
  </si>
  <si>
    <t>046-856-9616</t>
  </si>
  <si>
    <t>第１－１３４号</t>
  </si>
  <si>
    <t>辻本　一行</t>
  </si>
  <si>
    <t>辻本空調</t>
  </si>
  <si>
    <t>桜山7丁目1395番地の147</t>
  </si>
  <si>
    <t>090-7600-8460</t>
  </si>
  <si>
    <t>株式会社　石渡電業</t>
  </si>
  <si>
    <t>株式会社石渡電業</t>
  </si>
  <si>
    <t>久村370番地</t>
  </si>
  <si>
    <t>株式会社　ネットワン</t>
  </si>
  <si>
    <t>株式会社ネットワン</t>
  </si>
  <si>
    <t>根岸町二丁目28番27号</t>
  </si>
  <si>
    <t>046-833-6938</t>
  </si>
  <si>
    <t>第１－１３８号</t>
  </si>
  <si>
    <t>株式会社　アビリオ</t>
  </si>
  <si>
    <t>株式会社アビリオ</t>
  </si>
  <si>
    <t>平作二丁目28番33号</t>
  </si>
  <si>
    <t>046-852-9360</t>
  </si>
  <si>
    <t>第１－１３９号</t>
  </si>
  <si>
    <t>有限会社荻原空調</t>
  </si>
  <si>
    <t>小矢部三丁目3番4号</t>
  </si>
  <si>
    <t>有限会社　岡田電気サービス</t>
  </si>
  <si>
    <t>有限会社岡田電気サービス</t>
  </si>
  <si>
    <t>第１－１４１号</t>
  </si>
  <si>
    <t>中央商工　株式会社</t>
  </si>
  <si>
    <t>中央商工株式会社</t>
  </si>
  <si>
    <t>大津町一丁目16番6号</t>
  </si>
  <si>
    <t>046-836-0841</t>
  </si>
  <si>
    <t>第１－１４２号</t>
  </si>
  <si>
    <t>株式会社　ＹＥＬＬ</t>
  </si>
  <si>
    <t>株式会社ＹＥＬＬ</t>
  </si>
  <si>
    <t>西御門一丁目10番4号</t>
  </si>
  <si>
    <t>0467-22-8811</t>
  </si>
  <si>
    <t>里見　信也</t>
  </si>
  <si>
    <t>信栄冷熱</t>
  </si>
  <si>
    <t>桜が丘1丁目16番2号</t>
  </si>
  <si>
    <t>046-834-8084</t>
  </si>
  <si>
    <t>有限会社　佐々木空調</t>
  </si>
  <si>
    <t>有限会社佐々木空調</t>
  </si>
  <si>
    <t>田中　裕文</t>
  </si>
  <si>
    <t>田中設備</t>
  </si>
  <si>
    <t>笛田五丁目32番8号</t>
  </si>
  <si>
    <t>株式会社　三鈴工業</t>
  </si>
  <si>
    <t>株式会社三鈴工業</t>
  </si>
  <si>
    <t>根岸町三丁目16番18号</t>
  </si>
  <si>
    <t>046-836-6814</t>
  </si>
  <si>
    <t>第１－１４７号</t>
  </si>
  <si>
    <t>有限会社　原管工</t>
  </si>
  <si>
    <t>有限会社原管工</t>
  </si>
  <si>
    <t>第１－１４８号</t>
  </si>
  <si>
    <t>合同会社　Ｋ・Ｙ空調</t>
  </si>
  <si>
    <t>合同会社Ｋ・Ｙ空調</t>
  </si>
  <si>
    <t>大津町五丁目1番地851号</t>
  </si>
  <si>
    <t>第１－１４９号</t>
  </si>
  <si>
    <t>株式会社　エミテック</t>
  </si>
  <si>
    <t>株式会社エミテック</t>
  </si>
  <si>
    <t>046-874-5252</t>
  </si>
  <si>
    <t>株式会社　湘南総合設備</t>
  </si>
  <si>
    <t>株式会社湘南総合設備</t>
  </si>
  <si>
    <t>台二丁目2番6号</t>
  </si>
  <si>
    <t>0467-44-5510</t>
  </si>
  <si>
    <t>第１－１５１号</t>
  </si>
  <si>
    <t>株式会社　ＬｉｆＡｃｔ</t>
  </si>
  <si>
    <t>株式会社ＬｉｆＡｃｔ</t>
  </si>
  <si>
    <t>林四丁目441番地</t>
  </si>
  <si>
    <t>046-857-7766</t>
  </si>
  <si>
    <t>新倉　武夫</t>
  </si>
  <si>
    <t>新倉総合企画</t>
  </si>
  <si>
    <t>佐原4丁目6番20号</t>
  </si>
  <si>
    <t>第１－１５３号</t>
  </si>
  <si>
    <t>株式会社　Ａｉｒ　Ｌｏｏｐ</t>
  </si>
  <si>
    <t>株式会社Ａｉｒ　Ｌｏｏｐ</t>
  </si>
  <si>
    <t>株式会社　テクノ・トランス</t>
  </si>
  <si>
    <t>株式会社テクノ・トランス</t>
  </si>
  <si>
    <t>手広六丁目2番5号</t>
  </si>
  <si>
    <t>0467-39-1639</t>
  </si>
  <si>
    <t>宅建電設　有限会社</t>
  </si>
  <si>
    <t>宅建電設有限会社</t>
  </si>
  <si>
    <t>坂本町三丁目12番地56</t>
  </si>
  <si>
    <t>046-826-2493</t>
  </si>
  <si>
    <t>株式会社　ＣＲＵＩＳＥＲ</t>
  </si>
  <si>
    <t>株式会社ＣＲＵＩＳＥＲ</t>
  </si>
  <si>
    <t>常盤241番地3-101</t>
  </si>
  <si>
    <t>株式会社　愛羽冷熱工業</t>
  </si>
  <si>
    <t>株式会社愛羽冷熱工業</t>
  </si>
  <si>
    <t>第１－１５８号</t>
  </si>
  <si>
    <t>有限会社　廣裕工業</t>
  </si>
  <si>
    <t>有限会社廣裕工業</t>
  </si>
  <si>
    <t>衣笠栄町四丁目4番地66</t>
  </si>
  <si>
    <t>合同会社　湘南エアーサービス</t>
  </si>
  <si>
    <t>合同会社湘南エアーサービス</t>
  </si>
  <si>
    <t>笛田二丁目30番14号</t>
  </si>
  <si>
    <t>第１－１６１号</t>
  </si>
  <si>
    <t>エアーテクニクス　株式会社</t>
  </si>
  <si>
    <t>エアーテクニクス株式会社</t>
  </si>
  <si>
    <t>武三丁目5番16号</t>
  </si>
  <si>
    <t>第１－１６２号</t>
  </si>
  <si>
    <t>豊岡空調　株式会社</t>
  </si>
  <si>
    <t>豊岡空調株式会社</t>
  </si>
  <si>
    <t>鴨居三丁目81番15号</t>
  </si>
  <si>
    <t>090-2469-9564</t>
  </si>
  <si>
    <t>中村　諭</t>
  </si>
  <si>
    <t>浦郷町2丁目18番地</t>
  </si>
  <si>
    <t>第１－１６４号</t>
  </si>
  <si>
    <t>長谷川　秀一</t>
  </si>
  <si>
    <t>ハシモト総合設備</t>
  </si>
  <si>
    <t>葉山町堀内1405-4</t>
  </si>
  <si>
    <t>神(央セ)</t>
  </si>
  <si>
    <t>有限会社　日相冷熱</t>
  </si>
  <si>
    <t>有限会社日相冷熱</t>
  </si>
  <si>
    <t>上依知638番地10</t>
  </si>
  <si>
    <t>046-246-4610</t>
  </si>
  <si>
    <t>有限会社　ダイワ冷熱</t>
  </si>
  <si>
    <t>有限会社ダイワ冷熱</t>
  </si>
  <si>
    <t>深見台四丁目6番3号</t>
  </si>
  <si>
    <t>046-262-3362</t>
  </si>
  <si>
    <t>有限会社　オザキ総業</t>
  </si>
  <si>
    <t>有限会社オザキ総業</t>
  </si>
  <si>
    <t>上和田2493番地</t>
  </si>
  <si>
    <t>046-269-7918</t>
  </si>
  <si>
    <t>ダイト空調工業　株式会社</t>
  </si>
  <si>
    <t>ダイト空調工業株式会社</t>
  </si>
  <si>
    <t>栄町二丁目4番25号</t>
  </si>
  <si>
    <t>046-223-5775</t>
  </si>
  <si>
    <t>第１－３２号</t>
  </si>
  <si>
    <t>有限会社　長澤商事</t>
  </si>
  <si>
    <t>有限会社長澤商事</t>
  </si>
  <si>
    <t>金田996番地</t>
  </si>
  <si>
    <t>046-294-3196</t>
  </si>
  <si>
    <t>白澤　昇</t>
  </si>
  <si>
    <t>白龍冷機</t>
  </si>
  <si>
    <t>愛川町中津2185番地の7</t>
  </si>
  <si>
    <t>046-286-7057</t>
  </si>
  <si>
    <t>大塚冷暖房　株式会社</t>
  </si>
  <si>
    <t>大塚冷暖房株式会社　</t>
  </si>
  <si>
    <t>南町3番9号</t>
  </si>
  <si>
    <t>046-228-6757</t>
  </si>
  <si>
    <t>株式会社　テクノス三和</t>
  </si>
  <si>
    <t>株式会社テクノス三和</t>
  </si>
  <si>
    <t>渋谷五丁目18番地1</t>
  </si>
  <si>
    <t>株式会社　県央資源センター</t>
  </si>
  <si>
    <t>株式会社県央資源センター　綾瀬営業所</t>
  </si>
  <si>
    <t>早川3085番地</t>
  </si>
  <si>
    <t>0467-77-1020</t>
  </si>
  <si>
    <t>ニッコー　株式会社</t>
  </si>
  <si>
    <t>ニッコー株式会社</t>
  </si>
  <si>
    <t>深見3919番地の1</t>
  </si>
  <si>
    <t>046-263-3077</t>
  </si>
  <si>
    <t>有限会社　うるし原冷熱</t>
  </si>
  <si>
    <t>有限会社うるし原冷熱</t>
  </si>
  <si>
    <t>妻田北三丁目21番5号</t>
  </si>
  <si>
    <t>046-224-2262</t>
  </si>
  <si>
    <t>有限会社　タクトサービス</t>
  </si>
  <si>
    <t>有限会社タクトサービス</t>
  </si>
  <si>
    <t>鳶尾二丁目8番12号</t>
  </si>
  <si>
    <t>第１－７４号</t>
  </si>
  <si>
    <t>日特工業　株式会社</t>
  </si>
  <si>
    <t>日特工業株式会社</t>
  </si>
  <si>
    <t>上草柳六丁目22番5号</t>
  </si>
  <si>
    <t>046-261-5314</t>
  </si>
  <si>
    <t>第１－７８号</t>
  </si>
  <si>
    <t>株式会社　エコビルド</t>
  </si>
  <si>
    <t>株式会社エコビルド</t>
  </si>
  <si>
    <t>第１－７９号</t>
  </si>
  <si>
    <t>日本ピーマック　株式会社</t>
  </si>
  <si>
    <t>日本ピーマック株式会社　本社</t>
  </si>
  <si>
    <t>飯山南一丁目35番1号</t>
  </si>
  <si>
    <t>046-247-1611</t>
  </si>
  <si>
    <t>日本ピーマック株式会社　東京本店</t>
  </si>
  <si>
    <t>虎ノ門三丁目5番1号　虎ノ門37森ビル</t>
  </si>
  <si>
    <t>03-5473-7791</t>
  </si>
  <si>
    <t>第１－８２号</t>
  </si>
  <si>
    <t>有限会社　宇佐美電器</t>
  </si>
  <si>
    <t>有限会社宇佐美電器</t>
  </si>
  <si>
    <t>046-281-1457</t>
  </si>
  <si>
    <t>有限会社　協和工業</t>
  </si>
  <si>
    <t>有限会社協和工業　厚木事業所</t>
  </si>
  <si>
    <t>温水26-7</t>
  </si>
  <si>
    <t>046-224-4575</t>
  </si>
  <si>
    <t>第１－９２号</t>
  </si>
  <si>
    <t>大島電設　株式会社</t>
  </si>
  <si>
    <t>大島電設株式会社</t>
  </si>
  <si>
    <t>寺尾南一丁目6番9号</t>
  </si>
  <si>
    <t>有限会社　エアーファクトリー</t>
  </si>
  <si>
    <t>有限会社エアーファクトリー</t>
  </si>
  <si>
    <t>寺尾台三丁目12番21-1号</t>
  </si>
  <si>
    <t>0467-71-5265</t>
  </si>
  <si>
    <t>あしだ冷熱　株式会社</t>
  </si>
  <si>
    <t>あしだ冷熱株式会社</t>
  </si>
  <si>
    <t>大和南二丁目3番12号</t>
  </si>
  <si>
    <t>046-261-8003</t>
  </si>
  <si>
    <t>有限会社　鹿野空調</t>
  </si>
  <si>
    <t>有限会社鹿野空調</t>
  </si>
  <si>
    <t>下鶴間820番地1</t>
  </si>
  <si>
    <t>株式会社　いづみの</t>
  </si>
  <si>
    <t>株式会社いづみの</t>
  </si>
  <si>
    <t>愛川町中津6930番地1</t>
  </si>
  <si>
    <t>046-286-2108</t>
  </si>
  <si>
    <t>株式会社　タズミ</t>
  </si>
  <si>
    <t>株式会社タズミ　吉岡リサイクルセンター</t>
  </si>
  <si>
    <t>吉岡709番地</t>
  </si>
  <si>
    <t>0467-77-1847</t>
  </si>
  <si>
    <t>株式会社タズミ　早川第2工場</t>
  </si>
  <si>
    <t>早川2647-32</t>
  </si>
  <si>
    <t>0467-53-8907</t>
  </si>
  <si>
    <t>有限会社　マック設備</t>
  </si>
  <si>
    <t>有限会社マック設備</t>
  </si>
  <si>
    <t>まつかげ台36番2号</t>
  </si>
  <si>
    <t>046-241-5596</t>
  </si>
  <si>
    <t>有限会社　デメテック</t>
  </si>
  <si>
    <t>有限会社デメテック</t>
  </si>
  <si>
    <t>七沢126番地</t>
  </si>
  <si>
    <t>株式会社　東光冷熱エンジニアリング</t>
  </si>
  <si>
    <t>株式会社東光冷熱エンジニアリング</t>
  </si>
  <si>
    <t>下川入832番地4</t>
  </si>
  <si>
    <t>046-245-1734</t>
  </si>
  <si>
    <t>有限会社　エアーフリー</t>
  </si>
  <si>
    <t>有限会社エアーフリー</t>
  </si>
  <si>
    <t>国分北一丁目13番21号</t>
  </si>
  <si>
    <t>046-235-3408</t>
  </si>
  <si>
    <t>ニイクラ電工　株式会社</t>
  </si>
  <si>
    <t>ニイクラ電工株式会社</t>
  </si>
  <si>
    <t>上土棚中三丁目5番53号</t>
  </si>
  <si>
    <t>0467-76-3805</t>
  </si>
  <si>
    <t>横浜菱住　株式会社</t>
  </si>
  <si>
    <t>横浜菱住株式会社</t>
  </si>
  <si>
    <t>上草柳六丁目16番3号</t>
  </si>
  <si>
    <t>046-263-6345</t>
  </si>
  <si>
    <t>有限会社　白山空調</t>
  </si>
  <si>
    <t>有限会社白山空調</t>
  </si>
  <si>
    <t>中依知85番地の1　本厚木スカイハイツ103</t>
  </si>
  <si>
    <t>046-244-2737</t>
  </si>
  <si>
    <t>有限会社　ウチダシステムサービス</t>
  </si>
  <si>
    <t>有限会社ウチダシステムサービス</t>
  </si>
  <si>
    <t>ひばりが丘五丁目38番23号</t>
  </si>
  <si>
    <t>046-255-0283</t>
  </si>
  <si>
    <t>宮田　昇</t>
  </si>
  <si>
    <t>宮空エンジニアリング</t>
  </si>
  <si>
    <t>戸室1丁目42番29号</t>
  </si>
  <si>
    <t>第１－１７０号</t>
  </si>
  <si>
    <t>有限会社　菅家設備</t>
  </si>
  <si>
    <t>有限会社菅家設備</t>
  </si>
  <si>
    <t>三田3364番地の1</t>
  </si>
  <si>
    <t>有限会社　梅澤電設</t>
  </si>
  <si>
    <t>有限会社梅澤電設</t>
  </si>
  <si>
    <t>愛川町田代351番地1</t>
  </si>
  <si>
    <t>046-280-1221</t>
  </si>
  <si>
    <t>第１－１７８号</t>
  </si>
  <si>
    <t>有限会社　レイ電化サービス</t>
  </si>
  <si>
    <t>有限会社レイ電化サービス</t>
  </si>
  <si>
    <t>愛川町田代240番地の1</t>
  </si>
  <si>
    <t>046-281-5893</t>
  </si>
  <si>
    <t>有限会社　平和総合商事</t>
  </si>
  <si>
    <t>有限会社平和総合商事</t>
  </si>
  <si>
    <t>緑区大島1552番地</t>
  </si>
  <si>
    <t>042-713-3628</t>
  </si>
  <si>
    <t>株式会社　ライフ空調</t>
  </si>
  <si>
    <t>株式会社ライフ空調</t>
  </si>
  <si>
    <t>中央区田名3210番地3</t>
  </si>
  <si>
    <t>042-762-8294</t>
  </si>
  <si>
    <t>株式会社　プログレス</t>
  </si>
  <si>
    <t>株式会社プログレス</t>
  </si>
  <si>
    <t>緑区大島1725番地1</t>
  </si>
  <si>
    <t>042-764-4866</t>
  </si>
  <si>
    <t>第１－１８７号</t>
  </si>
  <si>
    <t>有限会社　丸三建材</t>
  </si>
  <si>
    <t>有限会社丸三建材</t>
  </si>
  <si>
    <t>山際661番地</t>
  </si>
  <si>
    <t>046-245-0259</t>
  </si>
  <si>
    <t>第１－１８８号</t>
  </si>
  <si>
    <t>フレアーナガオ　株式会社</t>
  </si>
  <si>
    <t>フレアーナガオ株式会社　本社</t>
  </si>
  <si>
    <t>上依知1275番地</t>
  </si>
  <si>
    <t>046-204-2600</t>
  </si>
  <si>
    <t>フレアーナガオ株式会社　厚木事業所</t>
  </si>
  <si>
    <t>愛川町中津4010</t>
  </si>
  <si>
    <t>046-285-0487</t>
  </si>
  <si>
    <t>フレアーナガオ株式会社　技術開発センター</t>
  </si>
  <si>
    <t>愛川町三増359番地5</t>
  </si>
  <si>
    <t>046-281-5571</t>
  </si>
  <si>
    <t>ものみの塔聖書冊子協会</t>
  </si>
  <si>
    <t>中新田四丁目7番1号</t>
  </si>
  <si>
    <t>046-233-0005</t>
  </si>
  <si>
    <t>有限会社　美保工業</t>
  </si>
  <si>
    <t>有限会社美保工業</t>
  </si>
  <si>
    <t>本郷4077番地の3</t>
  </si>
  <si>
    <t>046-237-4141</t>
  </si>
  <si>
    <t>株式会社　海成サービス</t>
  </si>
  <si>
    <t>株式会社海成サービス</t>
  </si>
  <si>
    <t>妻田北三丁目11番26号</t>
  </si>
  <si>
    <t>046-204-6632</t>
  </si>
  <si>
    <t>有限会社　中島設備</t>
  </si>
  <si>
    <t>有限会社中島設備</t>
  </si>
  <si>
    <t>福田4048</t>
  </si>
  <si>
    <t>046-204-7757</t>
  </si>
  <si>
    <t>第１－２０５号</t>
  </si>
  <si>
    <t>株式会社　大澤電機</t>
  </si>
  <si>
    <t>株式会社大澤電機</t>
  </si>
  <si>
    <t>船子1066番地</t>
  </si>
  <si>
    <t>第１－２０６号</t>
  </si>
  <si>
    <t>株式会社　オート電機</t>
  </si>
  <si>
    <t>株式会社オート電機　大和営業所</t>
  </si>
  <si>
    <t>深見西四丁目6番3号</t>
  </si>
  <si>
    <t>046-263-6189</t>
  </si>
  <si>
    <t>株式会社オート電機　厚木営業所</t>
  </si>
  <si>
    <t>上依知1256-1</t>
  </si>
  <si>
    <t>046-245-0223</t>
  </si>
  <si>
    <t>株式会社オート電機　横浜営業所</t>
  </si>
  <si>
    <t>神奈川区片倉2-68-2</t>
  </si>
  <si>
    <t>045-481-5821</t>
  </si>
  <si>
    <t>株式会社オート電機　金沢営業所</t>
  </si>
  <si>
    <t>金沢区幸浦2-23-3</t>
  </si>
  <si>
    <t>045-784-1401</t>
  </si>
  <si>
    <t>第１－２０８号</t>
  </si>
  <si>
    <t>新田宿158番地の4</t>
  </si>
  <si>
    <t>046-255-7822</t>
  </si>
  <si>
    <t>有限会社　よしむら電器</t>
  </si>
  <si>
    <t>有限会社よしむら電器</t>
  </si>
  <si>
    <t>吉際7-10</t>
  </si>
  <si>
    <t>0463-52-0594</t>
  </si>
  <si>
    <t>第１－２１２号</t>
  </si>
  <si>
    <t>有限会社　一国商事</t>
  </si>
  <si>
    <t>有限会社一国商事</t>
  </si>
  <si>
    <t>中央林間九丁目35番14号</t>
  </si>
  <si>
    <t>046-274-1889</t>
  </si>
  <si>
    <t>エアーズフュージョン　株式会社</t>
  </si>
  <si>
    <t>エアーズフュージョン株式会社</t>
  </si>
  <si>
    <t>門沢橋五丁目18番15号</t>
  </si>
  <si>
    <t>046-239-2835</t>
  </si>
  <si>
    <t>第１－２１６号</t>
  </si>
  <si>
    <t>花澤　良直</t>
  </si>
  <si>
    <t>小園1433番地12</t>
  </si>
  <si>
    <t>0467-70-3182</t>
  </si>
  <si>
    <t>中央カンセー　株式会社</t>
  </si>
  <si>
    <t>中央カンセー株式会社　上依知リソースセンター</t>
  </si>
  <si>
    <t>上依知2861-1</t>
  </si>
  <si>
    <t>046-245-2334</t>
  </si>
  <si>
    <t>第１－２２２号</t>
  </si>
  <si>
    <t>森永エンゼルデザート　株式会社</t>
  </si>
  <si>
    <t>森永エンゼルデザート株式会社</t>
  </si>
  <si>
    <t>西鶴間六丁目22番10号</t>
  </si>
  <si>
    <t>046-274-0783</t>
  </si>
  <si>
    <t>第１－２２７号</t>
  </si>
  <si>
    <t>瀬川　俊光</t>
  </si>
  <si>
    <t>瀬川空調サービス</t>
  </si>
  <si>
    <t>下荻野1107番地10</t>
  </si>
  <si>
    <t>フルハーフサービス　株式会社</t>
  </si>
  <si>
    <t>フルハーフサービス株式会社</t>
  </si>
  <si>
    <t>愛川町中津4061番地5</t>
  </si>
  <si>
    <t>046-285-0585</t>
  </si>
  <si>
    <t>第１－２３７号</t>
  </si>
  <si>
    <t>有限会社　ゲスト</t>
  </si>
  <si>
    <t>有限会社ゲスト</t>
  </si>
  <si>
    <t>下鶴間2986番地2</t>
  </si>
  <si>
    <t>第１－２４０号</t>
  </si>
  <si>
    <t>株式会社　ヤマキ</t>
  </si>
  <si>
    <t>株式会社ヤマキ</t>
  </si>
  <si>
    <t>渋谷一丁目1番1号</t>
  </si>
  <si>
    <t>第１－２４１号</t>
  </si>
  <si>
    <t>046-210-5020</t>
  </si>
  <si>
    <t>第１－２４２号</t>
  </si>
  <si>
    <t>キシケン商事　株式会社</t>
  </si>
  <si>
    <t>キシケン商事株式会社</t>
  </si>
  <si>
    <t>中央区矢部三丁目25番4号</t>
  </si>
  <si>
    <t>042-758-8080</t>
  </si>
  <si>
    <t>第１－２４４号</t>
  </si>
  <si>
    <t>有限会社　美佑</t>
  </si>
  <si>
    <t>有限会社美佑</t>
  </si>
  <si>
    <t>下和田803番地9</t>
  </si>
  <si>
    <t>第１－２４９号</t>
  </si>
  <si>
    <t>第１－２５０号</t>
  </si>
  <si>
    <t>有限会社　小川電気商会</t>
  </si>
  <si>
    <t>有限会社小川電気商会</t>
  </si>
  <si>
    <t>相模が丘五丁目5番18号</t>
  </si>
  <si>
    <t>042-743-8482</t>
  </si>
  <si>
    <t>三恵エンジニアリング　株式会社</t>
  </si>
  <si>
    <t>三恵エンジニアリング株式会社</t>
  </si>
  <si>
    <t>中央区田名塩田ニ丁目17番16号</t>
  </si>
  <si>
    <t>042-777-5855</t>
  </si>
  <si>
    <t>南区相模台三丁目16番6号</t>
  </si>
  <si>
    <t>042-745-3100</t>
  </si>
  <si>
    <t>有限会社　林空調</t>
  </si>
  <si>
    <t>有限会社林空調</t>
  </si>
  <si>
    <t>林三丁目4番17号</t>
  </si>
  <si>
    <t>046-296-8493</t>
  </si>
  <si>
    <t>第１－２５４号</t>
  </si>
  <si>
    <t>大森　実</t>
  </si>
  <si>
    <t>大森空調設備</t>
  </si>
  <si>
    <t>上落合557番地2</t>
  </si>
  <si>
    <t>046-229-2378</t>
  </si>
  <si>
    <t>第１－２５５号</t>
  </si>
  <si>
    <t>有限会社　大和エアーサービス</t>
  </si>
  <si>
    <t>有限会社大和エアーサービス</t>
  </si>
  <si>
    <t>南区麻溝台二丁目9番21号</t>
  </si>
  <si>
    <t>042-747-3171</t>
  </si>
  <si>
    <t>第１－２６１号</t>
  </si>
  <si>
    <t>有限会社　アイ・ブイ・エス</t>
  </si>
  <si>
    <t>有限会社アイ･ブイ･エス</t>
  </si>
  <si>
    <t>入谷東四丁目60番40号</t>
  </si>
  <si>
    <t>046-256-3751</t>
  </si>
  <si>
    <t>株式会社　平真工業</t>
  </si>
  <si>
    <t>株式会社平真工業</t>
  </si>
  <si>
    <t>中央区田名3328番地6</t>
  </si>
  <si>
    <t>042-815-0456</t>
  </si>
  <si>
    <t>有限会社　光篤電気設備</t>
  </si>
  <si>
    <t>有限会社光篤電気設備</t>
  </si>
  <si>
    <t>下川入508番地7</t>
  </si>
  <si>
    <t>046-245-3625</t>
  </si>
  <si>
    <t>第１－２６７号</t>
  </si>
  <si>
    <t>株式会社　池田管工事</t>
  </si>
  <si>
    <t>株式会社池田管工事</t>
  </si>
  <si>
    <t>緑区中野148番地</t>
  </si>
  <si>
    <t>042-784-3361</t>
  </si>
  <si>
    <t>渡邉　覧人</t>
  </si>
  <si>
    <t>渡邉覧人</t>
  </si>
  <si>
    <t>南区東林間８丁目1７番13号</t>
  </si>
  <si>
    <t>成澤　寿継</t>
  </si>
  <si>
    <t>成澤空調</t>
  </si>
  <si>
    <t>相模が丘1丁目14番5号</t>
  </si>
  <si>
    <t>042-794-7679</t>
  </si>
  <si>
    <t>谷口　英城</t>
  </si>
  <si>
    <t>東海ヒート</t>
  </si>
  <si>
    <t>毛利台3丁目19番2号</t>
  </si>
  <si>
    <t>046-250-2633</t>
  </si>
  <si>
    <t>第１－２７４号</t>
  </si>
  <si>
    <t>株式会社　マックス</t>
  </si>
  <si>
    <t>株式会社マックス</t>
  </si>
  <si>
    <t>林四丁目12番22号</t>
  </si>
  <si>
    <t>046-223-6207</t>
  </si>
  <si>
    <t>株式会社　富栄工機</t>
  </si>
  <si>
    <t>株式会社富栄工機</t>
  </si>
  <si>
    <t>下鶴間字乙4号2308番4</t>
  </si>
  <si>
    <t>渋谷設備工業　株式会社</t>
  </si>
  <si>
    <t>渋谷設備工業株式会社</t>
  </si>
  <si>
    <t>中央区上溝3102番17号</t>
  </si>
  <si>
    <t>042-757-1021</t>
  </si>
  <si>
    <t>第１－２８１号</t>
  </si>
  <si>
    <t>有限会社　西村電気</t>
  </si>
  <si>
    <t>有限会社西村電気</t>
  </si>
  <si>
    <t>緑区中野1023番地</t>
  </si>
  <si>
    <t>042-784-0108</t>
  </si>
  <si>
    <t>有限会社　武政空調設備</t>
  </si>
  <si>
    <t>有限会社武政空調設備</t>
  </si>
  <si>
    <t>042-769-0884</t>
  </si>
  <si>
    <t>第１－２８３号</t>
  </si>
  <si>
    <t>株式会社　新光冷熱</t>
  </si>
  <si>
    <t>株式会社新光冷熱</t>
  </si>
  <si>
    <t>妻田西一丁目30番1号　松井産業第1ビル101室</t>
  </si>
  <si>
    <t>046-205-3639</t>
  </si>
  <si>
    <t>第１－２８４号</t>
  </si>
  <si>
    <t>株式会社　ソウエイ</t>
  </si>
  <si>
    <t>株式会社ソウエイ</t>
  </si>
  <si>
    <t>中央区淵野辺本町二丁目32番8号</t>
  </si>
  <si>
    <t>042-733-9576</t>
  </si>
  <si>
    <t>第１－２８５号</t>
  </si>
  <si>
    <t>有限会社　ヒートレンジ</t>
  </si>
  <si>
    <t>有限会社ヒートレンジ</t>
  </si>
  <si>
    <t>南区下溝3068-1</t>
  </si>
  <si>
    <t>042-777-5064</t>
  </si>
  <si>
    <t>馬場　和之</t>
  </si>
  <si>
    <t>明友電設</t>
  </si>
  <si>
    <t>三田81番地6</t>
  </si>
  <si>
    <t>046-241-7463</t>
  </si>
  <si>
    <t>第１－２８８号</t>
  </si>
  <si>
    <t>合資会社　ＥｊｉｓｏＮｄｅｎｋｉ</t>
  </si>
  <si>
    <t>合資会社ＥｊｉｓｏＮｄｅｎｋｉ</t>
  </si>
  <si>
    <t>愛川町半原1827番地の7</t>
  </si>
  <si>
    <t>046-281-9906</t>
  </si>
  <si>
    <t>株式会社　小池設備</t>
  </si>
  <si>
    <t>株式会社小池設備</t>
  </si>
  <si>
    <t>南区西大沼一丁目18番2号</t>
  </si>
  <si>
    <t>042-754-8181</t>
  </si>
  <si>
    <t>天野　洋志</t>
  </si>
  <si>
    <t>天野電気サービス</t>
  </si>
  <si>
    <t>中央区矢部3丁目3番2号</t>
  </si>
  <si>
    <t>042-756-3531</t>
  </si>
  <si>
    <t>第１－２９２号</t>
  </si>
  <si>
    <t>有限会社　スズコウ</t>
  </si>
  <si>
    <t>有限会社スズコウ</t>
  </si>
  <si>
    <t>長谷1540番地20</t>
  </si>
  <si>
    <t>046-248-4618</t>
  </si>
  <si>
    <t>第１－２９４号</t>
  </si>
  <si>
    <t>三和冷機工業　有限会社</t>
  </si>
  <si>
    <t>三和冷機工業有限会社</t>
  </si>
  <si>
    <t>中央区南橋本ニ丁目14番12号</t>
  </si>
  <si>
    <t>042-773-5668</t>
  </si>
  <si>
    <t>第１－２９５号</t>
  </si>
  <si>
    <t>信和興業　株式会社</t>
  </si>
  <si>
    <t>信和興業株式会社</t>
  </si>
  <si>
    <t>中央区相生一丁目5番20号</t>
  </si>
  <si>
    <t>042-752-1672</t>
  </si>
  <si>
    <t>信和興業株式会社　千葉営業所</t>
  </si>
  <si>
    <t>大日1963</t>
  </si>
  <si>
    <t>043-422-1411</t>
  </si>
  <si>
    <t>第１－２９６号</t>
  </si>
  <si>
    <t>富士冷熱工業　株式会社</t>
  </si>
  <si>
    <t>富士冷熱工業株式会社</t>
  </si>
  <si>
    <t>中央区千代田5丁目13番9号</t>
  </si>
  <si>
    <t>042-759-3011</t>
  </si>
  <si>
    <t>第１－２９７号</t>
  </si>
  <si>
    <t>浜田冷凍機　有限会社</t>
  </si>
  <si>
    <t>浜田冷凍機有限会社</t>
  </si>
  <si>
    <t>緑区大島3231番地</t>
  </si>
  <si>
    <t>042-761-9545</t>
  </si>
  <si>
    <t>第１－２９８号</t>
  </si>
  <si>
    <t>株式会社　リアース</t>
  </si>
  <si>
    <t>株式会社リアース</t>
  </si>
  <si>
    <t>中央区田名2294番地6</t>
  </si>
  <si>
    <t>042-763-2201</t>
  </si>
  <si>
    <t>第１－２９９号</t>
  </si>
  <si>
    <t>有限会社　大野サービス</t>
  </si>
  <si>
    <t>有限会社大野サービス</t>
  </si>
  <si>
    <t>南区当麻749番地15</t>
  </si>
  <si>
    <t>042-778-4374</t>
  </si>
  <si>
    <t>有限会社　フロンティアサービス</t>
  </si>
  <si>
    <t>有限会社フロンティアサービス</t>
  </si>
  <si>
    <t>林四丁目13番18号ナルセビルＤ</t>
  </si>
  <si>
    <t>046-244-3796</t>
  </si>
  <si>
    <t>第１－３０１号</t>
  </si>
  <si>
    <t>三共リース　株式会社</t>
  </si>
  <si>
    <t>三共リース株式会社</t>
  </si>
  <si>
    <t>中央区南橋本二丁目12番24号</t>
  </si>
  <si>
    <t>042-775-5622</t>
  </si>
  <si>
    <t>有限会社　長栄電機</t>
  </si>
  <si>
    <t>有限会社長栄電機</t>
  </si>
  <si>
    <t>南区東林間五丁目17番14号</t>
  </si>
  <si>
    <t>042-742-5515</t>
  </si>
  <si>
    <t>有限会社　サガミ空圧設備</t>
  </si>
  <si>
    <t>有限会社サガミ空圧設備</t>
  </si>
  <si>
    <t>緑区上九沢271-1</t>
  </si>
  <si>
    <t>042-762-5916</t>
  </si>
  <si>
    <t>有限会社　エム.ワイ設備</t>
  </si>
  <si>
    <t>有限会社エム.ワイ設備</t>
  </si>
  <si>
    <t>中央区田名3842-2</t>
  </si>
  <si>
    <t>042-761-4778</t>
  </si>
  <si>
    <t>第１－３０８号</t>
  </si>
  <si>
    <t>株式会社　チネン空調・設備</t>
  </si>
  <si>
    <t>株式会社チネン空調・設備</t>
  </si>
  <si>
    <t>中央区松が丘一丁目7046番地392</t>
  </si>
  <si>
    <t>042-769-5009</t>
  </si>
  <si>
    <t>有限会社　クリック</t>
  </si>
  <si>
    <t>有限会社クリック</t>
  </si>
  <si>
    <t>南区鵜野森二丁目28番8－203号</t>
  </si>
  <si>
    <t>有限会社　豊栄電建</t>
  </si>
  <si>
    <t>有限会社豊栄電建</t>
  </si>
  <si>
    <t>南区大野台一丁目22番11号</t>
  </si>
  <si>
    <t>042-776-9779</t>
  </si>
  <si>
    <t>第１－３１５号</t>
  </si>
  <si>
    <t>成田　昌勝</t>
  </si>
  <si>
    <t>星が丘エンジニアリング　成田　昌勝</t>
  </si>
  <si>
    <t>中央区星が丘2丁目7番11号</t>
  </si>
  <si>
    <t>042-751-1480</t>
  </si>
  <si>
    <t>有限会社　市来空調</t>
  </si>
  <si>
    <t>有限会社市来空調</t>
  </si>
  <si>
    <t>南区南台二丁目9番6号</t>
  </si>
  <si>
    <t>042-712-7151</t>
  </si>
  <si>
    <t>有限会社　三興設備機器</t>
  </si>
  <si>
    <t>有限会社三興設備機器</t>
  </si>
  <si>
    <t>中央区陽光台一丁目20番7号</t>
  </si>
  <si>
    <t>042-754-7976</t>
  </si>
  <si>
    <t>有限会社　洞門</t>
  </si>
  <si>
    <t>有限会社洞門</t>
  </si>
  <si>
    <t>緑区下九沢443番地2</t>
  </si>
  <si>
    <t>042-761-4861</t>
  </si>
  <si>
    <t>澤田　和也</t>
  </si>
  <si>
    <t>神奈川空調サービス</t>
  </si>
  <si>
    <t>緑区下九沢2508番地6</t>
  </si>
  <si>
    <t>株式会社　宮本住宅総合サービス</t>
  </si>
  <si>
    <t>株式会社宮本住宅総合サービス</t>
  </si>
  <si>
    <t>南区東林間三丁目18番17号</t>
  </si>
  <si>
    <t>042-742-0245</t>
  </si>
  <si>
    <t>有限会社　エアコンシステム</t>
  </si>
  <si>
    <t>有限会社エアコンシステム</t>
  </si>
  <si>
    <t>緑区下九沢487-76</t>
  </si>
  <si>
    <t>関東商亊　株式会社</t>
  </si>
  <si>
    <t>関東商亊株式会社</t>
  </si>
  <si>
    <t>中央区千代田三丁目5番16号</t>
  </si>
  <si>
    <t>042-753-1111</t>
  </si>
  <si>
    <t>有限会社　ハシコウ</t>
  </si>
  <si>
    <t>有限会社ハシコウ</t>
  </si>
  <si>
    <t>南区麻溝台二丁目7番35号</t>
  </si>
  <si>
    <t>042-851-5727</t>
  </si>
  <si>
    <t>第１－３３５号</t>
  </si>
  <si>
    <t>有限会社　オオチ</t>
  </si>
  <si>
    <t>有限会社オオチ</t>
  </si>
  <si>
    <t>中央区田名6105番地11</t>
  </si>
  <si>
    <t>042-764-1464</t>
  </si>
  <si>
    <t>有限会社　阿部エンジニアリング</t>
  </si>
  <si>
    <t>有限会社阿部エンジニアリング</t>
  </si>
  <si>
    <t>飯山632番地8</t>
  </si>
  <si>
    <t>046-242-7586</t>
  </si>
  <si>
    <t>第１－３３８号</t>
  </si>
  <si>
    <t>株式会社　協同商店</t>
  </si>
  <si>
    <t>株式会社協同商店</t>
  </si>
  <si>
    <t>中央区南橋本四丁目2番24号</t>
  </si>
  <si>
    <t>042-770-3008</t>
  </si>
  <si>
    <t>第１－３４３号</t>
  </si>
  <si>
    <t>株式会社　清和サービス</t>
  </si>
  <si>
    <t>株式会社清和サービス</t>
  </si>
  <si>
    <t>中央区宮下三丁目9番18号</t>
  </si>
  <si>
    <t>042-774-1752</t>
  </si>
  <si>
    <t>日本環境設備　株式会社</t>
  </si>
  <si>
    <t>日本環境設備株式会社</t>
  </si>
  <si>
    <t>中央区上溝2387番地1</t>
  </si>
  <si>
    <t>第１－３４６号</t>
  </si>
  <si>
    <t>諏訪　美郎</t>
  </si>
  <si>
    <t>諏訪冷機</t>
  </si>
  <si>
    <t>喜多見4-15-22　フォレストソレアード102号</t>
  </si>
  <si>
    <t>03-3415-8311</t>
  </si>
  <si>
    <t>第１－３４９号</t>
  </si>
  <si>
    <t>有限会社　クールサービス</t>
  </si>
  <si>
    <t>有限会社クールサービス</t>
  </si>
  <si>
    <t>南大沢二丁目214番5号</t>
  </si>
  <si>
    <t>042-674-7885</t>
  </si>
  <si>
    <t>横浜金属商事　株式会社</t>
  </si>
  <si>
    <t>横浜金属商事株式会社　神奈川事業所</t>
  </si>
  <si>
    <t>中央区田名3656-4</t>
  </si>
  <si>
    <t>042-764-4581</t>
  </si>
  <si>
    <t>第１－３５１号</t>
  </si>
  <si>
    <t>株式会社　チーフプライド</t>
  </si>
  <si>
    <t>株式会社チーフプライド</t>
  </si>
  <si>
    <t>中央区田名2130番地1</t>
  </si>
  <si>
    <t>第１－３５２号</t>
  </si>
  <si>
    <t>愛甲産業　株式会社</t>
  </si>
  <si>
    <t>愛甲産業株式会社</t>
  </si>
  <si>
    <t>長谷32番1</t>
  </si>
  <si>
    <t>046-247-5512</t>
  </si>
  <si>
    <t>第１－３５４号</t>
  </si>
  <si>
    <t>有限会社　オーエヌ企業</t>
  </si>
  <si>
    <t>有限会社オーエヌ企業</t>
  </si>
  <si>
    <t>中央区田名8367番地1</t>
  </si>
  <si>
    <t>042-777-0259</t>
  </si>
  <si>
    <t>第１－３５６号</t>
  </si>
  <si>
    <t>久島エンジニアリング　有限会社</t>
  </si>
  <si>
    <t>久島エンジニアリング有限会社</t>
  </si>
  <si>
    <t>緑区千木良540番地12</t>
  </si>
  <si>
    <t>042-773-8998</t>
  </si>
  <si>
    <t>奥田　照義</t>
  </si>
  <si>
    <t>ＵＮＩガス設備</t>
  </si>
  <si>
    <t>南区上鶴間本町2丁目33番7号</t>
  </si>
  <si>
    <t>第１－３５９号</t>
  </si>
  <si>
    <t>三友プラントサービス　株式会社</t>
  </si>
  <si>
    <t>三友プラントサービス株式会社</t>
  </si>
  <si>
    <t>緑区橋本台一丁目8番21号</t>
  </si>
  <si>
    <t>042-773-3611</t>
  </si>
  <si>
    <t>第１－３６０号</t>
  </si>
  <si>
    <t>株式会社　イージーエフ</t>
  </si>
  <si>
    <t>株式会社イージーエフ</t>
  </si>
  <si>
    <t>寺尾西二丁目10番28-1号</t>
  </si>
  <si>
    <t>0467-76-8926</t>
  </si>
  <si>
    <t>第１－３６１号</t>
  </si>
  <si>
    <t>株式会社　相栄空調</t>
  </si>
  <si>
    <t>株式会社相栄空調</t>
  </si>
  <si>
    <t>南区下溝1363番地13</t>
  </si>
  <si>
    <t>042-778-5860</t>
  </si>
  <si>
    <t>第１－３６２号</t>
  </si>
  <si>
    <t>株式会社　モアエンタープライス</t>
  </si>
  <si>
    <t>株式会社モアエンタープライス</t>
  </si>
  <si>
    <t>中央区横山台二丁目23番25号</t>
  </si>
  <si>
    <t>042-704-9616</t>
  </si>
  <si>
    <t>第１－３６３号</t>
  </si>
  <si>
    <t>千野　英俊</t>
  </si>
  <si>
    <t>千野工業</t>
  </si>
  <si>
    <t>中央区淵野辺本町5丁目16番8号</t>
  </si>
  <si>
    <t>042-754-0431</t>
  </si>
  <si>
    <t>第１－３６４号</t>
  </si>
  <si>
    <t>株式会社　フェニックス</t>
  </si>
  <si>
    <t>株式会社フェニックス　大和営業所</t>
  </si>
  <si>
    <t>上草柳504番地5</t>
  </si>
  <si>
    <t>046-240-9898</t>
  </si>
  <si>
    <t>第１－３６６号</t>
  </si>
  <si>
    <t>鈴木　真郷</t>
  </si>
  <si>
    <t>鈴木冷熱工業</t>
  </si>
  <si>
    <t>下和田893番地10</t>
  </si>
  <si>
    <t>046-207-4189</t>
  </si>
  <si>
    <t>株式会社　西武</t>
  </si>
  <si>
    <t>株式会社西武</t>
  </si>
  <si>
    <t>下鶴間1866番4号</t>
  </si>
  <si>
    <t>046-275-3917</t>
  </si>
  <si>
    <t>第１－３６８号</t>
  </si>
  <si>
    <t>株式会社　ＴＲＫ</t>
  </si>
  <si>
    <t>株式会社ＴＲＫ</t>
  </si>
  <si>
    <t>南区磯部1461番地1</t>
  </si>
  <si>
    <t>046-252-9008</t>
  </si>
  <si>
    <t>株式会社　ホンマ電機</t>
  </si>
  <si>
    <t>株式会社ホンマ電機</t>
  </si>
  <si>
    <t>南区上鶴間一丁目12番1号</t>
  </si>
  <si>
    <t>042-746-1616</t>
  </si>
  <si>
    <t>第１－３７１号</t>
  </si>
  <si>
    <t>株式会社　ＩＳサービス</t>
  </si>
  <si>
    <t>株式会社ＩＳサービス</t>
  </si>
  <si>
    <t>上今泉五丁目4番33号</t>
  </si>
  <si>
    <t>046-233-2818</t>
  </si>
  <si>
    <t>第１－３７２号</t>
  </si>
  <si>
    <t>有限会社　隆志興業</t>
  </si>
  <si>
    <t>有限会社隆志興業</t>
  </si>
  <si>
    <t>緑区下九沢1703番地1</t>
  </si>
  <si>
    <t>042-770-2317</t>
  </si>
  <si>
    <t>第１－３７４号</t>
  </si>
  <si>
    <t>湘南コントロール　株式会社</t>
  </si>
  <si>
    <t>湘南コントロール株式会社</t>
  </si>
  <si>
    <t>代官一丁目15番地5</t>
  </si>
  <si>
    <t>046-279-5570</t>
  </si>
  <si>
    <t>第１－３７６号</t>
  </si>
  <si>
    <t>有限会社　池野空調工業</t>
  </si>
  <si>
    <t>有限会社池野空調工業</t>
  </si>
  <si>
    <t>中央林間二丁目15番20号</t>
  </si>
  <si>
    <t>046-219-2192</t>
  </si>
  <si>
    <t>第１－３７７号</t>
  </si>
  <si>
    <t>株式会社　平吾設備</t>
  </si>
  <si>
    <t>株式会社平吾設備</t>
  </si>
  <si>
    <t>大上七丁目13番37号</t>
  </si>
  <si>
    <t>0467-76-1673</t>
  </si>
  <si>
    <t>有限会社　石井空調</t>
  </si>
  <si>
    <t>有限会社石井空調</t>
  </si>
  <si>
    <t>愛甲東二丁目4番3号</t>
  </si>
  <si>
    <t>046-228-8953</t>
  </si>
  <si>
    <t>有限会社　相武冷熱工業</t>
  </si>
  <si>
    <t>有限会社相武冷熱工業</t>
  </si>
  <si>
    <t>緑区吉野475番地の1</t>
  </si>
  <si>
    <t>042-687-5055</t>
  </si>
  <si>
    <t>穂久斗工業　株式会社</t>
  </si>
  <si>
    <t>穂久斗工業株式会社</t>
  </si>
  <si>
    <t>中央区清新八丁目1番2号</t>
  </si>
  <si>
    <t>042-707-7003</t>
  </si>
  <si>
    <t>第１－３８３号</t>
  </si>
  <si>
    <t>有限会社　アルク企画</t>
  </si>
  <si>
    <t>有限会社アルク企画</t>
  </si>
  <si>
    <t>緑区相原二丁目18番6号</t>
  </si>
  <si>
    <t>042-773-6771</t>
  </si>
  <si>
    <t>第１－３８５号</t>
  </si>
  <si>
    <t>合同会社　大和エアコンサービス</t>
  </si>
  <si>
    <t>合同会社大和エアコンサービス</t>
  </si>
  <si>
    <t>福田2607番地</t>
  </si>
  <si>
    <t>046-269-3901</t>
  </si>
  <si>
    <t>第１－３８７号</t>
  </si>
  <si>
    <t>株式会社　電商相模</t>
  </si>
  <si>
    <t>株式会社電商相模</t>
  </si>
  <si>
    <t>南区磯部4850番地1</t>
  </si>
  <si>
    <t>046-256-2100</t>
  </si>
  <si>
    <t>浜園　猛</t>
  </si>
  <si>
    <t>南区御園3丁目17番15号</t>
  </si>
  <si>
    <t>株式会社　六盛社</t>
  </si>
  <si>
    <t>株式会社六盛社</t>
  </si>
  <si>
    <t>三田南三丁目20番11号</t>
  </si>
  <si>
    <t>046-280-6485</t>
  </si>
  <si>
    <t>株式会社　ＫＳＴ</t>
  </si>
  <si>
    <t>株式会社ＫＳＴ</t>
  </si>
  <si>
    <t>恩名一丁目11番56号</t>
  </si>
  <si>
    <t>046-204-7588</t>
  </si>
  <si>
    <t>第１－３９４号</t>
  </si>
  <si>
    <t>株式会社　綾西空調</t>
  </si>
  <si>
    <t>株式会社綾西空調</t>
  </si>
  <si>
    <t>早川2933番地7</t>
  </si>
  <si>
    <t>株式会社　ＩＭＡＲＩＳＥ</t>
  </si>
  <si>
    <t>株式会社ＩＭＡＲＩＳＥ</t>
  </si>
  <si>
    <t>中央区緑が丘二丁目41番1号</t>
  </si>
  <si>
    <t>第１－３９６号</t>
  </si>
  <si>
    <t>一般財団法人　日本空調冷凍研究所</t>
  </si>
  <si>
    <t>一般財団法人日本空調冷凍研究所</t>
  </si>
  <si>
    <t>上依知3003番地</t>
  </si>
  <si>
    <t>046-286-0735</t>
  </si>
  <si>
    <t>有限会社　三穂冷機</t>
  </si>
  <si>
    <t>有限会社三穂冷機</t>
  </si>
  <si>
    <t>関口437番地の13</t>
  </si>
  <si>
    <t>046-245-5977</t>
  </si>
  <si>
    <t>株式会社　川原テクノサービス</t>
  </si>
  <si>
    <t>株式会社川原テクノサービス</t>
  </si>
  <si>
    <t>南区上鶴間三丁目4番15号</t>
  </si>
  <si>
    <t>042-767-3395</t>
  </si>
  <si>
    <t>第１－３９９号</t>
  </si>
  <si>
    <t>株式会社　フジ・エーシー</t>
  </si>
  <si>
    <t>株式会社フジ・エーシー</t>
  </si>
  <si>
    <t>相模が丘六丁目19番2号</t>
  </si>
  <si>
    <t>有限会社　昌本商事</t>
  </si>
  <si>
    <t>有限会社昌本商事</t>
  </si>
  <si>
    <t>緑区東橋本二丁目29番14号</t>
  </si>
  <si>
    <t>042-772-4512</t>
  </si>
  <si>
    <t>朝日テクノサービス　株式会社</t>
  </si>
  <si>
    <t>第１－４０２号</t>
  </si>
  <si>
    <t>有限会社　森井空調</t>
  </si>
  <si>
    <t>有限会社森井空調</t>
  </si>
  <si>
    <t>落合南七丁目7番21号</t>
  </si>
  <si>
    <t>0467-70-7706</t>
  </si>
  <si>
    <t>第１－４０３号</t>
  </si>
  <si>
    <t>千葉電気　株式会社</t>
  </si>
  <si>
    <t>千葉電気株式会社</t>
  </si>
  <si>
    <t>愛川町中津3417番地の6</t>
  </si>
  <si>
    <t>046-285-2535</t>
  </si>
  <si>
    <t>第１－４０４号</t>
  </si>
  <si>
    <t>株式会社　三興冷設</t>
  </si>
  <si>
    <t>株式会社三興冷設</t>
  </si>
  <si>
    <t>中央区上溝2427-1</t>
  </si>
  <si>
    <t>唐田　純一</t>
  </si>
  <si>
    <t>神奈川コールド</t>
  </si>
  <si>
    <t>山際249番地5</t>
  </si>
  <si>
    <t>ＡＴＣ　株式会社</t>
  </si>
  <si>
    <t>ＡＴＣ株式会社　相模原支店</t>
  </si>
  <si>
    <t>南区相武台3-21-34</t>
  </si>
  <si>
    <t>046-283-3611</t>
  </si>
  <si>
    <t>第１－４０９号</t>
  </si>
  <si>
    <t>株式会社　関東設備管理</t>
  </si>
  <si>
    <t>株式会社関東設備管理</t>
  </si>
  <si>
    <t>南区当麻886-1</t>
  </si>
  <si>
    <t>042-711-9287</t>
  </si>
  <si>
    <t>第１－４１１号</t>
  </si>
  <si>
    <t>株式会社　Ｙ－ｚｅｎ</t>
  </si>
  <si>
    <t>株式会社Ｙ－ｚｅｎ</t>
  </si>
  <si>
    <t>寺尾西三丁目11番27号</t>
  </si>
  <si>
    <t>0467-38-6391</t>
  </si>
  <si>
    <t>第１－４１３号</t>
  </si>
  <si>
    <t>郷　隆光</t>
  </si>
  <si>
    <t>エム・テック</t>
  </si>
  <si>
    <t>中依知175番地10</t>
  </si>
  <si>
    <t>046-244-2026</t>
  </si>
  <si>
    <t>有限会社　サガミエンジニアリング</t>
  </si>
  <si>
    <t>有限会社サガミエンジニアリング</t>
  </si>
  <si>
    <t>東柏ケ谷四丁目6番154号</t>
  </si>
  <si>
    <t>046-233-3153</t>
  </si>
  <si>
    <t>第１－４１６号</t>
  </si>
  <si>
    <t>株式会社　ＡＥＳ</t>
  </si>
  <si>
    <t>株式会社ＡＥＳ</t>
  </si>
  <si>
    <t>南区新戸2688番地32</t>
  </si>
  <si>
    <t>042-705-9932</t>
  </si>
  <si>
    <t>株式会社ＡＥＳ　田名事務所</t>
  </si>
  <si>
    <t>中央区田名7196-4</t>
  </si>
  <si>
    <t>042-705-9032</t>
  </si>
  <si>
    <t>大平　浩司</t>
  </si>
  <si>
    <t>大丸設備</t>
  </si>
  <si>
    <t>落合北4丁目1番18号</t>
  </si>
  <si>
    <t>090-3215-1551</t>
  </si>
  <si>
    <t>橋本　洋一</t>
  </si>
  <si>
    <t>本郷3359番地</t>
  </si>
  <si>
    <t>第１－４１９号</t>
  </si>
  <si>
    <t>有限会社　アキテックサービス</t>
  </si>
  <si>
    <t>有限会社アキテックサービス</t>
  </si>
  <si>
    <t>緑区青山3150番地</t>
  </si>
  <si>
    <t>株式会社　ダイヤビルメンテナンス</t>
  </si>
  <si>
    <t>株式会社ダイヤビルメンテナンス</t>
  </si>
  <si>
    <t>南区相模大野八丁目5番1号ルミエール大野南201</t>
  </si>
  <si>
    <t>042-741-3700</t>
  </si>
  <si>
    <t>第１－４２２号</t>
  </si>
  <si>
    <t>有限会社　神奈川電装サービス</t>
  </si>
  <si>
    <t>有限会社神奈川電装サービス</t>
  </si>
  <si>
    <t>中央区田名8324番地1</t>
  </si>
  <si>
    <t>042-777-1800</t>
  </si>
  <si>
    <t>株式会社　カンセー</t>
  </si>
  <si>
    <t>株式会社カンセー</t>
  </si>
  <si>
    <t>深谷上二丁目10番20号</t>
  </si>
  <si>
    <t>0467-77-6617</t>
  </si>
  <si>
    <t>株式会社　レジェンド</t>
  </si>
  <si>
    <t>株式会社レジェンド</t>
  </si>
  <si>
    <t>中央区陽光台四丁目15番9号</t>
  </si>
  <si>
    <t>042-705-7120</t>
  </si>
  <si>
    <t>第１－４２５号</t>
  </si>
  <si>
    <t>株式会社　協立設備</t>
  </si>
  <si>
    <t>株式会社協立設備</t>
  </si>
  <si>
    <t>中央区宮下本町一丁目38番10号</t>
  </si>
  <si>
    <t>042-758-7077</t>
  </si>
  <si>
    <t>第１－４２６号</t>
  </si>
  <si>
    <t>中村　寿雄</t>
  </si>
  <si>
    <t>ナカムラ電器設備</t>
  </si>
  <si>
    <t>上土棚北2丁目9番12－1号</t>
  </si>
  <si>
    <t>0467-84-7792</t>
  </si>
  <si>
    <t>第１－４２７号</t>
  </si>
  <si>
    <t>山根　久佳</t>
  </si>
  <si>
    <t>ヤマテック</t>
  </si>
  <si>
    <t>中央林間一丁目22番16号</t>
  </si>
  <si>
    <t>046-276-4986</t>
  </si>
  <si>
    <t>第１－４２８号</t>
  </si>
  <si>
    <t>クール　株式会社</t>
  </si>
  <si>
    <t>クール株式会社</t>
  </si>
  <si>
    <t>旭町三丁目8番3号</t>
  </si>
  <si>
    <t>046-228-8222</t>
  </si>
  <si>
    <t>第１－４２９号</t>
  </si>
  <si>
    <t>小林　豊</t>
  </si>
  <si>
    <t>ＡＲＳ</t>
  </si>
  <si>
    <t>栄町2丁目9番20-4号</t>
  </si>
  <si>
    <t>046-224-1799</t>
  </si>
  <si>
    <t>第１－４３０号</t>
  </si>
  <si>
    <t>有限会社　八千代冷熱</t>
  </si>
  <si>
    <t>有限会社八千代冷熱</t>
  </si>
  <si>
    <t>深見3701-8-103</t>
  </si>
  <si>
    <t>046-206-4300</t>
  </si>
  <si>
    <t>第１－４３１号</t>
  </si>
  <si>
    <t>株式会社　インテック</t>
  </si>
  <si>
    <t>株式会社インテック</t>
  </si>
  <si>
    <t>中央区横山四丁目23番15号</t>
  </si>
  <si>
    <t>042-707-0981</t>
  </si>
  <si>
    <t>砥綿　聖雄</t>
  </si>
  <si>
    <t>Ｌｉｎｏ ＬｉＦＥ ＳＥＲＶｉＣＥ</t>
  </si>
  <si>
    <t>上土棚南4丁目17番29号</t>
  </si>
  <si>
    <t>090-4454-9317</t>
  </si>
  <si>
    <t>第１－４３３号</t>
  </si>
  <si>
    <t>有限会社　グロー</t>
  </si>
  <si>
    <t>有限会社グロー</t>
  </si>
  <si>
    <t>緑区原宿南三丁目7番地12</t>
  </si>
  <si>
    <t>株式会社　日管</t>
  </si>
  <si>
    <t>株式会社日管</t>
  </si>
  <si>
    <t>中央区星が丘3-14-15</t>
  </si>
  <si>
    <t>042-756-4011</t>
  </si>
  <si>
    <t>第１－４３５号</t>
  </si>
  <si>
    <t>齋藤　隆司</t>
  </si>
  <si>
    <t>サンハーツテクノサービス</t>
  </si>
  <si>
    <t>大上5-5-13</t>
  </si>
  <si>
    <t>第１－４３６号</t>
  </si>
  <si>
    <t>中垣　将貢</t>
  </si>
  <si>
    <t>キオラテクノサービス</t>
  </si>
  <si>
    <t>深見2042番地1</t>
  </si>
  <si>
    <t>第１－４３８号</t>
  </si>
  <si>
    <t>株式会社　梶野空調設備</t>
  </si>
  <si>
    <t>株式会社梶野空調設備</t>
  </si>
  <si>
    <t>緑区中沢967番地4</t>
  </si>
  <si>
    <t>042-782-6016</t>
  </si>
  <si>
    <t>第１－４３９号</t>
  </si>
  <si>
    <t>有限会社　橋口空調設備</t>
  </si>
  <si>
    <t>有限会社橋口空調設備</t>
  </si>
  <si>
    <t>福田六丁目7番地20</t>
  </si>
  <si>
    <t>046-268-8640</t>
  </si>
  <si>
    <t>株式会社　ティーエス空調メンテナンス</t>
  </si>
  <si>
    <t>株式会社ティーエス空調メンテナンス</t>
  </si>
  <si>
    <t>南区御園一丁目3番5号</t>
  </si>
  <si>
    <t>080-4883-6185</t>
  </si>
  <si>
    <t>株式会社　恒和</t>
  </si>
  <si>
    <t>株式会社恒和</t>
  </si>
  <si>
    <t>山際780番地13</t>
  </si>
  <si>
    <t>第１－４４３号</t>
  </si>
  <si>
    <t>株式会社　藤田空調設備</t>
  </si>
  <si>
    <t>株式会社藤田空調設備</t>
  </si>
  <si>
    <t>中央区田名塩田三丁目16番5号</t>
  </si>
  <si>
    <t>042-778-2706</t>
  </si>
  <si>
    <t>有限会社　ユーケイ冷熱</t>
  </si>
  <si>
    <t>有限会社ユーケイ冷熱</t>
  </si>
  <si>
    <t>社家二丁目23番19号</t>
  </si>
  <si>
    <t>046-236-6082</t>
  </si>
  <si>
    <t>株式会社　ジェイシーイー</t>
  </si>
  <si>
    <t>株式会社ジェイシーイー</t>
  </si>
  <si>
    <t>南区当麻3667番地</t>
  </si>
  <si>
    <t>042-711-8666</t>
  </si>
  <si>
    <t>第１－４５１号</t>
  </si>
  <si>
    <t>中野　崇</t>
  </si>
  <si>
    <t>Ｉｎｓｆｉｃ（インスフィック）</t>
  </si>
  <si>
    <t>中央区宮下本町1丁目19番21号クレメント101</t>
  </si>
  <si>
    <t>090-5959-4343</t>
  </si>
  <si>
    <t>第１－４５４号</t>
  </si>
  <si>
    <t>株式会社　オカモト</t>
  </si>
  <si>
    <t>株式会社オカモト</t>
  </si>
  <si>
    <t>中央区宮下本町二丁目40番5号</t>
  </si>
  <si>
    <t>042-759-5591</t>
  </si>
  <si>
    <t>株式会社　タカデン</t>
  </si>
  <si>
    <t>株式会社タカデン</t>
  </si>
  <si>
    <t>南区東大沼四丁目23番6号</t>
  </si>
  <si>
    <t>042-741-3789</t>
  </si>
  <si>
    <t>第１－４５６号</t>
  </si>
  <si>
    <t>木村　直人</t>
  </si>
  <si>
    <t>中央区陽光台5丁目19番30号サニーウェル102</t>
  </si>
  <si>
    <t>尾﨑　春彦</t>
  </si>
  <si>
    <t>エフレ</t>
  </si>
  <si>
    <t>渋谷五丁目19番地1</t>
  </si>
  <si>
    <t>090-8317-6394</t>
  </si>
  <si>
    <t>佐藤　政史</t>
  </si>
  <si>
    <t>ＭＩＹＡＤＡＩ空調</t>
  </si>
  <si>
    <t>下和田978番地7</t>
  </si>
  <si>
    <t>080-5868-2919</t>
  </si>
  <si>
    <t>株式会社　ＳＡＬＬＹ’Ｓ</t>
  </si>
  <si>
    <t>株式会社ＳＡＬＬＹ’Ｓ</t>
  </si>
  <si>
    <t>寿町二丁目5番19号</t>
  </si>
  <si>
    <t>046-221-0563</t>
  </si>
  <si>
    <t>第１－４６０号</t>
  </si>
  <si>
    <t>株式会社　メニュー</t>
  </si>
  <si>
    <t>株式会社メニュー</t>
  </si>
  <si>
    <t>南林間六丁目1番30号B202</t>
  </si>
  <si>
    <t>046-277-2602</t>
  </si>
  <si>
    <t>第１－４６１号</t>
  </si>
  <si>
    <t>株式会社　ユニバーサルサービス</t>
  </si>
  <si>
    <t>株式会社ユニバーサルサービス</t>
  </si>
  <si>
    <t>福田4023番地19</t>
  </si>
  <si>
    <t>090-3234-4111</t>
  </si>
  <si>
    <t>第１－４６２号</t>
  </si>
  <si>
    <t>株式会社　ＴＳＲ</t>
  </si>
  <si>
    <t>株式会社ＴＳＲ</t>
  </si>
  <si>
    <t>046-205-5940</t>
  </si>
  <si>
    <t>第１－４６３号</t>
  </si>
  <si>
    <t>ＭＫＳ　株式会社</t>
  </si>
  <si>
    <t>ＭＫＳ株式会社</t>
  </si>
  <si>
    <t>下荻野1043番地7</t>
  </si>
  <si>
    <t>046-241-5896</t>
  </si>
  <si>
    <t>株式会社　エスアール</t>
  </si>
  <si>
    <t>株式会社エスアール</t>
  </si>
  <si>
    <t>上依知1260番地1</t>
  </si>
  <si>
    <t>046-204-2301</t>
  </si>
  <si>
    <t>ソニックエレクトロニクス　株式会社</t>
  </si>
  <si>
    <t>ソニックエレクトロニクス株式会社</t>
  </si>
  <si>
    <t>中央区相生四丁目11番15号</t>
  </si>
  <si>
    <t>042-752-4005</t>
  </si>
  <si>
    <t>第１－４６６号</t>
  </si>
  <si>
    <t>プランテック　株式会社</t>
  </si>
  <si>
    <t>プランテック株式会社</t>
  </si>
  <si>
    <t>深見2203番地5</t>
  </si>
  <si>
    <t>046-264-2412</t>
  </si>
  <si>
    <t>第１－４６７号</t>
  </si>
  <si>
    <t>代官四丁目18番地10</t>
  </si>
  <si>
    <t>046-211-2563</t>
  </si>
  <si>
    <t>第１－４６９号</t>
  </si>
  <si>
    <t>常住　良博</t>
  </si>
  <si>
    <t>ツネテック</t>
  </si>
  <si>
    <t>第１－４７１号</t>
  </si>
  <si>
    <t>輪島　雅博</t>
  </si>
  <si>
    <t>ｅサービス</t>
  </si>
  <si>
    <t>福田567番地1　メゾンドゥセリーズ101</t>
  </si>
  <si>
    <t>090-5498-2151</t>
  </si>
  <si>
    <t>第１－４７２号</t>
  </si>
  <si>
    <t>株式会社　ｒｅ－フロンティア</t>
  </si>
  <si>
    <t>株式会社ｒｅ－フロンティア【橋本営業所・資材センター】</t>
  </si>
  <si>
    <t>緑区下九沢1684-2</t>
  </si>
  <si>
    <t>042-703-8591</t>
  </si>
  <si>
    <t>株式会社　三弘電気冷暖房</t>
  </si>
  <si>
    <t>株式会社三弘電気冷暖房</t>
  </si>
  <si>
    <t>中央区田名4661番地の13</t>
  </si>
  <si>
    <t>042-762-9031</t>
  </si>
  <si>
    <t>第１－４７４号</t>
  </si>
  <si>
    <t>株式会社　ＦＵＬＬ　ＧＡＳ</t>
  </si>
  <si>
    <t>株式会社ＦＵＬＬ　ＧＡＳ</t>
  </si>
  <si>
    <t>愛川町半原2059番地7</t>
  </si>
  <si>
    <t>046-281-4354</t>
  </si>
  <si>
    <t>株式会社　ＲＴＭ</t>
  </si>
  <si>
    <t>株式会社ＲＴＭ</t>
  </si>
  <si>
    <t>080-2043-8447</t>
  </si>
  <si>
    <t>第１－４７６号</t>
  </si>
  <si>
    <t>Ｋ空調　株式会社</t>
  </si>
  <si>
    <t>Ｋ空調株式会社</t>
  </si>
  <si>
    <t>妻田西二丁目23番14号　パティオ妻田西F-102</t>
  </si>
  <si>
    <t>090-5312-2229</t>
  </si>
  <si>
    <t>第１－４７７号</t>
  </si>
  <si>
    <t>會根　拓也</t>
  </si>
  <si>
    <t>曽根設備</t>
  </si>
  <si>
    <t>関口41</t>
  </si>
  <si>
    <t>046-245-0591</t>
  </si>
  <si>
    <t>有限会社　サガミデンキサービス</t>
  </si>
  <si>
    <t>有限会社サガミデンキサービス</t>
  </si>
  <si>
    <t>下津古久777番地2</t>
  </si>
  <si>
    <t>046-228-1217</t>
  </si>
  <si>
    <t>上村　仁志</t>
  </si>
  <si>
    <t>岡田4丁目28番6号</t>
  </si>
  <si>
    <t>046-229-3221</t>
  </si>
  <si>
    <t>第１－４８０号</t>
  </si>
  <si>
    <t>綜建工業　株式会社　</t>
  </si>
  <si>
    <t>綜建工業株式会社</t>
  </si>
  <si>
    <t>中央区宮下二丁目6番18号</t>
  </si>
  <si>
    <t>042-773-3135</t>
  </si>
  <si>
    <t>株式会社　光</t>
  </si>
  <si>
    <t>株式会社　朱紋工業</t>
  </si>
  <si>
    <t>株式会社朱紋工業</t>
  </si>
  <si>
    <t>南区新戸2126番地1</t>
  </si>
  <si>
    <t>046-251-9201</t>
  </si>
  <si>
    <t>坂本　圭介</t>
  </si>
  <si>
    <t>坂本ラジオ商会</t>
  </si>
  <si>
    <t>国分北一丁目29番21号</t>
  </si>
  <si>
    <t>046-231-5243</t>
  </si>
  <si>
    <t>有限会社　コスモス電子</t>
  </si>
  <si>
    <t>有限会社コスモス電子</t>
  </si>
  <si>
    <t>上依知270番地の9</t>
  </si>
  <si>
    <t>050-1221-0950</t>
  </si>
  <si>
    <t>合同会社　山村電機</t>
  </si>
  <si>
    <t>合同会社山村電機</t>
  </si>
  <si>
    <t>元町5番11号</t>
  </si>
  <si>
    <t>090-3112-9447</t>
  </si>
  <si>
    <t>第１－４８６号</t>
  </si>
  <si>
    <t>Ｒｅｅｆ　株式会社</t>
  </si>
  <si>
    <t>Ｒｅｅｆ株式会社</t>
  </si>
  <si>
    <t>中央区田名2088番地16</t>
  </si>
  <si>
    <t>042-866-6256</t>
  </si>
  <si>
    <t>奥山　裕二</t>
  </si>
  <si>
    <t>奥山電設</t>
  </si>
  <si>
    <t>南区相模台3-16-22-7</t>
  </si>
  <si>
    <t>第１－４８８号</t>
  </si>
  <si>
    <t>松田冷設　株式会社</t>
  </si>
  <si>
    <t>松田冷設株式会社</t>
  </si>
  <si>
    <t>046-258-9248</t>
  </si>
  <si>
    <t>外城　光男</t>
  </si>
  <si>
    <t>中央区田名1666番地グランドール清水第2　201</t>
  </si>
  <si>
    <t>090-5342-5008</t>
  </si>
  <si>
    <t>第１－４９０号</t>
  </si>
  <si>
    <t>津藤　豊</t>
  </si>
  <si>
    <t>ユタカ設備</t>
  </si>
  <si>
    <t>中央区共和2丁目18番10号</t>
  </si>
  <si>
    <t>042-719-7131</t>
  </si>
  <si>
    <t>笹野　隆宏</t>
  </si>
  <si>
    <t>関東設備</t>
  </si>
  <si>
    <t>中央区陽光台2-14-10-B102</t>
  </si>
  <si>
    <t>042-707-7205</t>
  </si>
  <si>
    <t>第１－４９２号</t>
  </si>
  <si>
    <t>株式会社　メンテナンスファクトリー海老名</t>
  </si>
  <si>
    <t>株式会社メンテナンスファクトリー海老名</t>
  </si>
  <si>
    <t>門沢橋二丁目3番57号</t>
  </si>
  <si>
    <t>株式会社　厚木エアーサービス</t>
  </si>
  <si>
    <t>株式会社厚木エアーサービス</t>
  </si>
  <si>
    <t>株式会社　ケーシード</t>
  </si>
  <si>
    <t>株式会社ケーシード</t>
  </si>
  <si>
    <t>中央区星が丘4-2-51</t>
  </si>
  <si>
    <t>070-3534-0769</t>
  </si>
  <si>
    <t>株式会社　ジェイサポート</t>
  </si>
  <si>
    <t>株式会社ジェイサポート</t>
  </si>
  <si>
    <t>中央区横山台一丁目16番1号</t>
  </si>
  <si>
    <t>第１－４９６号</t>
  </si>
  <si>
    <t>有限会社　井上電気</t>
  </si>
  <si>
    <t>有限会社井上電気</t>
  </si>
  <si>
    <t>福田一丁目10番地の3</t>
  </si>
  <si>
    <t>046-267-4069</t>
  </si>
  <si>
    <t>第１－４９７号</t>
  </si>
  <si>
    <t>株式会社　西商</t>
  </si>
  <si>
    <t>株式会社西商</t>
  </si>
  <si>
    <t>門沢橋六丁目20番22号</t>
  </si>
  <si>
    <t>046-238-4374</t>
  </si>
  <si>
    <t>第１－４９８号</t>
  </si>
  <si>
    <t>林　達哉</t>
  </si>
  <si>
    <t>林設備</t>
  </si>
  <si>
    <t>中央区上矢部5丁目3番15号</t>
  </si>
  <si>
    <t>042-750-6884</t>
  </si>
  <si>
    <t>有限会社　玉野空調設備</t>
  </si>
  <si>
    <t>有限会社玉野空調設備</t>
  </si>
  <si>
    <t>南区若松一丁目5番18号</t>
  </si>
  <si>
    <t>042-746-2212</t>
  </si>
  <si>
    <t>有限会社　親興</t>
  </si>
  <si>
    <t>有限会社親興</t>
  </si>
  <si>
    <t>緑区下九沢1288-1</t>
  </si>
  <si>
    <t>042-763-5149</t>
  </si>
  <si>
    <t>第１－５０１号</t>
  </si>
  <si>
    <t>株式会社　三幸テックス</t>
  </si>
  <si>
    <t>株式会社三幸テックス</t>
  </si>
  <si>
    <t>南区西大沼二丁目21番8-3号</t>
  </si>
  <si>
    <t>042-851-5007</t>
  </si>
  <si>
    <t>株式会社　ＮＥＸＴ　ＩＭＰＡＣＴ</t>
  </si>
  <si>
    <t>株式会社ＮＥＸＴ　ＩＭＰＡＣＴ</t>
  </si>
  <si>
    <t>田村町8番9号</t>
  </si>
  <si>
    <t>046-244-4896</t>
  </si>
  <si>
    <t>第１－５０３号</t>
  </si>
  <si>
    <t>本人の希望により掲載していません。</t>
  </si>
  <si>
    <t>星野　友紀知</t>
  </si>
  <si>
    <t>キューエステクノ</t>
  </si>
  <si>
    <t>046-240-0780</t>
  </si>
  <si>
    <t>第１－５０５号</t>
  </si>
  <si>
    <t>株式会社ＲＥＴＩＣＥ</t>
  </si>
  <si>
    <t>社家六丁目21番23号</t>
  </si>
  <si>
    <t>第１－５０６号</t>
  </si>
  <si>
    <t>株式会社　高揚</t>
  </si>
  <si>
    <t>株式会社高揚</t>
  </si>
  <si>
    <t>中町一丁目8番7号ジュネパレス厚木2（201号）</t>
  </si>
  <si>
    <t>046-224-9800</t>
  </si>
  <si>
    <t>鹿野　昭夫</t>
  </si>
  <si>
    <t>シカノエアサービス</t>
  </si>
  <si>
    <t>東柏ヶ谷2-2-9　クリオさがみ野壱番館（408）</t>
  </si>
  <si>
    <t>046-231-1414</t>
  </si>
  <si>
    <t>第１－５０８号</t>
  </si>
  <si>
    <t>株式会社　鼓冷機</t>
  </si>
  <si>
    <t>株式会社鼓冷機</t>
  </si>
  <si>
    <t>中央区横山台二丁目22番21号</t>
  </si>
  <si>
    <t>042-866-5988</t>
  </si>
  <si>
    <t>綾和空調　有限会社</t>
  </si>
  <si>
    <t>綾和空調有限会社　本社</t>
  </si>
  <si>
    <t>寺尾釜田一丁目9番9号</t>
  </si>
  <si>
    <t>0467-78-1503</t>
  </si>
  <si>
    <t>綾和空調有限会社　大和営業所</t>
  </si>
  <si>
    <t>代官2-4-1</t>
  </si>
  <si>
    <t>046-239-4661</t>
  </si>
  <si>
    <t>第１－５１０号</t>
  </si>
  <si>
    <t>株式会社　フォーテック・コーポレーション</t>
  </si>
  <si>
    <t>株式会社フォーテック・コーポレーション</t>
  </si>
  <si>
    <t>福田四丁目8番地3号</t>
  </si>
  <si>
    <t>046-201-0631</t>
  </si>
  <si>
    <t>有限会社　木村冷機</t>
  </si>
  <si>
    <t>有限会社木村冷熱</t>
  </si>
  <si>
    <t>愛川町中津2097番地の3</t>
  </si>
  <si>
    <t>046-258-9860</t>
  </si>
  <si>
    <t>Ｈ・Ｋ・Ａ　株式会社</t>
  </si>
  <si>
    <t>Ｈ・Ｋ・Ａ株式会社</t>
  </si>
  <si>
    <t>中央七丁目1番18号</t>
  </si>
  <si>
    <t>046-262-0902</t>
  </si>
  <si>
    <t>株式会社　石井空調</t>
  </si>
  <si>
    <t>株式会社石井空調</t>
  </si>
  <si>
    <t>三田南一丁目1番12号</t>
  </si>
  <si>
    <t>046-259-8564</t>
  </si>
  <si>
    <t>内堀　航太郎</t>
  </si>
  <si>
    <t>内堀空調</t>
  </si>
  <si>
    <t>中央区淵野辺本町二丁目8-13</t>
  </si>
  <si>
    <t>080-2164-0836</t>
  </si>
  <si>
    <t>株式会社　メイシンマテリアル</t>
  </si>
  <si>
    <t>株式会社メイシンマテリアル</t>
  </si>
  <si>
    <t>山際527番地</t>
  </si>
  <si>
    <t>046-204-1515</t>
  </si>
  <si>
    <t>ラソス　株式会社</t>
  </si>
  <si>
    <t>ラソス株式会社</t>
  </si>
  <si>
    <t>中央区田名4707番地1</t>
  </si>
  <si>
    <t>042-865-0770</t>
  </si>
  <si>
    <t>株式会社　オリジナル</t>
  </si>
  <si>
    <t>株式会社オリジナル</t>
  </si>
  <si>
    <t>緑区田名2590番地1</t>
  </si>
  <si>
    <t>042-865-7402</t>
  </si>
  <si>
    <t>株式会社　Ｌ＆ＣＥ</t>
  </si>
  <si>
    <t>株式会社Ｌ＆ＣＥ</t>
  </si>
  <si>
    <t>中央林間六丁目27番25号</t>
  </si>
  <si>
    <t>046-272-6550</t>
  </si>
  <si>
    <t>株式会社　直悠設備</t>
  </si>
  <si>
    <t>株式会社直悠設備</t>
  </si>
  <si>
    <t>中央区田名3506番地42</t>
  </si>
  <si>
    <t>042-866-7741</t>
  </si>
  <si>
    <t>株式会社　カノウ冷機</t>
  </si>
  <si>
    <t>株式会社カノウ冷機</t>
  </si>
  <si>
    <t>愛川町中津5658番地1</t>
  </si>
  <si>
    <t>046-280-6081</t>
  </si>
  <si>
    <t>株式会社　ケー・ディー・エス</t>
  </si>
  <si>
    <t>株式会社ケー・ディー・エス　本社事業所</t>
  </si>
  <si>
    <t>緑区下九沢1605-1</t>
  </si>
  <si>
    <t>柴田　大樹</t>
  </si>
  <si>
    <t>翔栄設備</t>
  </si>
  <si>
    <t>東原2丁目9番27号</t>
  </si>
  <si>
    <t>046-207-6442</t>
  </si>
  <si>
    <t>有限会社　桜井電気商会</t>
  </si>
  <si>
    <t>有限会社桜井電気商会</t>
  </si>
  <si>
    <t>上草柳八丁目20番7号</t>
  </si>
  <si>
    <t>第１－５２４号</t>
  </si>
  <si>
    <t>長崎　裕司</t>
  </si>
  <si>
    <t>長崎電設</t>
  </si>
  <si>
    <t>寺尾北1丁目3番65号</t>
  </si>
  <si>
    <t>株式会社　アローウェッジ</t>
  </si>
  <si>
    <t>株式会社アローウェッジ</t>
  </si>
  <si>
    <t>上土棚南二丁目9番41号</t>
  </si>
  <si>
    <t>090-6090-7015</t>
  </si>
  <si>
    <t>第１－５２６号</t>
  </si>
  <si>
    <t>株式会社　エアーリンクス</t>
  </si>
  <si>
    <t>株式会社エアーリンクス</t>
  </si>
  <si>
    <t>緑区久保沢三丁目3番35-1号</t>
  </si>
  <si>
    <t>042-850-1253</t>
  </si>
  <si>
    <t>第１－５２７号</t>
  </si>
  <si>
    <t>有限会社　ＳＵＣＣＥＳＳ</t>
  </si>
  <si>
    <t>有限会社ＳＵＣＣＥＳＳ</t>
  </si>
  <si>
    <t>愛名49番地1</t>
  </si>
  <si>
    <t>株式会社　谷口設備</t>
  </si>
  <si>
    <t>株式会社谷口設備</t>
  </si>
  <si>
    <t>愛川町半原1507番地の3</t>
  </si>
  <si>
    <t>株式会社　茜空調</t>
  </si>
  <si>
    <t>株式会社茜空調</t>
  </si>
  <si>
    <t>門沢橋二丁目9番31号</t>
  </si>
  <si>
    <t>株式会社　プロテクトハウス</t>
  </si>
  <si>
    <t>株式会社プロテクトハウス</t>
  </si>
  <si>
    <t>中央区上溝1578番地1</t>
  </si>
  <si>
    <t>第１－５３１号</t>
  </si>
  <si>
    <t>黒田　裕一</t>
  </si>
  <si>
    <t>Ｂｒｅｚｚａ</t>
  </si>
  <si>
    <t>愛川町中津1454番地の4</t>
  </si>
  <si>
    <t>鈴木　薫</t>
  </si>
  <si>
    <t>鈴木総業</t>
  </si>
  <si>
    <t>愛川町中津1038番地の22</t>
  </si>
  <si>
    <t>株式会社　ケーオーワン</t>
  </si>
  <si>
    <t>株式会社ケーオーワン</t>
  </si>
  <si>
    <t>中央区淵野辺本町一丁目26番3号</t>
  </si>
  <si>
    <t>北村　勇樹</t>
  </si>
  <si>
    <t>設備のキタムラ</t>
  </si>
  <si>
    <t>鶴巻南1丁目34番31号</t>
  </si>
  <si>
    <t>臼谷　広幸</t>
  </si>
  <si>
    <t>ヒロ・エフォートサービス</t>
  </si>
  <si>
    <t>まつかげ台52番5号</t>
  </si>
  <si>
    <t>株式会社　高田商店</t>
  </si>
  <si>
    <t>株式会社高田商店</t>
  </si>
  <si>
    <t>吉岡1639番地5</t>
  </si>
  <si>
    <t>第１－５３８号</t>
  </si>
  <si>
    <t>有限会社　電化プラザやまと</t>
  </si>
  <si>
    <t>有限会社電化プラザやまと</t>
  </si>
  <si>
    <t>南区新磯野三丁目12番1号</t>
  </si>
  <si>
    <t>近藤　雄介</t>
  </si>
  <si>
    <t>ＫＴＳ</t>
  </si>
  <si>
    <t>上草柳九丁目3番15-6号</t>
  </si>
  <si>
    <t>サンビーム　株式会社</t>
  </si>
  <si>
    <t>サンビーム株式会社　相模原営業所</t>
  </si>
  <si>
    <t>南区新磯野268番地</t>
  </si>
  <si>
    <t>第１－５４２号</t>
  </si>
  <si>
    <t>第１－５４４号</t>
  </si>
  <si>
    <t>第１－５４５号</t>
  </si>
  <si>
    <t>神(湘セ)</t>
  </si>
  <si>
    <t>株式会社　新栄冷熱</t>
  </si>
  <si>
    <t>株式会社新栄冷熱</t>
  </si>
  <si>
    <t>河内231番地の5号</t>
  </si>
  <si>
    <t>0463-36-5200</t>
  </si>
  <si>
    <t>有限会社　平塚冷機</t>
  </si>
  <si>
    <t>有限会社平塚冷機</t>
  </si>
  <si>
    <t>南原3-7-24</t>
  </si>
  <si>
    <t>0463-36-3455</t>
  </si>
  <si>
    <t>有限会社　アイ・エス・イー</t>
  </si>
  <si>
    <t>有限会社アイ・エス・イー</t>
  </si>
  <si>
    <t>今泉2092番地の1</t>
  </si>
  <si>
    <t>0463-83-9671</t>
  </si>
  <si>
    <t>第１－１１号</t>
  </si>
  <si>
    <t>有限会社　泉商会</t>
  </si>
  <si>
    <t>有限会社泉商会</t>
  </si>
  <si>
    <t>寒川町小谷一丁目4番1号</t>
  </si>
  <si>
    <t>0467-75-0233</t>
  </si>
  <si>
    <t>オゾンセーブ　株式会社</t>
  </si>
  <si>
    <t>オゾンセーブ株式会社</t>
  </si>
  <si>
    <t>堀山下119番11</t>
  </si>
  <si>
    <t>0463-26-6550</t>
  </si>
  <si>
    <t>第１－２０号</t>
  </si>
  <si>
    <t>有限会社　湯浅ポンプ</t>
  </si>
  <si>
    <t>有限会社湯浅ポンプ</t>
  </si>
  <si>
    <t>札場町1番12号</t>
  </si>
  <si>
    <t>0463-22-2456</t>
  </si>
  <si>
    <t>有限会社　稲村モータース</t>
  </si>
  <si>
    <t>有限会社稲村モータース</t>
  </si>
  <si>
    <t>本町一丁目10番4号</t>
  </si>
  <si>
    <t>0466-28-0001</t>
  </si>
  <si>
    <t>フドー冷熱　株式会社</t>
  </si>
  <si>
    <t>フドー冷熱株式会社</t>
  </si>
  <si>
    <t>本町二丁目8番26号</t>
  </si>
  <si>
    <t>0466-25-2782</t>
  </si>
  <si>
    <t>鈴木　久男</t>
  </si>
  <si>
    <t>鈴木空調設備</t>
  </si>
  <si>
    <t>茅ヶ崎市</t>
  </si>
  <si>
    <t>甘沼179番地3</t>
  </si>
  <si>
    <t>0467-51-6966</t>
  </si>
  <si>
    <t>株式会社　政和</t>
  </si>
  <si>
    <t>株式会社政和</t>
  </si>
  <si>
    <t>田村4-23-17</t>
  </si>
  <si>
    <t>0463-26-3500</t>
  </si>
  <si>
    <t>第１－５０号</t>
  </si>
  <si>
    <t>有限会社　相和</t>
  </si>
  <si>
    <t>有限会社相和</t>
  </si>
  <si>
    <t>白根522番地</t>
  </si>
  <si>
    <t>0463-94-6309</t>
  </si>
  <si>
    <t>第１－５１号</t>
  </si>
  <si>
    <t>有限会社　平成工業</t>
  </si>
  <si>
    <t>有限会社平成工業</t>
  </si>
  <si>
    <t>室田三丁目11番52号</t>
  </si>
  <si>
    <t>0467-52-3356</t>
  </si>
  <si>
    <t>株式会社　サンエーサンクス</t>
  </si>
  <si>
    <t>株式会社サンエーサンクス</t>
  </si>
  <si>
    <t>寒川町倉見968番地1</t>
  </si>
  <si>
    <t>0467-75-2111</t>
  </si>
  <si>
    <t>第１－５５号</t>
  </si>
  <si>
    <t>有限会社　湘南エレテック</t>
  </si>
  <si>
    <t>有限会社湘南エレテック</t>
  </si>
  <si>
    <t>平塚五丁目8番7号</t>
  </si>
  <si>
    <t>0463-33-0067</t>
  </si>
  <si>
    <t>有限会社　田村空調</t>
  </si>
  <si>
    <t>有限会社田村空調</t>
  </si>
  <si>
    <t>寺田縄111番地の1</t>
  </si>
  <si>
    <t>0463-50-1152</t>
  </si>
  <si>
    <t>第１－５７号</t>
  </si>
  <si>
    <t>川口金属　株式会社</t>
  </si>
  <si>
    <t>川口金属株式会社</t>
  </si>
  <si>
    <t>長持297番地</t>
  </si>
  <si>
    <t>0463-31-1016</t>
  </si>
  <si>
    <t>第１－６０号</t>
  </si>
  <si>
    <t>長田　満</t>
  </si>
  <si>
    <t>長田電気設備</t>
  </si>
  <si>
    <t>高倉2228番地</t>
  </si>
  <si>
    <t>0466-45-3722</t>
  </si>
  <si>
    <t>株式会社　ありがとう</t>
  </si>
  <si>
    <t>株式会社ありがとう</t>
  </si>
  <si>
    <t>善行坂一丁目4番14号</t>
  </si>
  <si>
    <t>0466-53-7735</t>
  </si>
  <si>
    <t>株式会社　永沢興業</t>
  </si>
  <si>
    <t>株式会社永沢興業</t>
  </si>
  <si>
    <t>香川四丁目29番1号</t>
  </si>
  <si>
    <t>0467-57-6331</t>
  </si>
  <si>
    <t>明立工業　株式会社</t>
  </si>
  <si>
    <t>明立工業株式会社</t>
  </si>
  <si>
    <t>菖蒲2079番地1</t>
  </si>
  <si>
    <t>0463-75-1238</t>
  </si>
  <si>
    <t>山王総合　株式会社</t>
  </si>
  <si>
    <t>山王総合株式会社</t>
  </si>
  <si>
    <t>田中141番地</t>
  </si>
  <si>
    <t>0463-95-7700</t>
  </si>
  <si>
    <t>日電技術　株式会社</t>
  </si>
  <si>
    <t>日電技術株式会社</t>
  </si>
  <si>
    <t>菖蒲沢1354番4</t>
  </si>
  <si>
    <t>0466-47-9681</t>
  </si>
  <si>
    <t>第１－８９号</t>
  </si>
  <si>
    <t>株式会社　イイダ</t>
  </si>
  <si>
    <t>株式会社イイダ　第二事業所</t>
  </si>
  <si>
    <t>曽屋381-5</t>
  </si>
  <si>
    <t>0463-82-4335</t>
  </si>
  <si>
    <t>有限会社　レフコ</t>
  </si>
  <si>
    <t>有限会社レフコ</t>
  </si>
  <si>
    <t>西田原407-2</t>
  </si>
  <si>
    <t>0463-63-3221</t>
  </si>
  <si>
    <t>有限会社　テクノ神奈川</t>
  </si>
  <si>
    <t>有限会社テクノ神奈川</t>
  </si>
  <si>
    <t>0463-36-3387</t>
  </si>
  <si>
    <t>有限会社　ワイズエー</t>
  </si>
  <si>
    <t>有限会社ワイズエー</t>
  </si>
  <si>
    <t>上粕屋2548番地の2</t>
  </si>
  <si>
    <t>0463-26-8387</t>
  </si>
  <si>
    <t>力石　光雄</t>
  </si>
  <si>
    <t>力石電機サービス</t>
  </si>
  <si>
    <t>長持468番地の14</t>
  </si>
  <si>
    <t>0463-31-4335</t>
  </si>
  <si>
    <t>ケイティジー　株式会社</t>
  </si>
  <si>
    <t>ケイティジー株式会社</t>
  </si>
  <si>
    <t>0463-82-3227</t>
  </si>
  <si>
    <t>第１－１０４号</t>
  </si>
  <si>
    <t>藤栄電機設備　有限会社</t>
  </si>
  <si>
    <t>藤栄電機設備有限会社</t>
  </si>
  <si>
    <t>寒川町岡田六丁目10番17号小谷ハイツ1F</t>
  </si>
  <si>
    <t>第１－１０７号</t>
  </si>
  <si>
    <t>佐野商事　株式会社</t>
  </si>
  <si>
    <t>佐野商事株式会社</t>
  </si>
  <si>
    <t>三屋32番地</t>
  </si>
  <si>
    <t>0463-75-2157</t>
  </si>
  <si>
    <t>第１－１１０号</t>
  </si>
  <si>
    <t>株式会社　フリーテム</t>
  </si>
  <si>
    <t>株式会社フリーテム</t>
  </si>
  <si>
    <t>坪ノ内278番地の3</t>
  </si>
  <si>
    <t>0463-96-2950</t>
  </si>
  <si>
    <t>有限会社　ライト</t>
  </si>
  <si>
    <t>有限会社ライト</t>
  </si>
  <si>
    <t>弥勒寺513番地44</t>
  </si>
  <si>
    <t>0466-50-4777</t>
  </si>
  <si>
    <t>株式会社　インフ・テクノ</t>
  </si>
  <si>
    <t>株式会社インフ・テクノ</t>
  </si>
  <si>
    <t>高倉2502番地の6</t>
  </si>
  <si>
    <t>山羽工業　株式会社</t>
  </si>
  <si>
    <t>山羽工業株式会社</t>
  </si>
  <si>
    <t>渡内ニ丁目2番7号</t>
  </si>
  <si>
    <t>0466-25-2535</t>
  </si>
  <si>
    <t>杉﨑　正勝</t>
  </si>
  <si>
    <t>杉﨑　正勝（塚本冷熱サービス工業所）</t>
  </si>
  <si>
    <t>石田632</t>
  </si>
  <si>
    <t>0463-93-8066</t>
  </si>
  <si>
    <t>有限会社　ケイ・ワン・サービス</t>
  </si>
  <si>
    <t>有限会社ケイ・ワン・サービス</t>
  </si>
  <si>
    <t>堤107番地2</t>
  </si>
  <si>
    <t>第１－１２２号</t>
  </si>
  <si>
    <t>淡島空調株式会社</t>
  </si>
  <si>
    <t>菱沼海岸7番8号</t>
  </si>
  <si>
    <t>0467-86-6391</t>
  </si>
  <si>
    <t>第１－１２４号</t>
  </si>
  <si>
    <t>株式会社　サガミ空調設備</t>
  </si>
  <si>
    <t>株式会社サガミ空調設備</t>
  </si>
  <si>
    <t>大島745番地の3</t>
  </si>
  <si>
    <t>0463-53-2985</t>
  </si>
  <si>
    <t>第１－１２６号</t>
  </si>
  <si>
    <t>有限会社　電湘工業</t>
  </si>
  <si>
    <t>有限会社電湘工業</t>
  </si>
  <si>
    <t>宮原3285番地18</t>
  </si>
  <si>
    <t>0466-48-7208</t>
  </si>
  <si>
    <t>アネック　株式会社</t>
  </si>
  <si>
    <t>アネック株式会社</t>
  </si>
  <si>
    <t>東成瀬38番10号</t>
  </si>
  <si>
    <t>0463-26-6315</t>
  </si>
  <si>
    <t>株式会社　阿賀野商事</t>
  </si>
  <si>
    <t>株式会社阿賀野商事</t>
  </si>
  <si>
    <t>西真土三丁目21番21号</t>
  </si>
  <si>
    <t>0463-55-4776</t>
  </si>
  <si>
    <t>北村　隆</t>
  </si>
  <si>
    <t>相模冷電</t>
  </si>
  <si>
    <t>萩が丘8番40号</t>
  </si>
  <si>
    <t>0463-87-7353</t>
  </si>
  <si>
    <t>Ohana空調サービス</t>
  </si>
  <si>
    <t>片瀬海岸1丁目8番22～608号</t>
  </si>
  <si>
    <t>鈴木　良一</t>
  </si>
  <si>
    <t>RS電化サービス</t>
  </si>
  <si>
    <t>亀井野2丁目46番地の6　セフィラＹ　102号室</t>
  </si>
  <si>
    <t>090-1707-7174</t>
  </si>
  <si>
    <t>西村　博巳</t>
  </si>
  <si>
    <t>西村空調</t>
  </si>
  <si>
    <t>白旗3丁目10番2号</t>
  </si>
  <si>
    <t>0466-84-2852</t>
  </si>
  <si>
    <t>河野　眞司</t>
  </si>
  <si>
    <t>河野電気</t>
  </si>
  <si>
    <t>万田1丁目15番35-201号コーポKJM B棟</t>
  </si>
  <si>
    <t>堀内　信孝</t>
  </si>
  <si>
    <t>堀内電機</t>
  </si>
  <si>
    <t>鵠沼神明2丁目12番21～205号</t>
  </si>
  <si>
    <t>0466-23-4571</t>
  </si>
  <si>
    <t>フジサービス　株式会社</t>
  </si>
  <si>
    <t>フジサービス株式会社</t>
  </si>
  <si>
    <t>遠藤2011番地の10</t>
  </si>
  <si>
    <t>0466-88-5582</t>
  </si>
  <si>
    <t>リネックス　有限会社</t>
  </si>
  <si>
    <t>リネックス有限会社　大磯リサイクルセンター</t>
  </si>
  <si>
    <t>中郡</t>
  </si>
  <si>
    <t>大磯町生沢967</t>
  </si>
  <si>
    <t>0463-72-4782</t>
  </si>
  <si>
    <t>リネックス有限会社　寒川リサイクルセンター</t>
  </si>
  <si>
    <t>寒川町田端1578番地21</t>
  </si>
  <si>
    <t>0467-55-8991</t>
  </si>
  <si>
    <t>第１－１５４号</t>
  </si>
  <si>
    <t>アステックジャパン　株式会社</t>
  </si>
  <si>
    <t>アステックジャパン株式会社</t>
  </si>
  <si>
    <t>堀山下119-11</t>
  </si>
  <si>
    <t>0463-26-7421</t>
  </si>
  <si>
    <t>第１－１５６号</t>
  </si>
  <si>
    <t>原田　真吾</t>
  </si>
  <si>
    <t>エアーワークス</t>
  </si>
  <si>
    <t>芹沢1063番地1</t>
  </si>
  <si>
    <t>0467-62-1409</t>
  </si>
  <si>
    <t>有限会社　湘南エアシステム</t>
  </si>
  <si>
    <t>有限会社湘南エアシステム</t>
  </si>
  <si>
    <t>東中原一丁目3番14号</t>
  </si>
  <si>
    <t>0463-31-7988</t>
  </si>
  <si>
    <t>第１－１６０号</t>
  </si>
  <si>
    <t>有限会社　協栄工業</t>
  </si>
  <si>
    <t>有限会社協栄工業</t>
  </si>
  <si>
    <t>片瀬三丁目1番36号</t>
  </si>
  <si>
    <t>0466-25-1751</t>
  </si>
  <si>
    <t>有限会社　豊栄エンジニアリング</t>
  </si>
  <si>
    <t>有限会社豊栄エンジニアリング</t>
  </si>
  <si>
    <t>有限会社　ＧＯ－ＭＡＣ</t>
  </si>
  <si>
    <t>有限会社ＧＯ－ＭＡＣ</t>
  </si>
  <si>
    <t>御殿1-31-20</t>
  </si>
  <si>
    <t>0463-32-2819</t>
  </si>
  <si>
    <t>第１－１６６号</t>
  </si>
  <si>
    <t>株式会社　山本電工</t>
  </si>
  <si>
    <t>株式会社山本電工</t>
  </si>
  <si>
    <t>北豊田587番地の2</t>
  </si>
  <si>
    <t>0463-26-3045</t>
  </si>
  <si>
    <t>有限会社　祐和空調</t>
  </si>
  <si>
    <t>有限会社祐和空調</t>
  </si>
  <si>
    <t>寒川町大曲一丁目4番18号</t>
  </si>
  <si>
    <t>0467-75-1249</t>
  </si>
  <si>
    <t>有限会社　青木商店</t>
  </si>
  <si>
    <t>中堂15番12号</t>
  </si>
  <si>
    <t>0463-25-1138</t>
  </si>
  <si>
    <t>吉沢営業所</t>
  </si>
  <si>
    <t>上吉沢720番1</t>
  </si>
  <si>
    <t>0463-58-5114</t>
  </si>
  <si>
    <t>第１－１７５号</t>
  </si>
  <si>
    <t>株式会社　レイダン</t>
  </si>
  <si>
    <t>株式会社レイダン</t>
  </si>
  <si>
    <t>石川二丁目20番地の43</t>
  </si>
  <si>
    <t>0466-76-5739</t>
  </si>
  <si>
    <t>第１－１８２号</t>
  </si>
  <si>
    <t>ヤンテック　株式会社</t>
  </si>
  <si>
    <t>ヤンテック株式会社</t>
  </si>
  <si>
    <t>矢畑1065番地</t>
  </si>
  <si>
    <t>0467-83-4163</t>
  </si>
  <si>
    <t>株式会社　ブルーゲージ</t>
  </si>
  <si>
    <t>株式会社ブルーゲージ</t>
  </si>
  <si>
    <t>遠藤3541-2</t>
  </si>
  <si>
    <t>0466-77-9862</t>
  </si>
  <si>
    <t>第１－１９１号</t>
  </si>
  <si>
    <t>永瀬　譲二</t>
  </si>
  <si>
    <t>エタナル設備</t>
  </si>
  <si>
    <t>菫平12番12-1-604号　パレ平塚すみれ平</t>
  </si>
  <si>
    <t>0463-36-8182</t>
  </si>
  <si>
    <t>マルシン空調　株式会社</t>
  </si>
  <si>
    <t>マルシン空調株式会社</t>
  </si>
  <si>
    <t>高田五丁目2番26号</t>
  </si>
  <si>
    <t>0467-53-5268</t>
  </si>
  <si>
    <t>第１－１９６号</t>
  </si>
  <si>
    <t>大野設備工業　株式会社</t>
  </si>
  <si>
    <t>大野設備工業株式会社</t>
  </si>
  <si>
    <t>善行坂一丁目4番8号</t>
  </si>
  <si>
    <t>0466-81-2375</t>
  </si>
  <si>
    <t>株式会社　大湘</t>
  </si>
  <si>
    <t>株式会社大湘</t>
  </si>
  <si>
    <t>本町二丁目1番25号　Dstage1・2階</t>
  </si>
  <si>
    <t>第１－１９８号</t>
  </si>
  <si>
    <t>神鋼商事　株式会社</t>
  </si>
  <si>
    <t>神鋼商事株式会社</t>
  </si>
  <si>
    <t>大神字下堤外3341番地</t>
  </si>
  <si>
    <t>0463-55-9680</t>
  </si>
  <si>
    <t>株式会社　三觜設備</t>
  </si>
  <si>
    <t>株式会社三觜設備</t>
  </si>
  <si>
    <t>藤沢1098番地</t>
  </si>
  <si>
    <t>エスケイ電工　株式会社</t>
  </si>
  <si>
    <t>エスケイ電工株式会社　本社営業所</t>
  </si>
  <si>
    <t>寒川町大蔵874番地3</t>
  </si>
  <si>
    <t>0467-62-3320</t>
  </si>
  <si>
    <t>有限会社　サクマ</t>
  </si>
  <si>
    <t>有限会社サクマ</t>
  </si>
  <si>
    <t>撫子原11番27号</t>
  </si>
  <si>
    <t>0463-34-0982</t>
  </si>
  <si>
    <t>第１－２０７号</t>
  </si>
  <si>
    <t>湘南エアコン　株式会社</t>
  </si>
  <si>
    <t>湘南エアコン株式会社</t>
  </si>
  <si>
    <t>北金目二丁目8番9号</t>
  </si>
  <si>
    <t>0463-73-7688</t>
  </si>
  <si>
    <t>有限会社　佐藤設備サービス</t>
  </si>
  <si>
    <t>有限会社佐藤設備サービス</t>
  </si>
  <si>
    <t>大庭5070番地の2</t>
  </si>
  <si>
    <t>0466-87-2663</t>
  </si>
  <si>
    <t>第１－２０９号</t>
  </si>
  <si>
    <t>小島　栄司</t>
  </si>
  <si>
    <t>小島メンテナンス</t>
  </si>
  <si>
    <t>下落合626番地の38</t>
  </si>
  <si>
    <t>0463-92-0111</t>
  </si>
  <si>
    <t>丹　三男</t>
  </si>
  <si>
    <t>丹設備</t>
  </si>
  <si>
    <t>浜之郷304番地5</t>
  </si>
  <si>
    <t>0467-87-8266</t>
  </si>
  <si>
    <t>米山　真人</t>
  </si>
  <si>
    <t>米山メンテナンス</t>
  </si>
  <si>
    <t>平和町8番64-20号</t>
  </si>
  <si>
    <t>0467-88-7757</t>
  </si>
  <si>
    <t>第１－２１４号</t>
  </si>
  <si>
    <t>有限会社　プラスエンジニア</t>
  </si>
  <si>
    <t>有限会社プラスエンジニア</t>
  </si>
  <si>
    <t>大磯町生沢340番地8</t>
  </si>
  <si>
    <t>0463-74-4381</t>
  </si>
  <si>
    <t>宮内設備　有限会社</t>
  </si>
  <si>
    <t>宮内設備有限会社</t>
  </si>
  <si>
    <t>高倉709番地4</t>
  </si>
  <si>
    <t>0466-45-7607</t>
  </si>
  <si>
    <t>有限会社　ワイズ</t>
  </si>
  <si>
    <t>有限会社ワイズ</t>
  </si>
  <si>
    <t>四之宮6丁目8-35</t>
  </si>
  <si>
    <t>0463-54-6690</t>
  </si>
  <si>
    <t>有限会社　丸良商事</t>
  </si>
  <si>
    <t>有限会社丸良商事</t>
  </si>
  <si>
    <t>明石町27番4-203号</t>
  </si>
  <si>
    <t>0463-21-0823</t>
  </si>
  <si>
    <t>株式会社　サウンドテクニカ</t>
  </si>
  <si>
    <t>株式会社サウンドテクニカ</t>
  </si>
  <si>
    <t>石川1丁目1番14号</t>
  </si>
  <si>
    <t>0466-87-8839</t>
  </si>
  <si>
    <t>株式会社　金子電機空調</t>
  </si>
  <si>
    <t>株式会社金子電機空調</t>
  </si>
  <si>
    <t>立野町40番12号</t>
  </si>
  <si>
    <t>0463-34-1671</t>
  </si>
  <si>
    <t>有限会社　岩崎電機</t>
  </si>
  <si>
    <t>有限会社岩崎電機</t>
  </si>
  <si>
    <t>下落合9番地の21</t>
  </si>
  <si>
    <t>0463-83-3933</t>
  </si>
  <si>
    <t>第１－２３１号</t>
  </si>
  <si>
    <t>株式会社　リード</t>
  </si>
  <si>
    <t>株式会社リード</t>
  </si>
  <si>
    <t>夕陽ケ丘23番21号ヒロハイツ102号</t>
  </si>
  <si>
    <t>0463-68-0400</t>
  </si>
  <si>
    <t>株式会社　美波</t>
  </si>
  <si>
    <t>株式会社美波</t>
  </si>
  <si>
    <t>葛原2435</t>
  </si>
  <si>
    <t>0466-47-8387</t>
  </si>
  <si>
    <t>渡部　敏之</t>
  </si>
  <si>
    <t>渡部空調</t>
  </si>
  <si>
    <t>下落合392番地の7</t>
  </si>
  <si>
    <t>扶桑工業　株式会社</t>
  </si>
  <si>
    <t>扶桑工業株式会社</t>
  </si>
  <si>
    <t>中原三丁目19番27号</t>
  </si>
  <si>
    <t>0463-32-3200</t>
  </si>
  <si>
    <t>株式会社　郵生</t>
  </si>
  <si>
    <t>株式会社郵生</t>
  </si>
  <si>
    <t>四之宮一丁目2番30号</t>
  </si>
  <si>
    <t>0463-33-3108</t>
  </si>
  <si>
    <t>株式会社　Ｂ－ＴＥＣＨ</t>
  </si>
  <si>
    <t>株式会社Ｂ－ＴＥＣＨ</t>
  </si>
  <si>
    <t>善行坂2-2-3</t>
  </si>
  <si>
    <t>0466-77-1859</t>
  </si>
  <si>
    <t>第１－２４５号</t>
  </si>
  <si>
    <t>株式会社　熊谷空調設備</t>
  </si>
  <si>
    <t>株式会社熊谷空調設備</t>
  </si>
  <si>
    <t>串橋101番地の13</t>
  </si>
  <si>
    <t>0463-26-8730</t>
  </si>
  <si>
    <t>有限会社　ＮＤＳ</t>
  </si>
  <si>
    <t>有限会社ＮＤＳ</t>
  </si>
  <si>
    <t>下土棚1103-1ヴェルディ湘南C101号</t>
  </si>
  <si>
    <t>0466-47-8621</t>
  </si>
  <si>
    <t>株式会社　アイハラ</t>
  </si>
  <si>
    <t>株式会社アイハラ　本社・工場</t>
  </si>
  <si>
    <t>田村九丁目21番32号</t>
  </si>
  <si>
    <t>0463-54-0112</t>
  </si>
  <si>
    <t>株式会社　松田空調</t>
  </si>
  <si>
    <t>株式会社松田空調</t>
  </si>
  <si>
    <t>三ノ宮397番地の4</t>
  </si>
  <si>
    <t>080-5030-1232</t>
  </si>
  <si>
    <t>有限会社　タワー技研</t>
  </si>
  <si>
    <t>有限会社タワー技研</t>
  </si>
  <si>
    <t>堀西626番地25</t>
  </si>
  <si>
    <t>第１－２５８号</t>
  </si>
  <si>
    <t>有限会社　エム・テック</t>
  </si>
  <si>
    <t>有限会社エム・テック</t>
  </si>
  <si>
    <t>南湖二丁目12番26－2号</t>
  </si>
  <si>
    <t>0467-57-3278</t>
  </si>
  <si>
    <t>株式会社　奥野空調</t>
  </si>
  <si>
    <t>株式会社奥野空調</t>
  </si>
  <si>
    <t>萩園3161番地1-107号</t>
  </si>
  <si>
    <t>0467-85-0312</t>
  </si>
  <si>
    <t>有限会社　西山空調サービス</t>
  </si>
  <si>
    <t>有限会社西山空調サービス</t>
  </si>
  <si>
    <t>寒川町中瀬31番9号</t>
  </si>
  <si>
    <t>0467-84-7713</t>
  </si>
  <si>
    <t>第１－２６２号</t>
  </si>
  <si>
    <t>ひまわり設備　株式会社</t>
  </si>
  <si>
    <t>ひまわり設備株式会社</t>
  </si>
  <si>
    <t>石田231-7</t>
  </si>
  <si>
    <t>0463-96-4426</t>
  </si>
  <si>
    <t>株式会社　豊福空調</t>
  </si>
  <si>
    <t>株式会社豊福空調</t>
  </si>
  <si>
    <t>東真土四丁目13番28号</t>
  </si>
  <si>
    <t>0463-26-7027</t>
  </si>
  <si>
    <t>第１－２６４号</t>
  </si>
  <si>
    <t>株式会社　Ｔ’ｓ　ＦＡＣＴＯＲＹ</t>
  </si>
  <si>
    <t>株式会社Ｔ’ｓ　ＦＡＣＴＯＲＹ</t>
  </si>
  <si>
    <t>遠藤2018番地12</t>
  </si>
  <si>
    <t>0466-87-8728</t>
  </si>
  <si>
    <t>関　清乃夫</t>
  </si>
  <si>
    <t>茅ヶ崎空調サービス</t>
  </si>
  <si>
    <t>柳島2丁目11番75-1号</t>
  </si>
  <si>
    <t>090-6136-1977</t>
  </si>
  <si>
    <t>有限会社　湘南技建</t>
  </si>
  <si>
    <t>有限会社湘南技建</t>
  </si>
  <si>
    <t>辻堂神台二丁目7番23号</t>
  </si>
  <si>
    <t>0466-34-8390</t>
  </si>
  <si>
    <t>設備リフォーム　株式会社</t>
  </si>
  <si>
    <t>設備リフォーム株式会社</t>
  </si>
  <si>
    <t>辻堂元町五丁目16番29号</t>
  </si>
  <si>
    <t>0466-36-1121</t>
  </si>
  <si>
    <t>第１－２６９号</t>
  </si>
  <si>
    <t>ユニコン工業　株式会社</t>
  </si>
  <si>
    <t>ユニコン工業株式会社</t>
  </si>
  <si>
    <t>南金目752番地の1</t>
  </si>
  <si>
    <t>0463-58-4477</t>
  </si>
  <si>
    <t>有限会社　大栄冷熱</t>
  </si>
  <si>
    <t>有限会社大栄冷熱</t>
  </si>
  <si>
    <t>寒川町倉見2088番地の3</t>
  </si>
  <si>
    <t>0467-72-6034</t>
  </si>
  <si>
    <t>株式会社　アスカ湘南テクノ</t>
  </si>
  <si>
    <t>株式会社アスカ湘南テクノ</t>
  </si>
  <si>
    <t>亀井野305番地</t>
  </si>
  <si>
    <t>0466-54-8012</t>
  </si>
  <si>
    <t>湘南デンキサービス　株式会社</t>
  </si>
  <si>
    <t>湘南デンキサービス株式会社</t>
  </si>
  <si>
    <t>菱沼三丁目17番20号</t>
  </si>
  <si>
    <t>0467-52-8843</t>
  </si>
  <si>
    <t>株式会社　Ｃｏｚｙ　Ｐｌｕｓ　Ｉｎｃｏｒｐｏｒａｔｅ</t>
  </si>
  <si>
    <t>株式会社Ｃｏｚｙ　Ｐｌｕｓ　Ｉｎｃｏｒｐｏｒａｔｅ</t>
  </si>
  <si>
    <t>緑が浜12番10-802号</t>
  </si>
  <si>
    <t>0467-28-7705</t>
  </si>
  <si>
    <t>夛田　守</t>
  </si>
  <si>
    <t>宝永産業</t>
  </si>
  <si>
    <t>浜竹1丁目1番18-2号</t>
  </si>
  <si>
    <t>045-232-4831</t>
  </si>
  <si>
    <t>株式会社　祐川電気商会</t>
  </si>
  <si>
    <t>株式会社祐川電気商会</t>
  </si>
  <si>
    <t>岡崎6237番地の12</t>
  </si>
  <si>
    <t>0463-58-5608</t>
  </si>
  <si>
    <t>株式会社　橋本空調サービス</t>
  </si>
  <si>
    <t>株式会社橋本空調サービス</t>
  </si>
  <si>
    <t>打戻2458番地の15</t>
  </si>
  <si>
    <t>0466-48-9555</t>
  </si>
  <si>
    <t>スガイ設備　株式会社</t>
  </si>
  <si>
    <t>スガイ設備株式会社</t>
  </si>
  <si>
    <t>稲荷一丁目11番15号　スカイヴィレッジA棟101号室</t>
  </si>
  <si>
    <t>0466-86-5682</t>
  </si>
  <si>
    <t>有限会社　正木空調工業</t>
  </si>
  <si>
    <t>有限会社正木空調工業</t>
  </si>
  <si>
    <t>沼目四丁目10番12号</t>
  </si>
  <si>
    <t>0463-96-5527</t>
  </si>
  <si>
    <t>有限会社　大石空調</t>
  </si>
  <si>
    <t>有限会社大石空調</t>
  </si>
  <si>
    <t>松が丘一丁目5番15号</t>
  </si>
  <si>
    <t>0467-26-0039</t>
  </si>
  <si>
    <t>株式会社　岸空調</t>
  </si>
  <si>
    <t>株式会社岸空調</t>
  </si>
  <si>
    <t>東真土四丁目11番43号</t>
  </si>
  <si>
    <t>0463-80-8855</t>
  </si>
  <si>
    <t>株式会社　湘南ブレーキセンター</t>
  </si>
  <si>
    <t>株式会社湘南ブレーキセンター</t>
  </si>
  <si>
    <t>大島778番地の1</t>
  </si>
  <si>
    <t>0463-55-1816</t>
  </si>
  <si>
    <t>有限会社　田原空調サービス</t>
  </si>
  <si>
    <t>有限会社田原空調サービス</t>
  </si>
  <si>
    <t>西田原167番地の7</t>
  </si>
  <si>
    <t>勝又　紘</t>
  </si>
  <si>
    <t>勝又冷凍機商会</t>
  </si>
  <si>
    <t>並木台一丁目1番地の18</t>
  </si>
  <si>
    <t>0466-23-8374</t>
  </si>
  <si>
    <t>第１－２９０号</t>
  </si>
  <si>
    <t>有限会社　セントラルハウスサービス</t>
  </si>
  <si>
    <t>有限会社セントラルハウスサービス</t>
  </si>
  <si>
    <t>村岡東三丁目22番地の10</t>
  </si>
  <si>
    <t>0466-23-1123</t>
  </si>
  <si>
    <t>株式会社　下田商会</t>
  </si>
  <si>
    <t>株式会社下田商会</t>
  </si>
  <si>
    <t>四之宮二丁目3番72号</t>
  </si>
  <si>
    <t>0463-22-0262</t>
  </si>
  <si>
    <t>相模工設　株式会社</t>
  </si>
  <si>
    <t>相模工設株式会社</t>
  </si>
  <si>
    <t>菱沼一丁目6番17号</t>
  </si>
  <si>
    <t>0467-53-3531</t>
  </si>
  <si>
    <t>中島　淳</t>
  </si>
  <si>
    <t>ナカジマ空調</t>
  </si>
  <si>
    <t>寒川町岡田1丁目21番地2</t>
  </si>
  <si>
    <t>090-3221-3602</t>
  </si>
  <si>
    <t>吉田　政俊</t>
  </si>
  <si>
    <t>日向ラインサービス</t>
  </si>
  <si>
    <t>高田4丁目6番32号</t>
  </si>
  <si>
    <t>株式会社　本田空調設備</t>
  </si>
  <si>
    <t>株式会社本田空調設備</t>
  </si>
  <si>
    <t>萩園1161番地1</t>
  </si>
  <si>
    <t>0467-39-6408</t>
  </si>
  <si>
    <t>藤田　一重</t>
  </si>
  <si>
    <t>フジデン</t>
  </si>
  <si>
    <t>中原3丁目7番7号</t>
  </si>
  <si>
    <t>0463-34-8801</t>
  </si>
  <si>
    <t>株式会社　SYSTEM0103</t>
  </si>
  <si>
    <t>株式会社SYSTEM0103</t>
  </si>
  <si>
    <t>常盤町2番60号</t>
  </si>
  <si>
    <t>0467-28-1173</t>
  </si>
  <si>
    <t>有限会社　ヤナセ冷機</t>
  </si>
  <si>
    <t>有限会社ヤナセ冷機</t>
  </si>
  <si>
    <t>白旗二丁目13番9号</t>
  </si>
  <si>
    <t>0466-83-3266</t>
  </si>
  <si>
    <t>株式会社　ＫＲ</t>
  </si>
  <si>
    <t>株式会社ＫＲ</t>
  </si>
  <si>
    <t>公所223番地の2</t>
  </si>
  <si>
    <t>齋藤　正孝</t>
  </si>
  <si>
    <t>斎藤電気</t>
  </si>
  <si>
    <t>南金目1854番地の2</t>
  </si>
  <si>
    <t>0463-68-9250</t>
  </si>
  <si>
    <t>川又　大</t>
  </si>
  <si>
    <t>エコシステム</t>
  </si>
  <si>
    <t>松浪2丁目8番23号</t>
  </si>
  <si>
    <t>渡邉　将博</t>
  </si>
  <si>
    <t>渡辺エンジニアリング</t>
  </si>
  <si>
    <t>寒川町倉見1811番地20</t>
  </si>
  <si>
    <t>080-5197-8876</t>
  </si>
  <si>
    <t>石井　恵一</t>
  </si>
  <si>
    <t>アイシーアイ　ＩＣＩ</t>
  </si>
  <si>
    <t>尾尻353番地の4</t>
  </si>
  <si>
    <t>090-7072-9344</t>
  </si>
  <si>
    <t>菖蒲沢1208</t>
  </si>
  <si>
    <t>中島　寛明</t>
  </si>
  <si>
    <t>湘南空調</t>
  </si>
  <si>
    <t>寒川町宮山3477番地31</t>
  </si>
  <si>
    <t>080-1058-1922</t>
  </si>
  <si>
    <t>有限会社　Ｔ．ＴＲＹ</t>
  </si>
  <si>
    <t>有限会社Ｔ．ＴＲＹ</t>
  </si>
  <si>
    <t>中原三丁目2番3号</t>
  </si>
  <si>
    <t>0463-35-3568</t>
  </si>
  <si>
    <t>眞山　健太郎</t>
  </si>
  <si>
    <t>山健設備</t>
  </si>
  <si>
    <t>石川651番地の6　エクセル湘南Ｇ201</t>
  </si>
  <si>
    <t>鈴木　順一</t>
  </si>
  <si>
    <t>江成電工</t>
  </si>
  <si>
    <t>東真土3-6-6　メゾン真土101</t>
  </si>
  <si>
    <t>0463-45-1113</t>
  </si>
  <si>
    <t>武内　智之</t>
  </si>
  <si>
    <t>武内冷電</t>
  </si>
  <si>
    <t>平沢503番地の9</t>
  </si>
  <si>
    <t>0463-68-4562</t>
  </si>
  <si>
    <t>株式会社　ＴＴＩ</t>
  </si>
  <si>
    <t>株式会社ＴＴＩ</t>
  </si>
  <si>
    <t>東中原二丁目2番22号</t>
  </si>
  <si>
    <t>0463-79-9723</t>
  </si>
  <si>
    <t>有限会社　Ｓ．Ｙコーポレーション</t>
  </si>
  <si>
    <t>有限会社Ｓ．Ｙコーポレーション</t>
  </si>
  <si>
    <t>下糟屋2383番地</t>
  </si>
  <si>
    <t>0463-75-8168</t>
  </si>
  <si>
    <t>テクノプライム　株式会社</t>
  </si>
  <si>
    <t>テクノプライム株式会社</t>
  </si>
  <si>
    <t>高倉2159番地の6</t>
  </si>
  <si>
    <t>0466-45-8400</t>
  </si>
  <si>
    <t>湘南エクシア　株式会社</t>
  </si>
  <si>
    <t>湘南エクシア株式会社</t>
  </si>
  <si>
    <t>南が丘四丁目5番地の29</t>
  </si>
  <si>
    <t>090-7632-9422</t>
  </si>
  <si>
    <t>新青設備　株式会社</t>
  </si>
  <si>
    <t>新青設備株式会社</t>
  </si>
  <si>
    <t>幸町11-8</t>
  </si>
  <si>
    <t>0467-53-8673</t>
  </si>
  <si>
    <t>有限会社　サンクリーン</t>
  </si>
  <si>
    <t>有限会社サンクリーン</t>
  </si>
  <si>
    <t>千石河岸41番9号</t>
  </si>
  <si>
    <t>0463-79-8552</t>
  </si>
  <si>
    <t>田村　竜二</t>
  </si>
  <si>
    <t>ブレスド</t>
  </si>
  <si>
    <t>南豊田583番地の7</t>
  </si>
  <si>
    <t>0463-45-4693</t>
  </si>
  <si>
    <t>株式会社　小林冷設</t>
  </si>
  <si>
    <t>株式会社小林冷設</t>
  </si>
  <si>
    <t>平和町8番23号</t>
  </si>
  <si>
    <t>株式会社　滝山工業</t>
  </si>
  <si>
    <t>株式会社滝山工業</t>
  </si>
  <si>
    <t>片岡929番地6</t>
  </si>
  <si>
    <t>0463-59-0474</t>
  </si>
  <si>
    <t>株式会社　久保機械設備工業</t>
  </si>
  <si>
    <t>株式会社久保機械設備工業</t>
  </si>
  <si>
    <t>西真土一丁目3番60号</t>
  </si>
  <si>
    <t>0463-75-8191</t>
  </si>
  <si>
    <t>有限会社　二見電気商会</t>
  </si>
  <si>
    <t>有限会社二見電気商会</t>
  </si>
  <si>
    <t>沼目五丁目5番23号</t>
  </si>
  <si>
    <t>0463-95-3044</t>
  </si>
  <si>
    <t>株式会社　Ｄ－ＲＩＳＥ　Ｃｏｒｐｏｒａｔｉｏｎ</t>
  </si>
  <si>
    <t>株式会社Ｄ－ＲＩＳＥ　Ｃｏｒｐｏｒａｔｉｏｎ</t>
  </si>
  <si>
    <t>下落合69番5号</t>
  </si>
  <si>
    <t>0463-90-1344</t>
  </si>
  <si>
    <t>Ｎ－Ｆａｃｉｌｉｔｙ　株式会社</t>
  </si>
  <si>
    <t>Ｎ－Ｆａｃｉｌｉｔｙ株式会社</t>
  </si>
  <si>
    <t>大磯町東小磯179番地</t>
  </si>
  <si>
    <t>0463-45-0393</t>
  </si>
  <si>
    <t>第１－３３４号</t>
  </si>
  <si>
    <t>株式会社　湘葉エンジニアリング</t>
  </si>
  <si>
    <t>株式会社湘洋エンジニアリング</t>
  </si>
  <si>
    <t>辻堂元町一丁目12番6号</t>
  </si>
  <si>
    <t>遠藤3609-3</t>
  </si>
  <si>
    <t>0466-52-8031</t>
  </si>
  <si>
    <t>後藤　節先</t>
  </si>
  <si>
    <t>後藤総業</t>
  </si>
  <si>
    <t>寒川町宮山3047番地1</t>
  </si>
  <si>
    <t>0467-75-4833</t>
  </si>
  <si>
    <t>株式会社　児玉通信</t>
  </si>
  <si>
    <t>株式会社児玉通信</t>
  </si>
  <si>
    <t>甘沼807-1</t>
  </si>
  <si>
    <t>0467-50-1335</t>
  </si>
  <si>
    <t>有限会社　しょうなん空調</t>
  </si>
  <si>
    <t>有限会社しょうなん空調</t>
  </si>
  <si>
    <t>寺田縄938番7</t>
  </si>
  <si>
    <t>合同会社　ＦＣＫ</t>
  </si>
  <si>
    <t>合同会社ＦＣＫ</t>
  </si>
  <si>
    <t>善行七丁目5番地2号</t>
  </si>
  <si>
    <t>070-6528-0218</t>
  </si>
  <si>
    <t>沼里　祐太</t>
  </si>
  <si>
    <t>沼里空調</t>
  </si>
  <si>
    <t>纒672番地の3</t>
  </si>
  <si>
    <t>0463-71-5165</t>
  </si>
  <si>
    <t>第１－３４１号</t>
  </si>
  <si>
    <t>ライフライン湘南　株式会社</t>
  </si>
  <si>
    <t>ライフライン湘南株式会社</t>
  </si>
  <si>
    <t>善行坂一丁目4番8号　大野第2ビル301号室</t>
  </si>
  <si>
    <t>0466-81-7730</t>
  </si>
  <si>
    <t>土屋　雅昭</t>
  </si>
  <si>
    <t>つちや空調</t>
  </si>
  <si>
    <t>徳延2番地の1　ベルフォーレB 101号</t>
  </si>
  <si>
    <t>0463-32-6287</t>
  </si>
  <si>
    <t>大熊　健太</t>
  </si>
  <si>
    <t>ベアテック</t>
  </si>
  <si>
    <t>香川6丁目29番43-11号</t>
  </si>
  <si>
    <t>090-9330-5580</t>
  </si>
  <si>
    <t>株式会社　三興</t>
  </si>
  <si>
    <t>株式会社三興</t>
  </si>
  <si>
    <t>平塚二丁目1番11号</t>
  </si>
  <si>
    <t>0463-35-3535</t>
  </si>
  <si>
    <t>第１－３４５号</t>
  </si>
  <si>
    <t>トーエイ空調　株式会社</t>
  </si>
  <si>
    <t>トーエイ空調株式会社</t>
  </si>
  <si>
    <t>大庭5425番地の21</t>
  </si>
  <si>
    <t>0466-88-0910</t>
  </si>
  <si>
    <t>髙田　隆志</t>
  </si>
  <si>
    <t>ホームサポート　秦野</t>
  </si>
  <si>
    <t>羽根87番地の15</t>
  </si>
  <si>
    <t>0463-68-3204</t>
  </si>
  <si>
    <t>株式会社　ケー・アイル</t>
  </si>
  <si>
    <t>株式会社ケー・アイル</t>
  </si>
  <si>
    <t>万田962番地の11</t>
  </si>
  <si>
    <t>0463-37-6373</t>
  </si>
  <si>
    <t>イーアイプランニング　株式会社</t>
  </si>
  <si>
    <t>イーアイプランニング株式会社</t>
  </si>
  <si>
    <t>四之宮四丁目11番28号</t>
  </si>
  <si>
    <t>0463-86-6877</t>
  </si>
  <si>
    <t>三陽リペア　株式会社</t>
  </si>
  <si>
    <t>三陽リペア株式会社</t>
  </si>
  <si>
    <t>今宿412番地32</t>
  </si>
  <si>
    <t>0467-67-6444</t>
  </si>
  <si>
    <t>株式会社　湘南エアソリューション</t>
  </si>
  <si>
    <t>株式会社湘南エアソリューション</t>
  </si>
  <si>
    <t>松林二丁目1-3</t>
  </si>
  <si>
    <t>0467-95-9596</t>
  </si>
  <si>
    <t>河西空調　株式会社</t>
  </si>
  <si>
    <t>河西空調株式会社</t>
  </si>
  <si>
    <t>豊田本郷1795番地の1</t>
  </si>
  <si>
    <t>0463-67-6039</t>
  </si>
  <si>
    <t>児玉　司</t>
  </si>
  <si>
    <t>ＴＡＭＡＴＥＣ</t>
  </si>
  <si>
    <t>寒川町小谷2丁目1番31号</t>
  </si>
  <si>
    <t>0467-95-7720</t>
  </si>
  <si>
    <t>宮田　雅彦</t>
  </si>
  <si>
    <t>アクト</t>
  </si>
  <si>
    <t>北金目3丁目33番33号</t>
  </si>
  <si>
    <t>0463-59-6007</t>
  </si>
  <si>
    <t>ケイエス電業　株式会社</t>
  </si>
  <si>
    <t>ケイエス電業株式会社</t>
  </si>
  <si>
    <t>今泉569番地</t>
  </si>
  <si>
    <t>080-5692-5197</t>
  </si>
  <si>
    <t>瀬戸　勝</t>
  </si>
  <si>
    <t>エステックサ_x000D_ービス</t>
  </si>
  <si>
    <t>羽鳥3丁目2番15号</t>
  </si>
  <si>
    <t>090-2170-9991</t>
  </si>
  <si>
    <t>株式会社　弘立</t>
  </si>
  <si>
    <t>株式会社弘立</t>
  </si>
  <si>
    <t>大神1876番地1</t>
  </si>
  <si>
    <t>0463-54-6630</t>
  </si>
  <si>
    <t>五島　剛</t>
  </si>
  <si>
    <t>ティーエレック</t>
  </si>
  <si>
    <t>片瀬目白山3番12号</t>
  </si>
  <si>
    <t>0466-22-9332</t>
  </si>
  <si>
    <t>株式会社　丹野設備工業所</t>
  </si>
  <si>
    <t>株式会社丹野設備工業所</t>
  </si>
  <si>
    <t>上粕屋448番地の19</t>
  </si>
  <si>
    <t>0463-93-0662</t>
  </si>
  <si>
    <t>株式会社　神工冷熱</t>
  </si>
  <si>
    <t>株式会社神工冷熱</t>
  </si>
  <si>
    <t>田村一丁目21番21-1号</t>
  </si>
  <si>
    <t>090-8592-8760</t>
  </si>
  <si>
    <t>株式会社　ＡＩＲ　ＲＩＳＥ</t>
  </si>
  <si>
    <t>株式会社ＡＩＲ　ＲＩＳＥ</t>
  </si>
  <si>
    <t>東中原2-24-10</t>
  </si>
  <si>
    <t>080-4884-4004</t>
  </si>
  <si>
    <t>株式会社　幸和</t>
  </si>
  <si>
    <t>株式会社幸和</t>
  </si>
  <si>
    <t>寒川町小谷4-10-24</t>
  </si>
  <si>
    <t>ＫＭＥ　株式会社</t>
  </si>
  <si>
    <t>ＫＭＥ株式会社</t>
  </si>
  <si>
    <t>東真土三丁目8番64号</t>
  </si>
  <si>
    <t>Ｙ’ｍ　Ｓｅｒｖｉｃｅ　合同会社</t>
  </si>
  <si>
    <t>Ｙ’ｍ　Ｓｅｒｖｉｃｅ合同会社</t>
  </si>
  <si>
    <t>四之宮二丁目14-44</t>
  </si>
  <si>
    <t>有限会社　岸谷電気</t>
  </si>
  <si>
    <t>有限会社岸谷電気</t>
  </si>
  <si>
    <t>東真土四丁目19番21号</t>
  </si>
  <si>
    <t>株式会社　添田工務所</t>
  </si>
  <si>
    <t>株式会社添田工務所</t>
  </si>
  <si>
    <t>大磯町国府本郷1379番地</t>
  </si>
  <si>
    <t>石田　淳</t>
  </si>
  <si>
    <t>石田空調</t>
  </si>
  <si>
    <t>田村7丁目28番30-1号</t>
  </si>
  <si>
    <t>第１－３６９号</t>
  </si>
  <si>
    <t>古野　芳博</t>
  </si>
  <si>
    <t>ヒールドヒール</t>
  </si>
  <si>
    <t>寒川町岡田8丁目29番2号</t>
  </si>
  <si>
    <t>武田　和久</t>
  </si>
  <si>
    <t>武田電気</t>
  </si>
  <si>
    <t>石川4丁目20番地の1</t>
  </si>
  <si>
    <t>ツヅキ工業　株式会社</t>
  </si>
  <si>
    <t>ツヅキ工業株式会社</t>
  </si>
  <si>
    <t>旭が丘1番11号</t>
  </si>
  <si>
    <t>株式会社　協林</t>
  </si>
  <si>
    <t>株式会社協林</t>
  </si>
  <si>
    <t>遠藤2006番地の24</t>
  </si>
  <si>
    <t>有限会社　平電気企画</t>
  </si>
  <si>
    <t>有限会社平電気企画</t>
  </si>
  <si>
    <t>小稲葉255番地の1</t>
  </si>
  <si>
    <t>原　伸二</t>
  </si>
  <si>
    <t>ＨＫ　Ｓｅｒｖｉｃｅ</t>
  </si>
  <si>
    <t>東田原161番地の12</t>
  </si>
  <si>
    <t>第１－３７５号</t>
  </si>
  <si>
    <t>並木台二丁目11番地の1　ヒルクレスト湘南201号室</t>
  </si>
  <si>
    <t>株式会社　ＡＬＭＡＴＥＣ</t>
  </si>
  <si>
    <t>株式会社ＡＬＭＡＴＥＣ</t>
  </si>
  <si>
    <t>大庭5220番地の18</t>
  </si>
  <si>
    <t>株式会社　ＮＥＸ</t>
  </si>
  <si>
    <t>株式会社ＮＥＸ</t>
  </si>
  <si>
    <t>南金目753番地の12</t>
  </si>
  <si>
    <t>有限会社　ＴＡＫコンサルティング</t>
  </si>
  <si>
    <t>有限会社ＴＡＫコンサルティング</t>
  </si>
  <si>
    <t>片瀬四丁目1番14号</t>
  </si>
  <si>
    <t>合同会社　ＳＫＹ</t>
  </si>
  <si>
    <t>合同会社ＳＫＹ</t>
  </si>
  <si>
    <t>辻堂五丁目18番15号</t>
  </si>
  <si>
    <t>株式会社　高須工房</t>
  </si>
  <si>
    <t>株式会社高須工房</t>
  </si>
  <si>
    <t>天神町二丁目12番地の8</t>
  </si>
  <si>
    <t>株式会社　いすゞテクノ</t>
  </si>
  <si>
    <t>株式会社いすゞテクノ</t>
  </si>
  <si>
    <t>有限会社　英光電気</t>
  </si>
  <si>
    <t>新井　徹雄</t>
  </si>
  <si>
    <t>株式会社湘南ライフテクノ</t>
  </si>
  <si>
    <t>株式会社ＫＩ空調</t>
  </si>
  <si>
    <t>神(西セ)</t>
  </si>
  <si>
    <t>株式会社　平沼商店</t>
  </si>
  <si>
    <t>株式会社平沼商店</t>
  </si>
  <si>
    <t>中町三丁目14番20号</t>
  </si>
  <si>
    <t>0465-22-2496</t>
  </si>
  <si>
    <t>アソー熱工業　株式会社</t>
  </si>
  <si>
    <t>アソー熱工業株式会社</t>
  </si>
  <si>
    <t>中曽根31番地12</t>
  </si>
  <si>
    <t>0465-36-7830</t>
  </si>
  <si>
    <t>小田原冷機工業　株式会社</t>
  </si>
  <si>
    <t>小田原冷機工業株式会社</t>
  </si>
  <si>
    <t>寿町二丁目3番7号</t>
  </si>
  <si>
    <t>0465-66-0010</t>
  </si>
  <si>
    <t>第１－５号</t>
  </si>
  <si>
    <t>有限会社　信和冷機工業所</t>
  </si>
  <si>
    <t>有限会社信和冷機工業所</t>
  </si>
  <si>
    <t>南鴨宮一丁目2番26号</t>
  </si>
  <si>
    <t>株式会社　ＫＲＳ</t>
  </si>
  <si>
    <t>株式会社ＫＲＳ</t>
  </si>
  <si>
    <t>寿町四丁目19番2号</t>
  </si>
  <si>
    <t>0465-34-6832</t>
  </si>
  <si>
    <t>第１－１２号</t>
  </si>
  <si>
    <t>湯河原冷凍機　株式会社</t>
  </si>
  <si>
    <t>湯河原冷凍機株式会社</t>
  </si>
  <si>
    <t>足柄下郡</t>
  </si>
  <si>
    <t>湯河原町鍛冶屋854番地の16</t>
  </si>
  <si>
    <t>0465-63-4346</t>
  </si>
  <si>
    <t>扇町三丁目12番1号</t>
  </si>
  <si>
    <t>0465-25-1250</t>
  </si>
  <si>
    <t>第１－１６号</t>
  </si>
  <si>
    <t>有限会社　デイ設備</t>
  </si>
  <si>
    <t>有限会社デイ設備</t>
  </si>
  <si>
    <t>千代217番地の5</t>
  </si>
  <si>
    <t>0465-42-4407</t>
  </si>
  <si>
    <t>第１－１７号</t>
  </si>
  <si>
    <t>有限会社　昭和温調</t>
  </si>
  <si>
    <t>有限会社昭和温調</t>
  </si>
  <si>
    <t>酒匂四丁目8番17号</t>
  </si>
  <si>
    <t>0465-48-1171</t>
  </si>
  <si>
    <t>田中　哲也</t>
  </si>
  <si>
    <t>タナカ冷熱工業</t>
  </si>
  <si>
    <t>飯田岡97番地の6</t>
  </si>
  <si>
    <t>0465-36-7095</t>
  </si>
  <si>
    <t>第１－２５号</t>
  </si>
  <si>
    <t>有限会社　ユニオン商会</t>
  </si>
  <si>
    <t>有限会社ユニオン商会</t>
  </si>
  <si>
    <t>南町二丁目2番58号</t>
  </si>
  <si>
    <t>0465-23-1451</t>
  </si>
  <si>
    <t>第１－２７号</t>
  </si>
  <si>
    <t>有限会社　福住工業</t>
  </si>
  <si>
    <t>有限会社福住工業</t>
  </si>
  <si>
    <t>箱根町湯本茶屋28番地</t>
  </si>
  <si>
    <t>0460-85-7436</t>
  </si>
  <si>
    <t>株式会社　ハイ・テツク</t>
  </si>
  <si>
    <t>株式会社ハイ・テツク</t>
  </si>
  <si>
    <t>西酒匂二丁目7番17号</t>
  </si>
  <si>
    <t>0465-47-8381</t>
  </si>
  <si>
    <t>第１－３６号</t>
  </si>
  <si>
    <t>有限会社　エーシーエスプランナー</t>
  </si>
  <si>
    <t>有限会社エーシーエスプランナー</t>
  </si>
  <si>
    <t>湯河原町吉浜1916番地の21</t>
  </si>
  <si>
    <t>0465-60-3288</t>
  </si>
  <si>
    <t>有限会社　ナミフサ設備</t>
  </si>
  <si>
    <t>有限会社ナミフサ設備</t>
  </si>
  <si>
    <t>湯河原町鍛冶屋３３５番地の１２</t>
  </si>
  <si>
    <t>0465-62-9295</t>
  </si>
  <si>
    <t>有限会社　高村空調設備</t>
  </si>
  <si>
    <t>有限会社高村空調設備</t>
  </si>
  <si>
    <t>成田242番地の1</t>
  </si>
  <si>
    <t>0465-20-7563</t>
  </si>
  <si>
    <t>有限会社　箱根美掃</t>
  </si>
  <si>
    <t>有限会社箱根美掃</t>
  </si>
  <si>
    <t>箱根町仙石原433番地</t>
  </si>
  <si>
    <t>0460-84-7868</t>
  </si>
  <si>
    <t>鈴木　勝也</t>
  </si>
  <si>
    <t>開成テクニカル</t>
  </si>
  <si>
    <t>曽比1663番地の5</t>
  </si>
  <si>
    <t>0465-38-0562</t>
  </si>
  <si>
    <t>橋本　文明</t>
  </si>
  <si>
    <t>ＬＥＣ’Ｓアトム</t>
  </si>
  <si>
    <t>真鶴町真鶴151番地</t>
  </si>
  <si>
    <t>0465-68-6236</t>
  </si>
  <si>
    <t>岩崎　金利</t>
  </si>
  <si>
    <t>日進工業</t>
  </si>
  <si>
    <t>戸塚区戸塚町1690</t>
  </si>
  <si>
    <t>045-861-3241</t>
  </si>
  <si>
    <t>新陽冷熱工業　株式会社</t>
  </si>
  <si>
    <t>新陽冷熱工業株式会社</t>
  </si>
  <si>
    <t>下大井399番地6</t>
  </si>
  <si>
    <t>0465-37-3333</t>
  </si>
  <si>
    <t>石本　正明</t>
  </si>
  <si>
    <t>石本空設</t>
  </si>
  <si>
    <t>湯河原町宮上289番地の33</t>
  </si>
  <si>
    <t>0465-62-0957</t>
  </si>
  <si>
    <t>株式会社　フジ・ベンテック</t>
  </si>
  <si>
    <t>株式会社フジ・ベンテック</t>
  </si>
  <si>
    <t>曽比1466番地の1</t>
  </si>
  <si>
    <t>0465-37-0010</t>
  </si>
  <si>
    <t>松本　勝八</t>
  </si>
  <si>
    <t>松本冷凍機</t>
  </si>
  <si>
    <t>栄町4丁目10番21号</t>
  </si>
  <si>
    <t>0465-22-2668</t>
  </si>
  <si>
    <t>第１－５３号</t>
  </si>
  <si>
    <t>アライ・リステム　株式会社</t>
  </si>
  <si>
    <t>アライ・リステム株式会社　山北工場</t>
  </si>
  <si>
    <t>足柄上郡</t>
  </si>
  <si>
    <t>山北町山北2960番地1</t>
  </si>
  <si>
    <t>0465-79-1131</t>
  </si>
  <si>
    <t>布施　法行</t>
  </si>
  <si>
    <t>布施冷熱</t>
  </si>
  <si>
    <t>延清89番地の7</t>
  </si>
  <si>
    <t>0465-36-1290</t>
  </si>
  <si>
    <t>有限会社　伝々設備工業</t>
  </si>
  <si>
    <t>有限会社伝々設備工業</t>
  </si>
  <si>
    <t>蓮正寺761番地の6</t>
  </si>
  <si>
    <t>株式会社　三宅電気工業所</t>
  </si>
  <si>
    <t>株式会社三宅電気工業所</t>
  </si>
  <si>
    <t>西大友208番地6</t>
  </si>
  <si>
    <t>0465-39-0003</t>
  </si>
  <si>
    <t>有限会社　田中冷凍機</t>
  </si>
  <si>
    <t>有限会社田中冷凍機</t>
  </si>
  <si>
    <t>曽比3160番地</t>
  </si>
  <si>
    <t>0465-36-0497</t>
  </si>
  <si>
    <t>第１－６１号</t>
  </si>
  <si>
    <t>久保寺　明</t>
  </si>
  <si>
    <t>久保寺冷熱工業</t>
  </si>
  <si>
    <t>大井町金子2946番地9</t>
  </si>
  <si>
    <t>0465-83-5086</t>
  </si>
  <si>
    <t>株式会社　東海設備工業</t>
  </si>
  <si>
    <t>株式会社東海設備工業</t>
  </si>
  <si>
    <t>桑原569番地</t>
  </si>
  <si>
    <t>0465-39-2828</t>
  </si>
  <si>
    <t>第１－６４号</t>
  </si>
  <si>
    <t>株式会社　ハイブリテック</t>
  </si>
  <si>
    <t>株式会社ハイブリテック</t>
  </si>
  <si>
    <t>中井町境20番地</t>
  </si>
  <si>
    <t>0465-80-1922</t>
  </si>
  <si>
    <t>株式会社　ケーアイシステム</t>
  </si>
  <si>
    <t>株式会社ケーアイシステム</t>
  </si>
  <si>
    <t>怒田1618番地の3</t>
  </si>
  <si>
    <t>0465-74-1585</t>
  </si>
  <si>
    <t>有限会社　榎本電気商会</t>
  </si>
  <si>
    <t>有限会社榎本電気商会</t>
  </si>
  <si>
    <t>中井町北田393番地</t>
  </si>
  <si>
    <t>0465-81-0341</t>
  </si>
  <si>
    <t>株式会社　ライフテック</t>
  </si>
  <si>
    <t>株式会社ライフテック</t>
  </si>
  <si>
    <t>矢作115番地の5</t>
  </si>
  <si>
    <t>0465-49-0313</t>
  </si>
  <si>
    <t>アルプス設備　株式会社</t>
  </si>
  <si>
    <t>アルプス設備株式会社</t>
  </si>
  <si>
    <t>下大井182番地</t>
  </si>
  <si>
    <t>0465-36-2385</t>
  </si>
  <si>
    <t>第１－７５号</t>
  </si>
  <si>
    <t>有限会社　ミナミ設備</t>
  </si>
  <si>
    <t>有限会社ミナミ設備</t>
  </si>
  <si>
    <t>壗下115</t>
  </si>
  <si>
    <t>0465-46-8003</t>
  </si>
  <si>
    <t>第１－７７号</t>
  </si>
  <si>
    <t>有限会社　バリテック</t>
  </si>
  <si>
    <t>有限会社バリテック</t>
  </si>
  <si>
    <t>中井町北田476番地5</t>
  </si>
  <si>
    <t>0465-81-3680</t>
  </si>
  <si>
    <t>有限会社　アンツ工業</t>
  </si>
  <si>
    <t>有限会社アンツ工業</t>
  </si>
  <si>
    <t>中沼21</t>
  </si>
  <si>
    <t>0465-70-2806</t>
  </si>
  <si>
    <t>有限会社　川口冷熱</t>
  </si>
  <si>
    <t>有限会社川口冷熱</t>
  </si>
  <si>
    <t>竹松60番地9</t>
  </si>
  <si>
    <t>0465-73-1524</t>
  </si>
  <si>
    <t>石井　幸男</t>
  </si>
  <si>
    <t>開成温調</t>
  </si>
  <si>
    <t>新屋81番地の3</t>
  </si>
  <si>
    <t>0465-25-4584</t>
  </si>
  <si>
    <t>有限会社　タクミス湘南</t>
  </si>
  <si>
    <t>有限会社タクミス湘南</t>
  </si>
  <si>
    <t>開成町吉田島2896番地1</t>
  </si>
  <si>
    <t>0465-83-6287</t>
  </si>
  <si>
    <t>第１－８４号</t>
  </si>
  <si>
    <t>株式会社　明治エンジニヤリング</t>
  </si>
  <si>
    <t>株式会社明治エンジニヤリング</t>
  </si>
  <si>
    <t>開成町延沢1番地</t>
  </si>
  <si>
    <t>第１－８５号</t>
  </si>
  <si>
    <t>株式会社　ＡＩＲＷＡＶＥ　　</t>
  </si>
  <si>
    <t>株式会社ＡＩＲＷＡＶＥ</t>
  </si>
  <si>
    <t>根府川47番地の6</t>
  </si>
  <si>
    <t>株式会社　ＹＵＫトータルサービス</t>
  </si>
  <si>
    <t>株式会社ＹＵＫトータルサービス</t>
  </si>
  <si>
    <t>大井町金子1235番地1</t>
  </si>
  <si>
    <t>0465-43-6510</t>
  </si>
  <si>
    <t>清凌電設　株式会社</t>
  </si>
  <si>
    <t>清凌電設株式会社</t>
  </si>
  <si>
    <t>大井町金手834番地9</t>
  </si>
  <si>
    <t>0465-46-8256</t>
  </si>
  <si>
    <t>有限会社　菊地電機</t>
  </si>
  <si>
    <t>有限会社菊地電機</t>
  </si>
  <si>
    <t>塚原743番地1</t>
  </si>
  <si>
    <t>0465-72-1377</t>
  </si>
  <si>
    <t>粟屋　毅</t>
  </si>
  <si>
    <t>大共冷熱</t>
  </si>
  <si>
    <t>鬼柳690-4</t>
  </si>
  <si>
    <t>0465-38-2571</t>
  </si>
  <si>
    <t>株式会社　三和商会</t>
  </si>
  <si>
    <t>株式会社三和商会</t>
  </si>
  <si>
    <t>湯河原町土肥二丁目1番地の3</t>
  </si>
  <si>
    <t>0465-62-8225</t>
  </si>
  <si>
    <t>有限会社　小田原自動車電機工業</t>
  </si>
  <si>
    <t>有限会社小田原自動車電機工業</t>
  </si>
  <si>
    <t>浜町１丁目11番22号</t>
  </si>
  <si>
    <t>0465-22-3601</t>
  </si>
  <si>
    <t>有限会社　山口電業社</t>
  </si>
  <si>
    <t>有限会社山口電業社</t>
  </si>
  <si>
    <t>浜町1丁目4番19号</t>
  </si>
  <si>
    <t>0465-22-6409</t>
  </si>
  <si>
    <t>株式会社　東海エアコンポ</t>
  </si>
  <si>
    <t>株式会社東海エアコンポ</t>
  </si>
  <si>
    <t>中曽根214番地</t>
  </si>
  <si>
    <t>0465-20-6888</t>
  </si>
  <si>
    <t>株式会社　ＯＫＳ</t>
  </si>
  <si>
    <t>株式会社ＯＫＳ</t>
  </si>
  <si>
    <t>中井町井ノ口2272番地9</t>
  </si>
  <si>
    <t>0465-20-4616</t>
  </si>
  <si>
    <t>株式会社　進和工業</t>
  </si>
  <si>
    <t>株式会社進和工業</t>
  </si>
  <si>
    <t>株式会社　ニッショー熱工業</t>
  </si>
  <si>
    <t>株式会社ニッショー熱工業</t>
  </si>
  <si>
    <t>鬼柳105番地の10</t>
  </si>
  <si>
    <t>0465-43-8614</t>
  </si>
  <si>
    <t>富士フイルムエンジニアリング　株式会社</t>
  </si>
  <si>
    <t>富士フイルムエンジニアリング株式会社　エンジニアリング事業部</t>
  </si>
  <si>
    <t>中沼210番地</t>
  </si>
  <si>
    <t>0465-73-6210</t>
  </si>
  <si>
    <t>佐々木冷熱　株式会社</t>
  </si>
  <si>
    <t>佐々木冷熱株式会社</t>
  </si>
  <si>
    <t>国府津1868-10</t>
  </si>
  <si>
    <t>0465-47-3211</t>
  </si>
  <si>
    <t>株式会社　協大工業</t>
  </si>
  <si>
    <t>株式会社協大工業</t>
  </si>
  <si>
    <t>入生田75番地</t>
  </si>
  <si>
    <t>0465-43-9381</t>
  </si>
  <si>
    <t>有限会社　穂坂商店</t>
  </si>
  <si>
    <t>有限会社穂坂商店</t>
  </si>
  <si>
    <t>酒匂二丁目16番27号</t>
  </si>
  <si>
    <t>0465-47-2734</t>
  </si>
  <si>
    <t>株式会社　商永</t>
  </si>
  <si>
    <t>株式会社商永</t>
  </si>
  <si>
    <t>開成町中ノ名183番地</t>
  </si>
  <si>
    <t>0465-83-4566</t>
  </si>
  <si>
    <t>株式会社　川西設備</t>
  </si>
  <si>
    <t>株式会社川西設備</t>
  </si>
  <si>
    <t>高田277番地</t>
  </si>
  <si>
    <t>0465-42-4665</t>
  </si>
  <si>
    <t>株式会社　エコ・アール・カネダ</t>
  </si>
  <si>
    <t>株式会社エコ・アール・カネダ　別堀営業所</t>
  </si>
  <si>
    <t>別堀11番地</t>
  </si>
  <si>
    <t>石澤　隆</t>
  </si>
  <si>
    <t>石澤空調</t>
  </si>
  <si>
    <t>寿町五丁目20番38号</t>
  </si>
  <si>
    <t>株式会社　ＲＯＢＩＮ</t>
  </si>
  <si>
    <t>株式会社ＲＯＢＩＮ</t>
  </si>
  <si>
    <t>中井町半分形37番地3</t>
  </si>
  <si>
    <t>ＫＯＥＩ　ＪＡＰＡＮ　株式会社</t>
  </si>
  <si>
    <t>ＫＯＥＩ　ＪＡＰＡＮ株式会社　横浜金沢事業所</t>
  </si>
  <si>
    <t>海岸1丁目2番3号 汐留芝離宮ビルディング8階</t>
  </si>
  <si>
    <t>大和冷機工業株式会社　横浜中央営業所</t>
  </si>
  <si>
    <t>中区長者町4-11-11　長者町デュオビル201号室</t>
  </si>
  <si>
    <t>045-231-2580</t>
  </si>
  <si>
    <t>有限会社　袋内</t>
  </si>
  <si>
    <t>有限会社袋内</t>
  </si>
  <si>
    <t>鶴間1-22-5</t>
  </si>
  <si>
    <t>046-244-5784</t>
  </si>
  <si>
    <t>南流山6-15-4　グリンピア南流山101</t>
  </si>
  <si>
    <t>03-3805-6503</t>
  </si>
  <si>
    <t>高津区二子2-5-33</t>
  </si>
  <si>
    <t>野原287番地1</t>
  </si>
  <si>
    <t>大杉5-18-11</t>
  </si>
  <si>
    <t>東糀谷4-6-17</t>
  </si>
  <si>
    <t>東糀谷4-6-32</t>
  </si>
  <si>
    <t>三洋商事株式会社　広島リサイクルセンター</t>
  </si>
  <si>
    <t>呉市</t>
  </si>
  <si>
    <t>郷原町字一ノ松光山12507番地920</t>
  </si>
  <si>
    <t>0823-70-3100</t>
  </si>
  <si>
    <t>有限会社　ファクトリー𠮷澤</t>
  </si>
  <si>
    <t>小豆沢四丁目21番5号</t>
  </si>
  <si>
    <t>03-5915-6623</t>
  </si>
  <si>
    <t>042-760-0205</t>
  </si>
  <si>
    <t>潮見四丁目14番地9</t>
  </si>
  <si>
    <t>下鹿山529-80</t>
  </si>
  <si>
    <t>久下戸3610-2</t>
  </si>
  <si>
    <t>イオンディライトコネクト株式会社　首都圏サービスステーション</t>
  </si>
  <si>
    <t>日本キヤリア　株式会社</t>
  </si>
  <si>
    <t>日本キヤリア株式会社</t>
  </si>
  <si>
    <t>大崎一丁目11番1号　ゲートシティ大崎ウエストタワー7階</t>
  </si>
  <si>
    <t>03-6897-4015</t>
  </si>
  <si>
    <t>日本キヤリア株式会社　サービスセンター</t>
  </si>
  <si>
    <t>戸塚区汲沢5-21-2</t>
  </si>
  <si>
    <t>株式会社　ＫＴＳ</t>
  </si>
  <si>
    <t>株式会社ＫＴＳ</t>
  </si>
  <si>
    <t>東区高松191番地17</t>
  </si>
  <si>
    <t>川崎区京町1-9-1-101</t>
  </si>
  <si>
    <t>044-223-8042</t>
  </si>
  <si>
    <t>株式会社望月工業所</t>
  </si>
  <si>
    <t>フードテクノエンジニアリング株式会社東京支社</t>
  </si>
  <si>
    <t>西五反田7-13-5 DK五反田7F</t>
  </si>
  <si>
    <t>五貫島704-13</t>
  </si>
  <si>
    <t>鶴見区矢向4-27-1-306</t>
  </si>
  <si>
    <t>キョードー　株式会社</t>
  </si>
  <si>
    <t>キョードー株式会社</t>
  </si>
  <si>
    <t>株式会社　日本冷機製作所</t>
  </si>
  <si>
    <t>栗橋北1-18-2</t>
  </si>
  <si>
    <t>0480-55-0022</t>
  </si>
  <si>
    <t>柗下空調　株式会社</t>
  </si>
  <si>
    <t>北品川6-7-29</t>
  </si>
  <si>
    <t>03-6456-4201</t>
  </si>
  <si>
    <t>アプロス　株式会社</t>
  </si>
  <si>
    <t>アプロス株式会社</t>
  </si>
  <si>
    <t>弁財1-9-36</t>
  </si>
  <si>
    <t>048-774-4685</t>
  </si>
  <si>
    <t>高輪2-18-10　高輪泉岳寺駅前ビル11階</t>
  </si>
  <si>
    <t>草花1401-8</t>
  </si>
  <si>
    <t>080-8106-4339</t>
  </si>
  <si>
    <t>東陽5丁目21番13号</t>
  </si>
  <si>
    <t>湊一丁目6番2号</t>
  </si>
  <si>
    <t>守山区大森１丁目1905番地</t>
  </si>
  <si>
    <t>福島区吉野一丁目14番5号</t>
  </si>
  <si>
    <t>03-3385-1106</t>
  </si>
  <si>
    <t>090-3806-1528</t>
  </si>
  <si>
    <t>船堀3丁目5-26　Tガーデンスクエア　802号室</t>
  </si>
  <si>
    <t>06-6792-2100</t>
  </si>
  <si>
    <t>株式会社　ゼンシン</t>
  </si>
  <si>
    <t>株式会社ゼンシン</t>
  </si>
  <si>
    <t>047-411-5141</t>
  </si>
  <si>
    <t>鶴ヶ曽根840番地7</t>
  </si>
  <si>
    <t>株式会社鹿島冷熱　営業本部</t>
  </si>
  <si>
    <t>小見川5583-2</t>
  </si>
  <si>
    <t>0478-83-3720</t>
  </si>
  <si>
    <t>寺内堂ノ沢二丁目1-10</t>
  </si>
  <si>
    <t>高津区久地843-5</t>
  </si>
  <si>
    <t>044-833-1365</t>
  </si>
  <si>
    <t>岡山県</t>
  </si>
  <si>
    <t>浅口郡</t>
  </si>
  <si>
    <t>里庄町里見9010-2</t>
  </si>
  <si>
    <t>0865-64-1280</t>
  </si>
  <si>
    <t>株式会社シー・ピー・テック</t>
  </si>
  <si>
    <t>中村区宿跡町一丁目16番地の1</t>
  </si>
  <si>
    <t>伊丹市</t>
  </si>
  <si>
    <t>昆陽6丁目18-1</t>
  </si>
  <si>
    <t>072-744-6616</t>
  </si>
  <si>
    <t>第１－３６０８号</t>
  </si>
  <si>
    <t>青山　雅巳</t>
  </si>
  <si>
    <t>青山興業</t>
  </si>
  <si>
    <t>03-6555-7667</t>
  </si>
  <si>
    <t>ＴＨＩ　ＤＡ　株式会社</t>
  </si>
  <si>
    <t>ＴＨＩ　ＤＡ株式会社</t>
  </si>
  <si>
    <t>畑中1-22-6</t>
  </si>
  <si>
    <t>上井草1-33-6 エトワール井荻1階</t>
  </si>
  <si>
    <t>西荻北3丁目32番11号　西荻北ビル2F</t>
  </si>
  <si>
    <t>京阪空調工業株式会社　関西営業所京都</t>
  </si>
  <si>
    <t>京阪空調工業株式会社　関西営業所大阪</t>
  </si>
  <si>
    <t>元浅草2-3-3</t>
  </si>
  <si>
    <t>03-5246-3711</t>
  </si>
  <si>
    <t>虹色建装　株式会社</t>
  </si>
  <si>
    <t>虹色建装株式会社</t>
  </si>
  <si>
    <t>田端4-1-14</t>
  </si>
  <si>
    <t>03-6914-0645</t>
  </si>
  <si>
    <t>戸ケ崎4-118-4</t>
  </si>
  <si>
    <t>048-951-1903</t>
  </si>
  <si>
    <t>領家442-2</t>
  </si>
  <si>
    <t>048-781-7737</t>
  </si>
  <si>
    <t>柏井町3-625-5</t>
  </si>
  <si>
    <t>050-3159-9520</t>
  </si>
  <si>
    <t>南区片蔵724</t>
  </si>
  <si>
    <t>菅沢一丁目4番20号</t>
  </si>
  <si>
    <t>042-497-1202</t>
  </si>
  <si>
    <t>鎌倉3-34-13</t>
  </si>
  <si>
    <t>03-4363-4860</t>
  </si>
  <si>
    <t>042-472-6897</t>
  </si>
  <si>
    <t>048-211-6350</t>
  </si>
  <si>
    <t>0545-39-1515</t>
  </si>
  <si>
    <t>045-533-5560</t>
  </si>
  <si>
    <t>048-734-7624</t>
  </si>
  <si>
    <t>042-545-0201</t>
  </si>
  <si>
    <t>045-439-7045</t>
  </si>
  <si>
    <t>070-5469-5195</t>
  </si>
  <si>
    <t>0439-54-6400</t>
  </si>
  <si>
    <t>0120-12-8898</t>
  </si>
  <si>
    <t>047-711-9920</t>
  </si>
  <si>
    <t>0280-51-4026</t>
  </si>
  <si>
    <t>042-507-8797</t>
  </si>
  <si>
    <t>080-5556-4366</t>
  </si>
  <si>
    <t>049-211-6391</t>
  </si>
  <si>
    <t>080-6512-2525</t>
  </si>
  <si>
    <t>090-2184-5034</t>
  </si>
  <si>
    <t>048-915-5107</t>
  </si>
  <si>
    <t>047-447-6172</t>
  </si>
  <si>
    <t>042-344-9936</t>
  </si>
  <si>
    <t>0480-61-1979</t>
  </si>
  <si>
    <t>03-3307-6090</t>
  </si>
  <si>
    <t>045-947-2206</t>
  </si>
  <si>
    <t>090-5818-3691</t>
  </si>
  <si>
    <t>03-5914-3012</t>
  </si>
  <si>
    <t>070-4411-7000</t>
  </si>
  <si>
    <t>070-5371-7739</t>
  </si>
  <si>
    <t>090-1659-3645</t>
  </si>
  <si>
    <t>049-288-5971</t>
  </si>
  <si>
    <t>042-306-4653</t>
  </si>
  <si>
    <t>03-6312-0096</t>
  </si>
  <si>
    <t>03-5916-8870</t>
  </si>
  <si>
    <t>090-3137-3767</t>
  </si>
  <si>
    <t>046-238-1911</t>
  </si>
  <si>
    <t>049-292-6289</t>
  </si>
  <si>
    <t>080-6668-9053</t>
  </si>
  <si>
    <t>080-1138-1885</t>
  </si>
  <si>
    <t>045-861-4610</t>
  </si>
  <si>
    <t>042-615-4490</t>
  </si>
  <si>
    <t>047-712-6764</t>
  </si>
  <si>
    <t>048-975-4097</t>
  </si>
  <si>
    <t>保土ケ谷区坂本町98-7</t>
  </si>
  <si>
    <t>045-337-0269</t>
  </si>
  <si>
    <t>048-796-8628</t>
  </si>
  <si>
    <t>0479-74-3214</t>
  </si>
  <si>
    <t>045-516-9595</t>
  </si>
  <si>
    <t>049-293-9566</t>
  </si>
  <si>
    <t>03-3565-7233</t>
  </si>
  <si>
    <t>045-353-9030</t>
  </si>
  <si>
    <t>0466-90-5560</t>
  </si>
  <si>
    <t>048-858-5976</t>
  </si>
  <si>
    <t>03-3743-0646</t>
  </si>
  <si>
    <t>090-2548-2975</t>
  </si>
  <si>
    <t>0479-77-3641</t>
  </si>
  <si>
    <t>089-977-5166</t>
  </si>
  <si>
    <t>090-5539-8920</t>
  </si>
  <si>
    <t>078-381-9934</t>
  </si>
  <si>
    <t>ＧＭＳ　株式会社</t>
  </si>
  <si>
    <t>ＧＭＳ株式会社</t>
  </si>
  <si>
    <t>045-299-2211</t>
  </si>
  <si>
    <t>047-394-4533</t>
  </si>
  <si>
    <t>045-951-4147</t>
  </si>
  <si>
    <t>049-293-1090</t>
  </si>
  <si>
    <t>03-6662-9183</t>
  </si>
  <si>
    <t>050-3136-8337</t>
  </si>
  <si>
    <t>042-655-8377</t>
  </si>
  <si>
    <t>042-884-0724</t>
  </si>
  <si>
    <t>043-312-5027</t>
  </si>
  <si>
    <t>047-710-6739</t>
  </si>
  <si>
    <t>048-984-7678</t>
  </si>
  <si>
    <t>03-6458-0817</t>
  </si>
  <si>
    <t>048-736-7432</t>
  </si>
  <si>
    <t>048-424-0100</t>
  </si>
  <si>
    <t>048-933-3090</t>
  </si>
  <si>
    <t>080-7428-0726</t>
  </si>
  <si>
    <t>03-6715-2372</t>
  </si>
  <si>
    <t>03-5876-8036</t>
  </si>
  <si>
    <t>044-201-6708</t>
  </si>
  <si>
    <t>0297-85-4706</t>
  </si>
  <si>
    <t>090-3688-2838</t>
  </si>
  <si>
    <t>047-707-3457</t>
  </si>
  <si>
    <t>045-294-9419</t>
  </si>
  <si>
    <t>03-6338-2300</t>
  </si>
  <si>
    <t>045-878-9656</t>
  </si>
  <si>
    <t>050-3574-0089</t>
  </si>
  <si>
    <t>077-578-5071</t>
  </si>
  <si>
    <t>045-382-9048</t>
  </si>
  <si>
    <t>045-443-5470</t>
  </si>
  <si>
    <t>042-840-9975</t>
  </si>
  <si>
    <t>049-238-4139</t>
  </si>
  <si>
    <t>03-6410-7727</t>
  </si>
  <si>
    <t>045-370-7558</t>
  </si>
  <si>
    <t>080-4451-7542</t>
  </si>
  <si>
    <t>0774-31-1500</t>
  </si>
  <si>
    <t>03-5717-3100</t>
  </si>
  <si>
    <t>047-402-2405</t>
  </si>
  <si>
    <t>042-792-5013</t>
  </si>
  <si>
    <t>045-934-2022</t>
  </si>
  <si>
    <t>045-620-2495</t>
  </si>
  <si>
    <t>048-878-8927</t>
  </si>
  <si>
    <t>03-6767-0985</t>
  </si>
  <si>
    <t>049-227-3873</t>
  </si>
  <si>
    <t>042-820-0708</t>
  </si>
  <si>
    <t>044-945-0799</t>
  </si>
  <si>
    <t>043-372-6790</t>
  </si>
  <si>
    <t>045-509-1617</t>
  </si>
  <si>
    <t>045-534-8224</t>
  </si>
  <si>
    <t>03-5603-1997</t>
  </si>
  <si>
    <t>048-999-5814</t>
  </si>
  <si>
    <t>042-727-1155</t>
  </si>
  <si>
    <t>0557-37-2932</t>
  </si>
  <si>
    <t>下植木町27-1</t>
  </si>
  <si>
    <t>0270-77-0032</t>
  </si>
  <si>
    <t>045-562-4040</t>
  </si>
  <si>
    <t>042-378-3866</t>
  </si>
  <si>
    <t>090-4377-4509</t>
  </si>
  <si>
    <t>03-5926-4387</t>
  </si>
  <si>
    <t>045-622-0016</t>
  </si>
  <si>
    <t>090-9837-3737</t>
  </si>
  <si>
    <t>045-534-9141</t>
  </si>
  <si>
    <t>080-3287-6402</t>
  </si>
  <si>
    <t>048-795-4866</t>
  </si>
  <si>
    <t>04-7111-2856</t>
  </si>
  <si>
    <t>080-9884-7368</t>
  </si>
  <si>
    <t>090-1618-3733</t>
  </si>
  <si>
    <t>072-665-7304</t>
  </si>
  <si>
    <t>03-6638-8636</t>
  </si>
  <si>
    <t>03-6751-5676</t>
  </si>
  <si>
    <t>045-530-2767</t>
  </si>
  <si>
    <t>045-933-6676</t>
  </si>
  <si>
    <t>03-5856-2665</t>
  </si>
  <si>
    <t>053-443-7506</t>
  </si>
  <si>
    <t>048-953-9270</t>
  </si>
  <si>
    <t>090-8685-5357</t>
  </si>
  <si>
    <t>044-544-7376</t>
  </si>
  <si>
    <t>080-3395-5680</t>
  </si>
  <si>
    <t>072-220-2601</t>
  </si>
  <si>
    <t>090-3402-7174</t>
  </si>
  <si>
    <t>045-438-8868</t>
  </si>
  <si>
    <t>042-663-3134</t>
  </si>
  <si>
    <t>03-6427-6465</t>
  </si>
  <si>
    <t>03-3559-6462</t>
  </si>
  <si>
    <t>03-3639-3330</t>
  </si>
  <si>
    <t>03-5245-3321</t>
  </si>
  <si>
    <t>048-240-2601</t>
  </si>
  <si>
    <t>029-839-1661</t>
  </si>
  <si>
    <t>048-716-8151</t>
  </si>
  <si>
    <t>045-341-4228</t>
  </si>
  <si>
    <t>044-333-4189</t>
  </si>
  <si>
    <t>043-259-5446</t>
  </si>
  <si>
    <t>0544-58-1780</t>
  </si>
  <si>
    <t>055-948-9260</t>
  </si>
  <si>
    <t>044-873-7555</t>
  </si>
  <si>
    <t>042-649-6577</t>
  </si>
  <si>
    <t>044-945-0460</t>
  </si>
  <si>
    <t>045-848-0953</t>
  </si>
  <si>
    <t>042-343-4313</t>
  </si>
  <si>
    <t>029-822-5530</t>
  </si>
  <si>
    <t>0428-78-2548</t>
  </si>
  <si>
    <t>045-775-2855</t>
  </si>
  <si>
    <t>044-201-9944</t>
  </si>
  <si>
    <t>048-485-1441</t>
  </si>
  <si>
    <t>044-333-7558</t>
  </si>
  <si>
    <t>090-3344-2910</t>
  </si>
  <si>
    <t>第１－４３７６号</t>
  </si>
  <si>
    <t>株式会社　明共冷機</t>
  </si>
  <si>
    <t>株式会社明共冷機</t>
  </si>
  <si>
    <t>磯子区岡村4-33-10</t>
  </si>
  <si>
    <t>第１－４３７７号</t>
  </si>
  <si>
    <t>山本　津代志</t>
  </si>
  <si>
    <t>山本設備</t>
  </si>
  <si>
    <t>南区中村町1-19-4</t>
  </si>
  <si>
    <t>第１－４３７８号</t>
  </si>
  <si>
    <t>株式会社　ＹＭＴ</t>
  </si>
  <si>
    <t>株式会社ＹＭＴ</t>
  </si>
  <si>
    <t>神奈川区羽沢町1800</t>
  </si>
  <si>
    <t>第１－４３７９号</t>
  </si>
  <si>
    <t>株式会社　松菱製作所</t>
  </si>
  <si>
    <t>株式会社松菱製作所　関東営業所</t>
  </si>
  <si>
    <t>松戸新田24-5-11</t>
  </si>
  <si>
    <t>第１－４３８０号</t>
  </si>
  <si>
    <t>四井　元洋</t>
  </si>
  <si>
    <t>四井空調</t>
  </si>
  <si>
    <t>大字安行吉蔵287番地の8</t>
  </si>
  <si>
    <t>第１－４３８１号</t>
  </si>
  <si>
    <t>株式会社　テクノセンター</t>
  </si>
  <si>
    <t>株式会社テクノセンター</t>
  </si>
  <si>
    <t>小山町814-1</t>
  </si>
  <si>
    <t>第１－４３８２号</t>
  </si>
  <si>
    <t>春江町3-48-11</t>
  </si>
  <si>
    <t>第１－４３８３号</t>
  </si>
  <si>
    <t>株式会社　高砂エアテック</t>
  </si>
  <si>
    <t>株式会社高砂エアテック</t>
  </si>
  <si>
    <t>横芝光町中台1393-5</t>
  </si>
  <si>
    <t>第１－４３８４号</t>
  </si>
  <si>
    <t>有限会社　ＬＥ</t>
  </si>
  <si>
    <t>有限会社ＬＥ</t>
  </si>
  <si>
    <t>野崎4-3-17</t>
  </si>
  <si>
    <t>第１－４３８５号</t>
  </si>
  <si>
    <t>株式会社　ＡＣＥ設備</t>
  </si>
  <si>
    <t>株式会社ＡＣＥ設備</t>
  </si>
  <si>
    <t>下里1-8-25</t>
  </si>
  <si>
    <t>第１－４３８６号</t>
  </si>
  <si>
    <t>株式会社　ライブジム</t>
  </si>
  <si>
    <t>株式会社ライブジム</t>
  </si>
  <si>
    <t>寺山457-2</t>
  </si>
  <si>
    <t>第１－４３８７号</t>
  </si>
  <si>
    <t>株式会社　プロジェクトネオ</t>
  </si>
  <si>
    <t>株式会社プロジェクトネオ</t>
  </si>
  <si>
    <t>麻生区下麻生1-31-10　</t>
  </si>
  <si>
    <t>第１－４３８８号</t>
  </si>
  <si>
    <t>篠原　直哉</t>
  </si>
  <si>
    <t>篠原設備</t>
  </si>
  <si>
    <t>緑区長津田5-5-20-201</t>
  </si>
  <si>
    <t>第１－４３８９号</t>
  </si>
  <si>
    <t>鈴木　浩二</t>
  </si>
  <si>
    <t>鈴木電設</t>
  </si>
  <si>
    <t>松飛台533-1シュピナート壱番館201</t>
  </si>
  <si>
    <t>第１－４３９０号</t>
  </si>
  <si>
    <t>株式会社　タナクウ</t>
  </si>
  <si>
    <t>株式会社タナクウ</t>
  </si>
  <si>
    <t>原木2-7-3</t>
  </si>
  <si>
    <t>第１－４３９１号</t>
  </si>
  <si>
    <t>株式会社　Ｖ－ＴＥＣ</t>
  </si>
  <si>
    <t>株式会社Ｖ－ＴＥＣ</t>
  </si>
  <si>
    <t>幸区南加瀬4丁目6番12-3号</t>
  </si>
  <si>
    <t>第１－４３９２号</t>
  </si>
  <si>
    <t>株式会社　山口空調</t>
  </si>
  <si>
    <t>株式会社山口空調</t>
  </si>
  <si>
    <t>宝町49-11</t>
  </si>
  <si>
    <t>第１－４３９３号</t>
  </si>
  <si>
    <t>株式会社　エアリアル</t>
  </si>
  <si>
    <t>株式会社エアリアル</t>
  </si>
  <si>
    <t>仲町15番15号マイネ・グリューク202号室</t>
  </si>
  <si>
    <t>第１－４３９４号</t>
  </si>
  <si>
    <t>有限会社　タクミ工業</t>
  </si>
  <si>
    <t>有限会社タクミ工業</t>
  </si>
  <si>
    <t>瀬谷区南瀬谷1-69-26</t>
  </si>
  <si>
    <t>第１－４３９５号</t>
  </si>
  <si>
    <t>有限会社　星建築</t>
  </si>
  <si>
    <t>有限会社星建築</t>
  </si>
  <si>
    <t>磯子区丸山一丁目3番11号</t>
  </si>
  <si>
    <t>第１－４３９６号</t>
  </si>
  <si>
    <t>有限会社　エアーシステム</t>
  </si>
  <si>
    <t>有限会社エアーシステム</t>
  </si>
  <si>
    <t>本羽田1-7-3</t>
  </si>
  <si>
    <t>第１－４３９７号</t>
  </si>
  <si>
    <t>一成　株式会社</t>
  </si>
  <si>
    <t>一成株式会社</t>
  </si>
  <si>
    <t>西早稲田2-18-20　VORT西早稲田7F</t>
  </si>
  <si>
    <t>第１－４３９８号</t>
  </si>
  <si>
    <t>有限会社　ホリ冷凍</t>
  </si>
  <si>
    <t>有限会社ホリ冷凍</t>
  </si>
  <si>
    <t>足高304-52</t>
  </si>
  <si>
    <t>第１－４３９９号</t>
  </si>
  <si>
    <t>株式会社　ワイズ・エンジニアリング</t>
  </si>
  <si>
    <t>株式会社ワイズ・エンジニアリング</t>
  </si>
  <si>
    <t>簗瀬町2559-3</t>
  </si>
  <si>
    <t>岩槻区大字釣上新田字道下318番</t>
  </si>
  <si>
    <t>第１－４４０１号</t>
  </si>
  <si>
    <t>株式会社　ＩＯＢＵＩＬＤ</t>
  </si>
  <si>
    <t>株式会社ＩＯＢＵＩＬＤ</t>
  </si>
  <si>
    <t>梅田6-31-15</t>
  </si>
  <si>
    <t>第１－４４０２号</t>
  </si>
  <si>
    <t>七星空調　株式会社</t>
  </si>
  <si>
    <t>七星空調株式会社</t>
  </si>
  <si>
    <t>東糀谷3-9-2</t>
  </si>
  <si>
    <t>第１－４４０３号</t>
  </si>
  <si>
    <t>有限会社　プラス</t>
  </si>
  <si>
    <t>有限会社プラス</t>
  </si>
  <si>
    <t>宮前区初山1-37-40</t>
  </si>
  <si>
    <t>第１－４４０４号</t>
  </si>
  <si>
    <t>大宮区三橋一丁目40番地1</t>
  </si>
  <si>
    <t>第１－４４０５号</t>
  </si>
  <si>
    <t>株式会社　ＡＩＲ　ＷＯＲＫ</t>
  </si>
  <si>
    <t>株式会社ＡＩＲ　ＷＯＲＫ</t>
  </si>
  <si>
    <t>宮沢町1812-2</t>
  </si>
  <si>
    <t>第１－４４０６号</t>
  </si>
  <si>
    <t>小楠　孝雄</t>
  </si>
  <si>
    <t>小楠空調サービス</t>
  </si>
  <si>
    <t>一之江1丁目17番19号</t>
  </si>
  <si>
    <t>第１－４４０７号</t>
  </si>
  <si>
    <t>佐藤　数彦</t>
  </si>
  <si>
    <t>北町1-22-17</t>
  </si>
  <si>
    <t>第１－４４０８号</t>
  </si>
  <si>
    <t>株式会社　大和商工</t>
  </si>
  <si>
    <t>株式会社大和商工</t>
  </si>
  <si>
    <t>太平1-11-4　ワイズビル6階</t>
  </si>
  <si>
    <t>第１－４４０９号</t>
  </si>
  <si>
    <t>ベルニカサービス　株式会社</t>
  </si>
  <si>
    <t>ベルニカサービス株式会社</t>
  </si>
  <si>
    <t>麻生区栗平1-1-20</t>
  </si>
  <si>
    <t>第１－４４１０号</t>
  </si>
  <si>
    <t>株式会社　ウッドビレッジ</t>
  </si>
  <si>
    <t>株式会社ウッドビレッジ</t>
  </si>
  <si>
    <t>鳩山町石坂910-3</t>
  </si>
  <si>
    <t>第１－４４１１号</t>
  </si>
  <si>
    <t>ａｌｋｕ　ｆａｃｉｒｉｔｙ　株式会社</t>
  </si>
  <si>
    <t>ａｌｋｕ　ｆａｃｉｒｉｔｙ株式会社</t>
  </si>
  <si>
    <t>中央2-20-16</t>
  </si>
  <si>
    <t>第１－４４１２号</t>
  </si>
  <si>
    <t>昭和鉄工　株式会社</t>
  </si>
  <si>
    <t>昭和鉄工株式会社　東京支店</t>
  </si>
  <si>
    <t>川崎区中島2丁目2番7号</t>
  </si>
  <si>
    <t>第１－４４１３号</t>
  </si>
  <si>
    <t>山本　貴大</t>
  </si>
  <si>
    <t>ＹＡＭＡＳＥＴＳＵ</t>
  </si>
  <si>
    <t>緑区台村町1006-5</t>
  </si>
  <si>
    <t>第１－４４１４号</t>
  </si>
  <si>
    <t>株式会社　Ｒａｆｔｅｌｌ</t>
  </si>
  <si>
    <t>株式会社Ｒａｆｔｅｌｌ</t>
  </si>
  <si>
    <t>室堂町501-3</t>
  </si>
  <si>
    <t>第１－４４１５号</t>
  </si>
  <si>
    <t>有限会社　第一総合サービス</t>
  </si>
  <si>
    <t>有限会社第一総合サービス</t>
  </si>
  <si>
    <t>桃井2-21-3</t>
  </si>
  <si>
    <t>第１－４４１６号</t>
  </si>
  <si>
    <t>株式会社　空電通</t>
  </si>
  <si>
    <t>株式会社空電通</t>
  </si>
  <si>
    <t>相模町1-111</t>
  </si>
  <si>
    <t>第１－４４１７号</t>
  </si>
  <si>
    <t>渡辺　巌</t>
  </si>
  <si>
    <t>渡辺空設</t>
  </si>
  <si>
    <t>新宿1-17-3</t>
  </si>
  <si>
    <t>第１－４４１８号</t>
  </si>
  <si>
    <t>株式会社　ＡｓｕＣａｌｍ</t>
  </si>
  <si>
    <t>株式会社ＡｓｕＣａｌｍ</t>
  </si>
  <si>
    <t>小山町211-1</t>
  </si>
  <si>
    <t>第１－４４１９号</t>
  </si>
  <si>
    <t>株式会社　酒井工機</t>
  </si>
  <si>
    <t>株式会社酒井工機</t>
  </si>
  <si>
    <t>緑区山崎1-10-17</t>
  </si>
  <si>
    <t>第１－４４２０号</t>
  </si>
  <si>
    <t>株式会社　アルファージャパン</t>
  </si>
  <si>
    <t>株式会社アルファージャパン</t>
  </si>
  <si>
    <t>南台3-6-16</t>
  </si>
  <si>
    <t>第１－４４２１号</t>
  </si>
  <si>
    <t>髙石　俊男</t>
  </si>
  <si>
    <t>タカイシ冷熱</t>
  </si>
  <si>
    <t>鶴見区東寺尾中台17-17　シャンス東寺尾中台11　302号</t>
  </si>
  <si>
    <t>第１－４４２２号</t>
  </si>
  <si>
    <t>清須市</t>
  </si>
  <si>
    <t>上条2-2-17</t>
  </si>
  <si>
    <t>株式会社　ライフラインメンテナンス＆サービス</t>
  </si>
  <si>
    <t>株式会社ライフラインメンテナンス＆サービス</t>
  </si>
  <si>
    <t>金沢区六浦南1-34-20</t>
  </si>
  <si>
    <t>第１－４４２４号</t>
  </si>
  <si>
    <t>株式会社　ストアソリューションズ</t>
  </si>
  <si>
    <t>株式会社ストアソリューションズ</t>
  </si>
  <si>
    <t>草津市</t>
  </si>
  <si>
    <t>野路一丁目7番21号　リベリー南草津4階</t>
  </si>
  <si>
    <t>第１－４４２５号</t>
  </si>
  <si>
    <t>司冷熱　株式会社</t>
  </si>
  <si>
    <t>司冷熱株式会社</t>
  </si>
  <si>
    <t>中区千代崎町4-91-205</t>
  </si>
  <si>
    <t>第１－４４２６号</t>
  </si>
  <si>
    <t>株式会社　ＦＵＫＵＤＡ</t>
  </si>
  <si>
    <t>株式会株式会社ＦＵＫＵＤＡ</t>
  </si>
  <si>
    <t>西中延1-6-9</t>
  </si>
  <si>
    <t>第１－４４２７号</t>
  </si>
  <si>
    <t>右京区西京極大門町24-1</t>
  </si>
  <si>
    <t>第１－４４２８号</t>
  </si>
  <si>
    <t>有限会社　塚本空調設備</t>
  </si>
  <si>
    <t>有限会社塚本空調設備</t>
  </si>
  <si>
    <t>瀬戸市</t>
  </si>
  <si>
    <t>高根町一丁目175番地</t>
  </si>
  <si>
    <t>第１－４４２９号</t>
  </si>
  <si>
    <t>織田　晴義</t>
  </si>
  <si>
    <t>港北区樽町3-9-55　セピアヴィラ201</t>
  </si>
  <si>
    <t>第１－４４３０号</t>
  </si>
  <si>
    <t>小笠原　哉</t>
  </si>
  <si>
    <t>ＩＴＩ工業</t>
  </si>
  <si>
    <t>厚原1910-24</t>
  </si>
  <si>
    <t>第１－４４３１号</t>
  </si>
  <si>
    <t>株式会社　エスエス空調</t>
  </si>
  <si>
    <t>株式会社エスエス空調</t>
  </si>
  <si>
    <t>大野町1-448-20</t>
  </si>
  <si>
    <t>第１－４４３２号</t>
  </si>
  <si>
    <t>株式会社　敬聖工業</t>
  </si>
  <si>
    <t>株式会社敬聖工業</t>
  </si>
  <si>
    <t>狭山2-1241-15</t>
  </si>
  <si>
    <t>第１－４４３３号</t>
  </si>
  <si>
    <t>守山冷機工業　株式会社</t>
  </si>
  <si>
    <t>守山冷機工業株式会社</t>
  </si>
  <si>
    <t>守山区元郷一丁目1018番地</t>
  </si>
  <si>
    <t>第１－４４３４号</t>
  </si>
  <si>
    <t>株式会社　エムケーサービス</t>
  </si>
  <si>
    <t>株式会社エムケーサービス</t>
  </si>
  <si>
    <t>第１－４４３５号</t>
  </si>
  <si>
    <t>株式会社　三和プラミング</t>
  </si>
  <si>
    <t>株式会社三和プラミング</t>
  </si>
  <si>
    <t>南常盤台1-31-8</t>
  </si>
  <si>
    <t>第１－４４３６号</t>
  </si>
  <si>
    <t>株式会社　ＷＡＶＥＲ</t>
  </si>
  <si>
    <t>株式会社ＷＡＶＥＲ</t>
  </si>
  <si>
    <t>多摩区菅馬場1丁目20-2</t>
  </si>
  <si>
    <t>第１－４４３７号</t>
  </si>
  <si>
    <t>有限会社　八女工業所</t>
  </si>
  <si>
    <t>有限会社八女工業所</t>
  </si>
  <si>
    <t>大森西3-13-13</t>
  </si>
  <si>
    <t>第１－４４３８号</t>
  </si>
  <si>
    <t>セントラル総業　株式会社</t>
  </si>
  <si>
    <t>セントラル総業株式会社</t>
  </si>
  <si>
    <t>中原区上小田中2-3-6</t>
  </si>
  <si>
    <t>第１－４４３９号</t>
  </si>
  <si>
    <t>株式会社　Jｓ</t>
  </si>
  <si>
    <t>株式会社Jｓ</t>
  </si>
  <si>
    <t>瀬谷区阿久和南4-12-1萬屋店舗E</t>
  </si>
  <si>
    <t>第１－４４４０号</t>
  </si>
  <si>
    <t>時田　誠</t>
  </si>
  <si>
    <t>Ｍ's　ＴＥＣＨＮＩＣ</t>
  </si>
  <si>
    <t>南区唐沢87-25</t>
  </si>
  <si>
    <t>第１－４４４１号</t>
  </si>
  <si>
    <t>加藤　伸彦</t>
  </si>
  <si>
    <t>アトリエ・チラン</t>
  </si>
  <si>
    <t>南区清水ケ丘100</t>
  </si>
  <si>
    <t>第１－４４４２号</t>
  </si>
  <si>
    <t>株式会社　タスク冷設</t>
  </si>
  <si>
    <t>株式会社タスク冷設</t>
  </si>
  <si>
    <t>若葉町16-1</t>
  </si>
  <si>
    <t>第１－４４４３号</t>
  </si>
  <si>
    <t>第１－４４４４号</t>
  </si>
  <si>
    <t>株式会社　ＴＳＰ</t>
  </si>
  <si>
    <t>株式会社ＴＳＰ　神奈川工事課</t>
  </si>
  <si>
    <t>山際808-1</t>
  </si>
  <si>
    <t>第１－４４４５号</t>
  </si>
  <si>
    <t>第１－４４４６号</t>
  </si>
  <si>
    <t>日本シイエムケイ　株式会社</t>
  </si>
  <si>
    <t>日本シイエムケイ株式会社　出荷センター</t>
  </si>
  <si>
    <t>柴町236</t>
  </si>
  <si>
    <t>第１－４４４７号</t>
  </si>
  <si>
    <t>有限会社　ＡＴＳ</t>
  </si>
  <si>
    <t>有限会社ＡＴＳ</t>
  </si>
  <si>
    <t>神奈川区六角橋4-6-47</t>
  </si>
  <si>
    <t>第１－４４４８号</t>
  </si>
  <si>
    <t>西岡空調設備　株式会社</t>
  </si>
  <si>
    <t>西岡空調設備株式会社</t>
  </si>
  <si>
    <t>花見川区柏井1-20-5-503</t>
  </si>
  <si>
    <t>第１－４４４９号</t>
  </si>
  <si>
    <t>株式会社　金田商店</t>
  </si>
  <si>
    <t>株式会社金田商店</t>
  </si>
  <si>
    <t>青柳二丁目5番地1</t>
  </si>
  <si>
    <t>第１－４４５０号</t>
  </si>
  <si>
    <t>株式会社　エヌ・ティ・アドバンス</t>
  </si>
  <si>
    <t>株式会社エヌ・ティ・アドバンス</t>
  </si>
  <si>
    <t>葵区桜町一丁目2番11号</t>
  </si>
  <si>
    <t>第１－４４５１号</t>
  </si>
  <si>
    <t>有限会社　ケーエム空調</t>
  </si>
  <si>
    <t>有限会社ケーエム空調</t>
  </si>
  <si>
    <t>亀戸1-3-5-801</t>
  </si>
  <si>
    <t>第１－４４５２号</t>
  </si>
  <si>
    <t>有限会社　エス・キューブ</t>
  </si>
  <si>
    <t>有限会社エス・キューブ</t>
  </si>
  <si>
    <t>金沢区六浦3-33-32</t>
  </si>
  <si>
    <t>第１－４４５３号</t>
  </si>
  <si>
    <t>タカギ冷機　株式会社</t>
  </si>
  <si>
    <t>タカギ冷機株式会社　東京支店</t>
  </si>
  <si>
    <t>谷塚一丁目18番13号</t>
  </si>
  <si>
    <t>第１－４４５４号</t>
  </si>
  <si>
    <t>株式会社　ＳＡＮＴＡＫＡ</t>
  </si>
  <si>
    <t>株式会社ＳＡＮＴＡＫＡ</t>
  </si>
  <si>
    <t>塩谷郡</t>
  </si>
  <si>
    <t>第１－４４５５号</t>
  </si>
  <si>
    <t>株式会社　ＡＮＮＥＸ</t>
  </si>
  <si>
    <t>株式会社ＡＮＮＥＸ</t>
  </si>
  <si>
    <t>河辺町十丁目10番地の3</t>
  </si>
  <si>
    <t>第１－４４５６号</t>
  </si>
  <si>
    <t>株式会社　栄巧冷機</t>
  </si>
  <si>
    <t>株式会社栄巧冷機　横浜工事・保守事務所</t>
  </si>
  <si>
    <t>南区宿町四丁目70番地1　イズミビル2F</t>
  </si>
  <si>
    <t>第１－４４５７号</t>
  </si>
  <si>
    <t>株式会社　Ｓｈｉｎｅ　ｍｏｒｅ</t>
  </si>
  <si>
    <t>株式会社Ｓｈｉｎｅ　ｍｏｒｅ</t>
  </si>
  <si>
    <t>中央区南本町3-3-23　インペリアル船場603</t>
  </si>
  <si>
    <t>第１－４４５８号</t>
  </si>
  <si>
    <t>有限会社　エース</t>
  </si>
  <si>
    <t>有限会社エース　印西支店　レアレア・リサイクルラボ</t>
  </si>
  <si>
    <t>大森3270-1</t>
  </si>
  <si>
    <t>第１－４４５９号</t>
  </si>
  <si>
    <t>コガワ電気　株式会社</t>
  </si>
  <si>
    <t>コガワ電気株式会社</t>
  </si>
  <si>
    <t>西小川2丁目10-25</t>
  </si>
  <si>
    <t>第１－４４６０号</t>
  </si>
  <si>
    <t>株式会社　恵神</t>
  </si>
  <si>
    <t>株式会社恵神</t>
  </si>
  <si>
    <t>玉川学園7丁目1-6-201</t>
  </si>
  <si>
    <t>第１－４４６１号</t>
  </si>
  <si>
    <t>アースファスト　株式会社</t>
  </si>
  <si>
    <t>アースファスト株式会社　本社</t>
  </si>
  <si>
    <t>北品川2-2-9</t>
  </si>
  <si>
    <t>第１－４４６２号</t>
  </si>
  <si>
    <t>有限会社　木島電気商会</t>
  </si>
  <si>
    <t>有限会社木島電気商会</t>
  </si>
  <si>
    <t>高津区東野川1-7-14</t>
  </si>
  <si>
    <t>第１－４４６３号</t>
  </si>
  <si>
    <t>株式会社　鈴木興業</t>
  </si>
  <si>
    <t>株式会社鈴木興業</t>
  </si>
  <si>
    <t>志村2-11-6-208</t>
  </si>
  <si>
    <t>第１－４４６４号</t>
  </si>
  <si>
    <t>明成工業　株式会社</t>
  </si>
  <si>
    <t>明成工業株式会社</t>
  </si>
  <si>
    <t>江古田1-22-8</t>
  </si>
  <si>
    <t>第１－４４６５号</t>
  </si>
  <si>
    <t>飯野　靖男</t>
  </si>
  <si>
    <t>旭興業</t>
  </si>
  <si>
    <t>残堀2丁目72番地の23</t>
  </si>
  <si>
    <t>第１－４４６６号</t>
  </si>
  <si>
    <t>有限会社　エレック</t>
  </si>
  <si>
    <t>有限会社エレック</t>
  </si>
  <si>
    <t>上小出町三丁目20番地22</t>
  </si>
  <si>
    <t>第１－４４６８号</t>
  </si>
  <si>
    <t>高電　株式会社</t>
  </si>
  <si>
    <t>高電株式会社</t>
  </si>
  <si>
    <t>旭区中白根2-45-18</t>
  </si>
  <si>
    <t>第１－４４６９号</t>
  </si>
  <si>
    <t>株式会社　タカツ冷設</t>
  </si>
  <si>
    <t>株式会社タカツ冷設</t>
  </si>
  <si>
    <t>喜多見4丁目6番19号</t>
  </si>
  <si>
    <t>第１－４４７０号</t>
  </si>
  <si>
    <t>株式会社　レフエンジニアリング</t>
  </si>
  <si>
    <t>株式会社レフエンジニアリング</t>
  </si>
  <si>
    <t>荒川三丁目33番2号</t>
  </si>
  <si>
    <t>第１－４４７１号</t>
  </si>
  <si>
    <t>ザンテック設備　株式会社</t>
  </si>
  <si>
    <t>ザンテック設備株式会社　本店</t>
  </si>
  <si>
    <t>本北方二丁目7番1-102号</t>
  </si>
  <si>
    <t>第１－４４７２号</t>
  </si>
  <si>
    <t>高林空調設備　株式会社</t>
  </si>
  <si>
    <t>高林空調設備株式会社</t>
  </si>
  <si>
    <t>大野町4-3013-4</t>
  </si>
  <si>
    <t>第１－４４７３号</t>
  </si>
  <si>
    <t>株式会社　新東京ビルテックス</t>
  </si>
  <si>
    <t>株式会社新東京ビルテックス</t>
  </si>
  <si>
    <t>熊川1631-3</t>
  </si>
  <si>
    <t>第１－４４７４号</t>
  </si>
  <si>
    <t>第１－４４７５号</t>
  </si>
  <si>
    <t>吉田　翔祐</t>
  </si>
  <si>
    <t>ＳＨＯＷＢＩＺ空調</t>
  </si>
  <si>
    <t>高津区上作延5-14-23　Ｓカーサ溝ノ口　C-201</t>
  </si>
  <si>
    <t>第１－４４７６号</t>
  </si>
  <si>
    <t>有限会社　照山冷機</t>
  </si>
  <si>
    <t>有限会社照山冷機</t>
  </si>
  <si>
    <t>兵庫塚3-34-7</t>
  </si>
  <si>
    <t>第１－４４７７号</t>
  </si>
  <si>
    <t>株式会社　エコフォレスト</t>
  </si>
  <si>
    <t>株式会社エコフォレスト</t>
  </si>
  <si>
    <t>金沢区能見台6-13-9</t>
  </si>
  <si>
    <t>第１－４４７８号</t>
  </si>
  <si>
    <t>第１－４４７９号</t>
  </si>
  <si>
    <t>有限会社　シャローム・サービス</t>
  </si>
  <si>
    <t>有限会社シャローム・サービス</t>
  </si>
  <si>
    <t>取手市</t>
  </si>
  <si>
    <t>青柳709-4</t>
  </si>
  <si>
    <t>第１－４４８０号</t>
  </si>
  <si>
    <t>松田　哲律</t>
  </si>
  <si>
    <t>PINE</t>
  </si>
  <si>
    <t>港南区上永谷3-1-27-1</t>
  </si>
  <si>
    <t>第１－４４８１号</t>
  </si>
  <si>
    <t>Ｒｅｖｉｖｅ　株式会社</t>
  </si>
  <si>
    <t>Ｒｅｖｉｖｅ株式会社　横浜事務所</t>
  </si>
  <si>
    <t>旭区本宿町57-1　ベルハイツB101号室</t>
  </si>
  <si>
    <t>第１－４４８２号</t>
  </si>
  <si>
    <t>ハイセンスジャパン　株式会社</t>
  </si>
  <si>
    <t>ハイセンス　サイクロメトリック　カロリーメータ　ラボ</t>
  </si>
  <si>
    <t>都筑区茅ケ崎東4-5-5</t>
  </si>
  <si>
    <t>第１－４４８３号</t>
  </si>
  <si>
    <t>有限会社　アイエアー</t>
  </si>
  <si>
    <t>有限会社アイエアー</t>
  </si>
  <si>
    <t>宮原町6-26</t>
  </si>
  <si>
    <t>第１－４４８４号</t>
  </si>
  <si>
    <t>株式会社　野上空調</t>
  </si>
  <si>
    <t>株式会社野上空調</t>
  </si>
  <si>
    <t>中葛西1-8-6　大高ハイツ101</t>
  </si>
  <si>
    <t>第１－４４８５号</t>
  </si>
  <si>
    <t>株式会社　アンカークラウド</t>
  </si>
  <si>
    <t>株式会社アンカークラウド</t>
  </si>
  <si>
    <t>原町田6-29-4　寺田ビル3-F</t>
  </si>
  <si>
    <t>第１－４４８６号</t>
  </si>
  <si>
    <t>Ｂ＆Ｊ　株式会社</t>
  </si>
  <si>
    <t>Ｂ＆Ｊ株式会社</t>
  </si>
  <si>
    <t>大字旭ケ丘592番地23</t>
  </si>
  <si>
    <t>第１－４４８７号</t>
  </si>
  <si>
    <t>大川興産　株式会社</t>
  </si>
  <si>
    <t>大川興産株式会社</t>
  </si>
  <si>
    <t>淀川区西中島七丁目12-5-303</t>
  </si>
  <si>
    <t>第１－４４８８号</t>
  </si>
  <si>
    <t>株式会社　武光</t>
  </si>
  <si>
    <t>株式会社武光</t>
  </si>
  <si>
    <t>鳩ヶ谷本町3-8-3-807</t>
  </si>
  <si>
    <t>第１－４４８９号</t>
  </si>
  <si>
    <t>株式会社　ブライト</t>
  </si>
  <si>
    <t>株式会社ブライト</t>
  </si>
  <si>
    <t>金山町一丁目1番1号</t>
  </si>
  <si>
    <t>第１－４４９０号</t>
  </si>
  <si>
    <t>株式会社　アクシア</t>
  </si>
  <si>
    <t>株式会社アクシア</t>
  </si>
  <si>
    <t>増尾台2-27-4</t>
  </si>
  <si>
    <t>第１－４４９１号</t>
  </si>
  <si>
    <t>飯田　和弘</t>
  </si>
  <si>
    <t>飯田設備</t>
  </si>
  <si>
    <t>砂川町6-10-3</t>
  </si>
  <si>
    <t>第１－４４９２号</t>
  </si>
  <si>
    <t>石井　伸之</t>
  </si>
  <si>
    <t>鶴牧5-3-7</t>
  </si>
  <si>
    <t>第１－４４９３号</t>
  </si>
  <si>
    <t>株式会社　ＳＩＮＥＩ</t>
  </si>
  <si>
    <t>株式会社ＳＩＮＥＩ</t>
  </si>
  <si>
    <t>弥平4-4-10</t>
  </si>
  <si>
    <t>第１－４４９４号</t>
  </si>
  <si>
    <t>株式会社　ＺＥＮエンジニアリング</t>
  </si>
  <si>
    <t>株式会社ＺＥＮエンジニアリング</t>
  </si>
  <si>
    <t>都筑区荏田東4-19-1シャンヴェール204</t>
  </si>
  <si>
    <t>第１－４４９５号</t>
  </si>
  <si>
    <t>佐藤電化サービス　株式会社</t>
  </si>
  <si>
    <t>佐藤電化サービス株式会社</t>
  </si>
  <si>
    <t>羽田四丁目10番1号</t>
  </si>
  <si>
    <t>第１－４４９６号</t>
  </si>
  <si>
    <t>谷口　伸弘</t>
  </si>
  <si>
    <t>谷口設備</t>
  </si>
  <si>
    <t>横川町108番地横川町住宅16号棟308号室</t>
  </si>
  <si>
    <t>第１－４４９７号</t>
  </si>
  <si>
    <t>リカバリープロ　株式会社</t>
  </si>
  <si>
    <t>リカバリープロ株式会社</t>
  </si>
  <si>
    <t>港北区新横浜1-29-1</t>
  </si>
  <si>
    <t>第１－４４９８号</t>
  </si>
  <si>
    <t>齋野　俊久</t>
  </si>
  <si>
    <t>サイノ空調</t>
  </si>
  <si>
    <t>安行慈林497-8</t>
  </si>
  <si>
    <t>第１－４４９９号</t>
  </si>
  <si>
    <t>株式会社　上東テクノ</t>
  </si>
  <si>
    <t>株式会社上東テクノ</t>
  </si>
  <si>
    <t>松島1-3-3</t>
  </si>
  <si>
    <t>第１－４５００号</t>
  </si>
  <si>
    <t>株式会社　ＥＯＳ．</t>
  </si>
  <si>
    <t>株式会社ＥＯＳ．</t>
  </si>
  <si>
    <t>岡二丁目10番32号</t>
  </si>
  <si>
    <t>第１－４５０１号</t>
  </si>
  <si>
    <t>北嶋　勝祥</t>
  </si>
  <si>
    <t>北嶋空調</t>
  </si>
  <si>
    <t>高津東2-7-8</t>
  </si>
  <si>
    <t>第１－４５０２号</t>
  </si>
  <si>
    <t>株式会社　エコ・ステージ湘南</t>
  </si>
  <si>
    <t>株式会社エコ・ステージ湘南</t>
  </si>
  <si>
    <t>西区中央1-8-3-101</t>
  </si>
  <si>
    <t>第１－４５０３号</t>
  </si>
  <si>
    <t>新倉空調　株式会社</t>
  </si>
  <si>
    <t>新倉空調株式会社</t>
  </si>
  <si>
    <t>緑町1-6-34</t>
  </si>
  <si>
    <t>第１－４５０４号</t>
  </si>
  <si>
    <t>有限会社　ダイヤ商会</t>
  </si>
  <si>
    <t>有限会社ダイヤ商会</t>
  </si>
  <si>
    <t>富士見台二丁目2番地17号</t>
  </si>
  <si>
    <t>第１－４５０５号</t>
  </si>
  <si>
    <t>エコプロライズ　株式会社</t>
  </si>
  <si>
    <t>エコプロライズ株式会社</t>
  </si>
  <si>
    <t>西区西大宮4-17-10</t>
  </si>
  <si>
    <t>第１－４５０６号</t>
  </si>
  <si>
    <t>橋本　康訓</t>
  </si>
  <si>
    <t>金沢区富岡西7-8-7</t>
  </si>
  <si>
    <t>第１－４５０７号</t>
  </si>
  <si>
    <t>株式会社　ハイブリッヂテクノサービス</t>
  </si>
  <si>
    <t>株式会社ハイブリッヂテクノサービス</t>
  </si>
  <si>
    <t>若葉区源町91番地37</t>
  </si>
  <si>
    <t>第１－４５０８号</t>
  </si>
  <si>
    <t>株式会社　釜仙</t>
  </si>
  <si>
    <t>株式会社釜仙</t>
  </si>
  <si>
    <t>川崎区砂子一丁目6番地2</t>
  </si>
  <si>
    <t>第１－４５０９号</t>
  </si>
  <si>
    <t>第１－４５１０号</t>
  </si>
  <si>
    <t>株式会社　フクイ空調設備</t>
  </si>
  <si>
    <t>株式会社フクイ空調設備</t>
  </si>
  <si>
    <t>駿河区登呂5-21-50</t>
  </si>
  <si>
    <t>第１－４５１１号</t>
  </si>
  <si>
    <t>株式会社　金内商会</t>
  </si>
  <si>
    <t>株式会社金内商会</t>
  </si>
  <si>
    <t>南畑新田195-3</t>
  </si>
  <si>
    <t>第１－４５１２号</t>
  </si>
  <si>
    <t>ビッグバン　株式会社</t>
  </si>
  <si>
    <t>ビッグバン株式会社</t>
  </si>
  <si>
    <t>高津区北見方1-30-20　ロイヤルハイツ1階</t>
  </si>
  <si>
    <t>第１－４５１３号</t>
  </si>
  <si>
    <t>サン工業　株式会社</t>
  </si>
  <si>
    <t>サン工業株式会社</t>
  </si>
  <si>
    <t>西堤西3番2号</t>
  </si>
  <si>
    <t>第１－４５１４号</t>
  </si>
  <si>
    <t>株式会社　ＨＤＨ</t>
  </si>
  <si>
    <t>株式会社ＨＤＨ</t>
  </si>
  <si>
    <t>保土ケ谷区宮田町2-156-3-101</t>
  </si>
  <si>
    <t>第１－４５１５号</t>
  </si>
  <si>
    <t>株式会社　佐藤冷熱</t>
  </si>
  <si>
    <t>佐藤冷熱</t>
  </si>
  <si>
    <t>今泉149-1</t>
  </si>
  <si>
    <t>第１－４５１６号</t>
  </si>
  <si>
    <t>翔海工業　株式会社</t>
  </si>
  <si>
    <t>翔海工業株式会社</t>
  </si>
  <si>
    <t>第１－４５１７号</t>
  </si>
  <si>
    <t>鳥海　博章</t>
  </si>
  <si>
    <t>埼京冷熱</t>
  </si>
  <si>
    <t>藤塚1693-11</t>
  </si>
  <si>
    <t>第１－４５１８号</t>
  </si>
  <si>
    <t>有限会社　宏栄デンキ商会</t>
  </si>
  <si>
    <t>有限会社宏栄デンキ商会</t>
  </si>
  <si>
    <t>芝西2丁目10-10</t>
  </si>
  <si>
    <t>第１－４５１９号</t>
  </si>
  <si>
    <t>阿部　光夫</t>
  </si>
  <si>
    <t>東松島市</t>
  </si>
  <si>
    <t>野蒜字北赤崎25</t>
  </si>
  <si>
    <t>第１－４５２０号</t>
  </si>
  <si>
    <t>株式会社　藤和工業</t>
  </si>
  <si>
    <t>株式会社藤和工業</t>
  </si>
  <si>
    <t>瀬谷区南瀬谷1丁目81番地1号</t>
  </si>
  <si>
    <t>第１－４５２１号</t>
  </si>
  <si>
    <t>中遠冷熱工業　株式会社</t>
  </si>
  <si>
    <t>中遠冷熱工業株式会社</t>
  </si>
  <si>
    <t>葛ケ丘1丁目23番地の5</t>
  </si>
  <si>
    <t>第１－４５２２号</t>
  </si>
  <si>
    <t>加藤　幹</t>
  </si>
  <si>
    <t>創幹</t>
  </si>
  <si>
    <t>港南区野庭町27-43</t>
  </si>
  <si>
    <t>第１－４５２３号</t>
  </si>
  <si>
    <t>計築建設　株式会社</t>
  </si>
  <si>
    <t>計築建設株式会社　千葉支店</t>
  </si>
  <si>
    <t>稲毛区山王町22-11</t>
  </si>
  <si>
    <t>第１－４５２４号</t>
  </si>
  <si>
    <t>門　洪輝</t>
  </si>
  <si>
    <t>門や</t>
  </si>
  <si>
    <t>高島平2-16-5</t>
  </si>
  <si>
    <t>第１－４５２５号</t>
  </si>
  <si>
    <t>八木兵殖産　株式会社</t>
  </si>
  <si>
    <t>八木兵殖産株式会社</t>
  </si>
  <si>
    <t>中区錦2丁目5-32　アルチザンビル3階</t>
  </si>
  <si>
    <t>第１－４５２６号</t>
  </si>
  <si>
    <t>株式会社　Ｅｉｇｈｔ</t>
  </si>
  <si>
    <t>株式会社Ｅｉｇｈｔ</t>
  </si>
  <si>
    <t>松が丘三丁目53番3号</t>
  </si>
  <si>
    <t>第１－４５２７号</t>
  </si>
  <si>
    <t>株式会社　敬隣舎</t>
  </si>
  <si>
    <t>株式会社敬隣舎</t>
  </si>
  <si>
    <t>小茂根4-2-1</t>
  </si>
  <si>
    <t>第１－４５２８号</t>
  </si>
  <si>
    <t>株式会社　Ｒ－テクノ</t>
  </si>
  <si>
    <t>株式会社Ｒ－テクノ</t>
  </si>
  <si>
    <t>北町二丁目24番地2　北町マンションK-0、102</t>
  </si>
  <si>
    <t>第１－４５２９号</t>
  </si>
  <si>
    <t>サントップ　株式会社</t>
  </si>
  <si>
    <t>上尾事業所</t>
  </si>
  <si>
    <t>日の出3-11-41</t>
  </si>
  <si>
    <t>第１－４５３０号</t>
  </si>
  <si>
    <t>サーモコントロールサービス　株式会社</t>
  </si>
  <si>
    <t>サーモコントロールサービス株式会社</t>
  </si>
  <si>
    <t>若葉町2-25-1</t>
  </si>
  <si>
    <t>第１－４５３１号</t>
  </si>
  <si>
    <t>ＭＴ－テック　株式会社</t>
  </si>
  <si>
    <t>ＭＴ－テック株式会社</t>
  </si>
  <si>
    <t>東砂三丁目4番8号</t>
  </si>
  <si>
    <t>第１－４５３２号</t>
  </si>
  <si>
    <t>有限会社　玉空</t>
  </si>
  <si>
    <t>有限会社玉空　川口営業所</t>
  </si>
  <si>
    <t>上青木4-16-12</t>
  </si>
  <si>
    <t>第１－４５３３号</t>
  </si>
  <si>
    <t>神奈川区菅田町1825-6</t>
  </si>
  <si>
    <t>第１－４５３４号</t>
  </si>
  <si>
    <t>株式会社　Ａｉｒ　Ｃｒａｆｔｅ</t>
  </si>
  <si>
    <t>株式会社ＡｉｒＣｒａｆｔｅ</t>
  </si>
  <si>
    <t>豊玉上1-18-8　1F</t>
  </si>
  <si>
    <t>第１－４５３５号</t>
  </si>
  <si>
    <t>有限会社　タマキ設備工業</t>
  </si>
  <si>
    <t>有限会社タマキ設備工業</t>
  </si>
  <si>
    <t>見沼区小深作265-33</t>
  </si>
  <si>
    <t>第１－４５３６号</t>
  </si>
  <si>
    <t>有限会社　洋空調</t>
  </si>
  <si>
    <t>有限会社洋空調</t>
  </si>
  <si>
    <t>南区平楽117-20</t>
  </si>
  <si>
    <t>第１－４５３７号</t>
  </si>
  <si>
    <t>株式会社　ワイテック</t>
  </si>
  <si>
    <t>株式会社ワイテック</t>
  </si>
  <si>
    <t>若葉区みつわ台5-28-3</t>
  </si>
  <si>
    <t>第１－４５３８号</t>
  </si>
  <si>
    <t>本間　拓也</t>
  </si>
  <si>
    <t>本間商店</t>
  </si>
  <si>
    <t>南区大岡1-32-20　弘明寺ヒルトップハウス102</t>
  </si>
  <si>
    <t>久村565</t>
  </si>
  <si>
    <t>080-1212-0760</t>
  </si>
  <si>
    <t>武2丁目10番8号</t>
  </si>
  <si>
    <t>有限会社　長坂電気</t>
  </si>
  <si>
    <t>有限会社長坂電気</t>
  </si>
  <si>
    <t>長坂三丁目11番8号</t>
  </si>
  <si>
    <t>090-3542-6016</t>
  </si>
  <si>
    <t>鴨居二丁目40番13号</t>
  </si>
  <si>
    <t>080-5400-0039</t>
  </si>
  <si>
    <t>有限会社　ＨＡＳ</t>
  </si>
  <si>
    <t>有限会社ＨＡＳ</t>
  </si>
  <si>
    <t>武四丁目34番1号</t>
  </si>
  <si>
    <t>046-858-0388</t>
  </si>
  <si>
    <t>第１－１３６号</t>
  </si>
  <si>
    <t>株式会社　レイテム</t>
  </si>
  <si>
    <t>株式会社レイテム</t>
  </si>
  <si>
    <t>安浦町二丁目13番1号　エースビル4階</t>
  </si>
  <si>
    <t>有限会社　荻原空調</t>
  </si>
  <si>
    <t>090-2755-2250</t>
  </si>
  <si>
    <t>城廻345-6</t>
  </si>
  <si>
    <t>090-9836-8513</t>
  </si>
  <si>
    <t>046-853-1437</t>
  </si>
  <si>
    <t>0467-32-3176</t>
  </si>
  <si>
    <t>株式会社　ＡＣＴ</t>
  </si>
  <si>
    <t>株式会社ＡＣＴ</t>
  </si>
  <si>
    <t>久里浜三丁目27番9号</t>
  </si>
  <si>
    <t>080-1019-1106</t>
  </si>
  <si>
    <t>090-2554-6039</t>
  </si>
  <si>
    <t>046-865-7478</t>
  </si>
  <si>
    <t>046-875-9737</t>
  </si>
  <si>
    <t>齋藤　昌晃</t>
  </si>
  <si>
    <t>ＯＣＪサービス</t>
  </si>
  <si>
    <t>粟田2丁目33番5号</t>
  </si>
  <si>
    <t>090-2724-4464</t>
  </si>
  <si>
    <t>ＷＫオフィス　株式会社</t>
  </si>
  <si>
    <t>ＷＫオフィス株式会社</t>
  </si>
  <si>
    <t>葉山町一色1388番地の3</t>
  </si>
  <si>
    <t>046-827-7944</t>
  </si>
  <si>
    <t>株式会社　エアーサプライ</t>
  </si>
  <si>
    <t>株式会社エアーサプライ</t>
  </si>
  <si>
    <t>葉山町一色345番地</t>
  </si>
  <si>
    <t>046-875-4696</t>
  </si>
  <si>
    <t>東部方面後方支援隊　第３０２普通科直接支援中隊</t>
  </si>
  <si>
    <t>武山駐屯地　東部方面後方支援隊　第３０２普通科直接支援中隊　車両整備工場</t>
  </si>
  <si>
    <t>御幸浜1-1</t>
  </si>
  <si>
    <t>株式会社　仁空調</t>
  </si>
  <si>
    <t>株式会社仁空調</t>
  </si>
  <si>
    <t>葉山町長柄1461-436</t>
  </si>
  <si>
    <t>合同会社　テックハウス</t>
  </si>
  <si>
    <t>合同会社テックハウス</t>
  </si>
  <si>
    <t>鎌倉山四丁目3番1-101号</t>
  </si>
  <si>
    <t>愛川町田代1932番地</t>
  </si>
  <si>
    <t>株式会社　ＢＡＢＡ設備</t>
  </si>
  <si>
    <t>株式会社ＢＡＢＡ設備</t>
  </si>
  <si>
    <t>深見1023番地5</t>
  </si>
  <si>
    <t>090-8700-1617</t>
  </si>
  <si>
    <t>中央区富士見5-2-17</t>
  </si>
  <si>
    <t>042-762-5319</t>
  </si>
  <si>
    <t>0467-33-6344</t>
  </si>
  <si>
    <t>飯山南二丁目27番15号</t>
  </si>
  <si>
    <t>関口966番地の3　シャルマン102</t>
  </si>
  <si>
    <t>株式会社光</t>
  </si>
  <si>
    <t>緑区大島840番地1</t>
  </si>
  <si>
    <t>042-319-9651</t>
  </si>
  <si>
    <t>第１－４８３号</t>
  </si>
  <si>
    <t>第１－４８４号</t>
  </si>
  <si>
    <t>第１－４８５号</t>
  </si>
  <si>
    <t>中荻野778番地1</t>
  </si>
  <si>
    <t>吉岡東一丁目7番25号</t>
  </si>
  <si>
    <t>ティーエスエンバイロ　株式会社</t>
  </si>
  <si>
    <t>ティーエスエンバイロ株式会社</t>
  </si>
  <si>
    <t>鳶尾五丁目4番15号</t>
  </si>
  <si>
    <t>福田七丁目14番地4サンハイム桜ケ丘302号</t>
  </si>
  <si>
    <t>第１－５１５号</t>
  </si>
  <si>
    <t>第１－５１６号</t>
  </si>
  <si>
    <t>第１－５１７号</t>
  </si>
  <si>
    <t>第１－５２１号</t>
  </si>
  <si>
    <t>第１－５２２号</t>
  </si>
  <si>
    <t>046-281-4557</t>
  </si>
  <si>
    <t>042-703-9837</t>
  </si>
  <si>
    <t>080-5095-7635</t>
  </si>
  <si>
    <t>046-205-6603</t>
  </si>
  <si>
    <t>046-258-6289</t>
  </si>
  <si>
    <t>0467-70-3204</t>
  </si>
  <si>
    <t>046-240-8128</t>
  </si>
  <si>
    <t>080-2136-2414</t>
  </si>
  <si>
    <t>株式会社　ゼロエス</t>
  </si>
  <si>
    <t>株式会社ゼロエス</t>
  </si>
  <si>
    <t>090-2560-1507</t>
  </si>
  <si>
    <t>神奈川エアテック　株式会社</t>
  </si>
  <si>
    <t>神奈川エアテック株式会社</t>
  </si>
  <si>
    <t>中央区相模原五丁目6番9－1202号</t>
  </si>
  <si>
    <t>090-1051-8736</t>
  </si>
  <si>
    <t>株式会社　ＩＭＳＥＰＴ</t>
  </si>
  <si>
    <t>株式会社ＩＭＳＥＰＴ</t>
  </si>
  <si>
    <t>東柏ケ谷東柏ケ谷2-12-41太陽ビル第10-205</t>
  </si>
  <si>
    <t>080-4162-4503</t>
  </si>
  <si>
    <t>Ｉｃｅ　Ａｉｒ　Ｔｅｃｈ　株式会社</t>
  </si>
  <si>
    <t>Ｉｃｅ　Ａｉｒ　Ｔｅｃｈ株式会社</t>
  </si>
  <si>
    <t>緑区広田6番4-3号</t>
  </si>
  <si>
    <t>042-851-2083</t>
  </si>
  <si>
    <t>圏央空調工業　株式会社</t>
  </si>
  <si>
    <t>圏央空調工業株式会社</t>
  </si>
  <si>
    <t>愛川町半原1800番地</t>
  </si>
  <si>
    <t>046-280-5265</t>
  </si>
  <si>
    <t>株式会社　千代田冷熱システム</t>
  </si>
  <si>
    <t>株式会社千代田冷熱システム</t>
  </si>
  <si>
    <t>相模が丘六丁目38番1号</t>
  </si>
  <si>
    <t>第１－５４７号</t>
  </si>
  <si>
    <t>ＧＥＭＩＮＩ－ＡＩＲ 株式会社</t>
  </si>
  <si>
    <t>ＧＥＭＩＮＩ－ＡＩＲ株式会社</t>
  </si>
  <si>
    <t>立野台二丁目8番7-4号</t>
  </si>
  <si>
    <t>第１－５４８号</t>
  </si>
  <si>
    <t>株式会社　イキナリデンキ</t>
  </si>
  <si>
    <t>株式会社イキナリデンキ</t>
  </si>
  <si>
    <t>中央林間9-3-35　ＫＫ－１ビル２Ｆ</t>
  </si>
  <si>
    <t>新町2番19号</t>
  </si>
  <si>
    <t>有限会社青木商店本社</t>
  </si>
  <si>
    <t>第１－３４８号</t>
  </si>
  <si>
    <t>安藤　純</t>
  </si>
  <si>
    <t>ＡＬＭＡＴＥＣ</t>
  </si>
  <si>
    <t>080-3403-8104</t>
  </si>
  <si>
    <t>0467-33-5525</t>
  </si>
  <si>
    <t>090-2247-2701</t>
  </si>
  <si>
    <t>0463-79-8919</t>
  </si>
  <si>
    <t>0463-54-3111</t>
  </si>
  <si>
    <t>0463-61-5338</t>
  </si>
  <si>
    <t>0463-79-9630</t>
  </si>
  <si>
    <t>046-622-1528</t>
  </si>
  <si>
    <t>0467-98-2171</t>
  </si>
  <si>
    <t>0466-88-3131</t>
  </si>
  <si>
    <t>0463-45-0328</t>
  </si>
  <si>
    <t>0466-98-1230</t>
  </si>
  <si>
    <t>0466-54-9881</t>
  </si>
  <si>
    <t>0463-58-7944</t>
  </si>
  <si>
    <t>050-3395-7311</t>
  </si>
  <si>
    <t>090-7009-7179</t>
  </si>
  <si>
    <t>070-8999-8930</t>
  </si>
  <si>
    <t>0466-45-2730</t>
  </si>
  <si>
    <t>有限会社英光電気</t>
  </si>
  <si>
    <t>東海岸北二丁目14番47号</t>
  </si>
  <si>
    <t>0467-82-2104</t>
  </si>
  <si>
    <t>さくら空調設備</t>
  </si>
  <si>
    <t>浜須賀10番29号</t>
  </si>
  <si>
    <t>0467-88-2180</t>
  </si>
  <si>
    <t>株式会社　湘南ライフテクノ</t>
  </si>
  <si>
    <t>堀川611番地イイダビル11号</t>
  </si>
  <si>
    <t>0463-68-1863</t>
  </si>
  <si>
    <t>株式会社　ＫＩ空調</t>
  </si>
  <si>
    <t>堤3663番地1</t>
  </si>
  <si>
    <t>0467-37-6154</t>
  </si>
  <si>
    <t>第１－３８６号</t>
  </si>
  <si>
    <t>佐藤　貴久</t>
  </si>
  <si>
    <t>Ｆｌｅｘ　Ｆｌｅｅｔ　Ｔｒｅａｄｉｎｇ</t>
  </si>
  <si>
    <t>鵠沼松が岡2丁目13番10号</t>
  </si>
  <si>
    <t>株式会社　Ｆａｃｔ</t>
  </si>
  <si>
    <t>株式会社Ｆａｃｔ</t>
  </si>
  <si>
    <t>大庭5247番地の16</t>
  </si>
  <si>
    <t>飯田　司</t>
  </si>
  <si>
    <t>飯田電器</t>
  </si>
  <si>
    <t>宮原3331番地の5</t>
  </si>
  <si>
    <t>株式会社　Ｐｅｎｅｔｒａｔｅ</t>
  </si>
  <si>
    <t>株式会社Ｐｅｎｅｔｒａｔｅ</t>
  </si>
  <si>
    <t>田中899番地の1</t>
  </si>
  <si>
    <t>第１－３９２号</t>
  </si>
  <si>
    <t>ニコットホームサービス　株式会社</t>
  </si>
  <si>
    <t>ニコットホームサービス株式会社</t>
  </si>
  <si>
    <t>立野町29番21号ビューハイツ湘南1階</t>
  </si>
  <si>
    <t>第１－３９３号</t>
  </si>
  <si>
    <t>前田　義徳</t>
  </si>
  <si>
    <t>前田空調</t>
  </si>
  <si>
    <t>善行坂１丁目1番18号</t>
  </si>
  <si>
    <t>有限会社　エスケーエスサービス</t>
  </si>
  <si>
    <t>有限会社エスケーエスサービス</t>
  </si>
  <si>
    <t>遠藤839-12</t>
  </si>
  <si>
    <t>株式会社　エビス</t>
  </si>
  <si>
    <t>株式会社エビス　本店事業所</t>
  </si>
  <si>
    <t>寒川町田端91番地1</t>
  </si>
  <si>
    <t>杉山　顕</t>
  </si>
  <si>
    <t>ＤＫＲ　ｃｏｍｐａｎｙ</t>
  </si>
  <si>
    <t>寒川町宮山2997番地１</t>
  </si>
  <si>
    <t>株式会社　ＬＶ－ＣＯＮ</t>
  </si>
  <si>
    <t>株式会社ＬＶ－ＣＯＮ</t>
  </si>
  <si>
    <t>高森97-1</t>
  </si>
  <si>
    <t>株式会社　勇心空設</t>
  </si>
  <si>
    <t>株式会社勇心空設</t>
  </si>
  <si>
    <t>南矢名1798番地の6</t>
  </si>
  <si>
    <t>株式会社　西湘冷熱</t>
  </si>
  <si>
    <t>株式会社西湘冷熱</t>
  </si>
  <si>
    <t>0465-20-8287</t>
  </si>
  <si>
    <t>第１－９４号</t>
  </si>
  <si>
    <t>第１－１０５号</t>
  </si>
  <si>
    <t>0465-42-7253</t>
  </si>
  <si>
    <t>0465-32-0322</t>
  </si>
  <si>
    <t>0465-25-1710</t>
  </si>
  <si>
    <t>株式会社　大相環境サービス</t>
  </si>
  <si>
    <t>株式会社大相環境サービス</t>
  </si>
  <si>
    <t>飯泉1256番地1</t>
  </si>
  <si>
    <t>0465-45-0811</t>
  </si>
  <si>
    <t>株式会社　会津</t>
  </si>
  <si>
    <t>株式会社会津</t>
  </si>
  <si>
    <t>飯田岡99番地の3</t>
  </si>
  <si>
    <t>曽我原560番地</t>
  </si>
  <si>
    <t>アイテクト　株式会社</t>
  </si>
  <si>
    <t>アイテクト株式会社</t>
  </si>
  <si>
    <t>中井町境1118-1</t>
  </si>
  <si>
    <t>神(気水)第１－１号相模サービス株式会社</t>
  </si>
  <si>
    <t>神(気水)第１－２号有限会社中央エアコン</t>
  </si>
  <si>
    <t>神(気水)第１－４号有限会社大谷商店</t>
  </si>
  <si>
    <t>神(気水)第１－６号オムニテック有限会社</t>
  </si>
  <si>
    <t>神(気水)第１－７号株式会社日本レフ・テック</t>
  </si>
  <si>
    <t>神(気水)第１－８号株式会社トモエ冷熱工業</t>
  </si>
  <si>
    <t>神(気水)第１－９号稲森電気株式会社</t>
  </si>
  <si>
    <t>神(気水)第１－１３号有限会社宇賀村冷熱</t>
  </si>
  <si>
    <t>神(気水)第１－１４号太洋テクニカ株式会社</t>
  </si>
  <si>
    <t>神(気水)第１－１４号太洋テクニカ株式会社　湘南支店</t>
  </si>
  <si>
    <t>神(気水)第１－１５号有限会社リゾーム</t>
  </si>
  <si>
    <t>神(気水)第１－２２号有限会社鶴田冷熱</t>
  </si>
  <si>
    <t>神(気水)第１－２３号株式会社大基　横須賀支店</t>
  </si>
  <si>
    <t>神(気水)第１－２８号株式会社コート</t>
  </si>
  <si>
    <t>神(気水)第１－３０号株式会社アサヒ低温</t>
  </si>
  <si>
    <t>神(気水)第１－３１号アトム冷熱工業株式会社</t>
  </si>
  <si>
    <t>神(気水)第１－３５号協栄設備株式会社</t>
  </si>
  <si>
    <t>神(気水)第１－３７号株式会社研空社</t>
  </si>
  <si>
    <t>神(気水)第１－３８号株式会社光電社</t>
  </si>
  <si>
    <t>神(気水)第１－４０号株式会社三栄空調</t>
  </si>
  <si>
    <t>神(気水)第１－４２号有限会社昭英工業</t>
  </si>
  <si>
    <t>神(気水)第１－４３号有限会社神冷凍機工業所</t>
  </si>
  <si>
    <t>神(気水)第１－４４号ダイシン機器株式会社　篠原工場</t>
  </si>
  <si>
    <t>神(気水)第１－４５号有限会社太陽冷熱工業</t>
  </si>
  <si>
    <t>神(気水)第１－４６号株式会社高野商店</t>
  </si>
  <si>
    <t>神(気水)第１－４７号有限会社田島冷機工業所</t>
  </si>
  <si>
    <t>神(気水)第１－５２号株式会社中野冷機神奈川</t>
  </si>
  <si>
    <t>神(気水)第１－５４号三田調温工業株式会社</t>
  </si>
  <si>
    <t>神(気水)第１－５８号株式会社レイコー</t>
  </si>
  <si>
    <t>神(気水)第１－５９号レイキ販売株式会社</t>
  </si>
  <si>
    <t>神(気水)第１－５９号レイキ販売株式会社　神奈川西営業所</t>
  </si>
  <si>
    <t>神(気水)第１－６２号ＫＯＥＩ　ＪＡＰＡＮ株式会社　横浜金沢事業所</t>
  </si>
  <si>
    <t>神(気水)第１－６５号川又電機工事株式会社</t>
  </si>
  <si>
    <t>神(気水)第１－６６号有限会社渡辺冷機工業</t>
  </si>
  <si>
    <t>神(気水)第１－６７号有限会社高橋冷暖房</t>
  </si>
  <si>
    <t>神(気水)第１－６８号株式会社信日空調設備</t>
  </si>
  <si>
    <t>神(気水)第１－７０号株式会社エフピーアイ</t>
  </si>
  <si>
    <t>神(気水)第１－７１号和光空調株式会社</t>
  </si>
  <si>
    <t>神(気水)第１－７６号三協冷熱工業株式会社</t>
  </si>
  <si>
    <t>神(気水)第１－８０号有限会社竹島工業</t>
  </si>
  <si>
    <t>神(気水)第１－８６号ジェー・エス・エアレーター株式会社</t>
  </si>
  <si>
    <t>神(気水)第１－８７号株式会社アミテック</t>
  </si>
  <si>
    <t>神(気水)第１－８８号セイコー産業東京株式会社</t>
  </si>
  <si>
    <t>神(気水)第１－９１号有限会社直原冷熱</t>
  </si>
  <si>
    <t>神(気水)第１－９３号有限会社山口機工</t>
  </si>
  <si>
    <t>神(気水)第１－９６号中野酸工株式会社　荒川営業所</t>
  </si>
  <si>
    <t>神(気水)第１－９７号株式会社日進</t>
  </si>
  <si>
    <t>神(気水)第１－９９号協立ソリューションズ株式会社</t>
  </si>
  <si>
    <t>神(気水)第１－１００号緑空調サービス</t>
  </si>
  <si>
    <t>神(気水)第１－１０１号有限会社綜合住宅設備</t>
  </si>
  <si>
    <t>神(気水)第１－１０８号モリタニ・ダイキン株式会社</t>
  </si>
  <si>
    <t>神(気水)第１－１０９号ＪＦＥアーバンリサイクル株式会社</t>
  </si>
  <si>
    <t>神(気水)第１－１１１号小林工業所</t>
  </si>
  <si>
    <t>神(気水)第１－１１５号有限会社北林冷熱</t>
  </si>
  <si>
    <t>神(気水)第１－１１６号有限会社伸栄テクノ</t>
  </si>
  <si>
    <t>神(気水)第１－１１７号関東空調設備株式会社</t>
  </si>
  <si>
    <t>神(気水)第１－１１８号株式会社田畑製作所</t>
  </si>
  <si>
    <t>神(気水)第１－１１９号株式会社サーマル</t>
  </si>
  <si>
    <t>神(気水)第１－１２１号株式会社太平エンジニアリング　沼津支店</t>
  </si>
  <si>
    <t>神(気水)第１－１２８号株式会社武蔵野設備</t>
  </si>
  <si>
    <t>神(気水)第１－１３０号有限会社吉沢空調設備</t>
  </si>
  <si>
    <t>神(気水)第１－１３１号株式会社エム・イー・エス</t>
  </si>
  <si>
    <t>神(気水)第１－１３２号株式会社アクエス</t>
  </si>
  <si>
    <t>神(気水)第１－１３３号株式会社創和</t>
  </si>
  <si>
    <t>神(気水)第１－１３５号有限会社パートナー・フォー・アース</t>
  </si>
  <si>
    <t>神(気水)第１－１３７号第一セントラル設備株式会社</t>
  </si>
  <si>
    <t>神(気水)第１－１４０号横浜旭実業株式会社</t>
  </si>
  <si>
    <t>神(気水)第１－１４３号原田冷熱工業</t>
  </si>
  <si>
    <t>神(気水)第１－１４４号京浜装備株式会社</t>
  </si>
  <si>
    <t>神(気水)第１－１４５号株式会社太宝空調</t>
  </si>
  <si>
    <t>神(気水)第１－１４６号フクシマガリレイ株式会社　横浜支店</t>
  </si>
  <si>
    <t>神(気水)第１－１４６号フクシマガリレイ株式会社　厚木営業所</t>
  </si>
  <si>
    <t>神(気水)第１－１５０号トキワ設備工業株式会社</t>
  </si>
  <si>
    <t>神(気水)第１－１５２号株式会社セントラル・エンジニアリング</t>
  </si>
  <si>
    <t>神(気水)第１－１５５号有限会社マリコ電気商会</t>
  </si>
  <si>
    <t>神(気水)第１－１５７号株式会社サンライズエンジニアリング</t>
  </si>
  <si>
    <t>神(気水)第１－１５９号株式会社玉川設備</t>
  </si>
  <si>
    <t>神(横セ)第１－１６２号豊岡空調株式会社</t>
  </si>
  <si>
    <t>神(気水)第１－１６３号有限会社ウノ設備</t>
  </si>
  <si>
    <t>神(気水)第１－１６７号東冷</t>
  </si>
  <si>
    <t>神(気水)第１－１６８号協和冷熱工業株式会社</t>
  </si>
  <si>
    <t>神(気水)第１－１６９号有限会社浅見空調サービス</t>
  </si>
  <si>
    <t>神(気水)第１－１７１号サンワトリニティ株式会社</t>
  </si>
  <si>
    <t>神(気水)第１－１７２号株式会社藤和電研</t>
  </si>
  <si>
    <t>神(気水)第１－１７３号明工機設株式会社</t>
  </si>
  <si>
    <t>神(気水)第１－１７４号エヌ・ケイ・テクノ株式会社</t>
  </si>
  <si>
    <t>神(気水)第１－１７６号光立興業株式会社</t>
  </si>
  <si>
    <t>神(気水)第１－１７７号宮脇車輌工業株式会社</t>
  </si>
  <si>
    <t>神(気水)第１－１８０号ドクターホームズ株式会社　東京営業所</t>
  </si>
  <si>
    <t>神(気水)第１－１８３号株式会社大西熱学　サービスセンター</t>
  </si>
  <si>
    <t>神(気水)第１－１８５号東和エンジニアリング株式会社</t>
  </si>
  <si>
    <t>神(気水)第１－１８６号ホリテク有限会社</t>
  </si>
  <si>
    <t>神(気水)第１－１９２号株式会社日冷設備</t>
  </si>
  <si>
    <t>神(気水)第１－１９３号有限会社飯澤設備</t>
  </si>
  <si>
    <t>神(気水)第１－１９４号三菱電機ビルソリューションズ株式会社　横浜支社　みなと支店</t>
  </si>
  <si>
    <t>神(気水)第１－１９４号三菱電機ビルソリューションズ株式会社　横浜支社　さがみ支店</t>
  </si>
  <si>
    <t>神(気水)第１－１９４号三菱電機ビルソリューションズ株式会社　横浜支社　さがみ支店　厚木営業所</t>
  </si>
  <si>
    <t>神(気水)第１－１９４号三菱電機ビルソリューションズ株式会社　横浜支社　西湘支店</t>
  </si>
  <si>
    <t>神(気水)第１－１９４号三菱電機ビルソリューションズ株式会社　横浜支社　西湘支店　湘南営業所</t>
  </si>
  <si>
    <t>神(気水)第１－１９４号三菱電機ビルソリューションズ株式会社　横浜支社　中央支店</t>
  </si>
  <si>
    <t>神(気水)第１－１９４号三菱電機ビルソリューションズ株式会社　横浜支社　西湘支店　沼津営業所</t>
  </si>
  <si>
    <t>神(気水)第１－１９７号菱冷サービス株式会社　東京支社</t>
  </si>
  <si>
    <t>神(気水)第１－１９７号菱冷サービス株式会社　千葉営業所</t>
  </si>
  <si>
    <t>神(気水)第１－２００号三菱電機ｼｽﾃﾑｻｰﾋﾞｽ株式会社　首都圏第1支社　横浜ｻｰﾋﾞｽｽﾃｰｼｮﾝ</t>
  </si>
  <si>
    <t>神(気水)第１－２００号三菱電機ｼｽﾃﾑｻｰﾋﾞｽ株式会社　首都圏第1支社　県央ｻｰﾋﾞｽｽﾃｰｼｮﾝ</t>
  </si>
  <si>
    <t>神(気水)第１－２００号三菱電機ｼｽﾃﾑｻｰﾋﾞｽ株式会社　首都圏第1支社　港北ｻｰﾋﾞｽｽﾃｰｼｮﾝ</t>
  </si>
  <si>
    <t>神(気水)第１－２００号三菱電機ｼｽﾃﾑｻｰﾋﾞｽ株式会社　首都圏第1支社　世田谷ｻｰﾋﾞｽｽﾃｰｼｮﾝ</t>
  </si>
  <si>
    <t>神(気水)第１－２００号三菱電機ｼｽﾃﾑｻｰﾋﾞｽ株式会社　首都圏第1支社　八王子ｻｰﾋﾞｽｽﾃｰｼｮﾝ</t>
  </si>
  <si>
    <t>神(気水)第１－２００号三菱電機ｼｽﾃﾑｻｰﾋﾞｽ株式会社　車両空調ｼｽﾃﾑ部　車両空調ｼｽﾃﾑﾃｸﾆｶﾙｾﾝﾀｰ</t>
  </si>
  <si>
    <t>神(気水)第１－２００号三菱電機ｼｽﾃﾑｻｰﾋﾞｽ株式会社　首都圏第1支社　山梨ｻｰﾋﾞｽｽﾃｰｼｮﾝ</t>
  </si>
  <si>
    <t>神(気水)第１－２００号三菱電機ｼｽﾃﾑｻｰﾋﾞｽ株式会社　首都圏第1支社　熊谷ｻｰﾋﾞｽｽﾃｰｼｮﾝ</t>
  </si>
  <si>
    <t>神(気水)第１－２００号三菱電機ｼｽﾃﾑｻｰﾋﾞｽ株式会社　首都圏第1支社　足立ｻｰﾋﾞｽｽﾃｰｼｮﾝ</t>
  </si>
  <si>
    <t>神(気水)第１－２０１号猿渡冷暖房株式会社</t>
  </si>
  <si>
    <t>神(気水)第１－２０２号石井工業所</t>
  </si>
  <si>
    <t>神(気水)第１－２０３号吉田冷機工業株式会社</t>
  </si>
  <si>
    <t>神(気水)第１－２０４号日本空調サービス工業株式会社</t>
  </si>
  <si>
    <t>神(気水)第１－２１１号ゼット・エンジニアリング株式会社</t>
  </si>
  <si>
    <t>神(気水)第１－２１５号ダイキン工業株式会社　厚木サービスステーション</t>
  </si>
  <si>
    <t>神(気水)第１－２１５号ダイキン工業株式会社　横浜サービスステーション</t>
  </si>
  <si>
    <t>神(気水)第１－２１５号ダイキン工業株式会社　戸塚サービスステーション</t>
  </si>
  <si>
    <t>神(気水)第１－２１７号京王重機整備株式会社　北野事業所</t>
  </si>
  <si>
    <t>神(気水)第１－２１８号東和工業株式会社</t>
  </si>
  <si>
    <t>神(気水)第１－２１９号株式会社太平ビルケア　東京支店</t>
  </si>
  <si>
    <t>神(気水)第１－２１９号株式会社太平ビルケア　横浜営業所</t>
  </si>
  <si>
    <t>神(気水)第１－２２１号クウショーエンタープライズ株式会社</t>
  </si>
  <si>
    <t>神(気水)第１－２２４号保栄工業株式会社</t>
  </si>
  <si>
    <t>神(気水)第１－２２５号株式会社ユニオン</t>
  </si>
  <si>
    <t>神(気水)第１－２２８号株式会社ギケン</t>
  </si>
  <si>
    <t>神(気水)第１－２２９号ハマ冷機工業株式会社</t>
  </si>
  <si>
    <t>神(気水)第１－２３２号メトロ車両株式会社　鷺沼事業所</t>
  </si>
  <si>
    <t>神(気水)第１－２３３号有限会社岩崎設備</t>
  </si>
  <si>
    <t>神(気水)第１－２３４号菱機工業株式会社　東京本社</t>
  </si>
  <si>
    <t>神(気水)第１－２３８号中桜冷熱工業株式会社</t>
  </si>
  <si>
    <t>神(気水)第１－２４３号長竹設備株式会社</t>
  </si>
  <si>
    <t>神(気水)第１－２４７号株式会社川崎空調サービス</t>
  </si>
  <si>
    <t>神(気水)第１－２５１号有限会社スズデンエンジニアリング</t>
  </si>
  <si>
    <t>神(気水)第１－２５２号有限会社マノメ空調設備</t>
  </si>
  <si>
    <t>神(気水)第１－２５３号東辰冷熱株式会社</t>
  </si>
  <si>
    <t>神(気水)第１－２５６号株式会社アメフレック　大阪本社</t>
  </si>
  <si>
    <t>神(気水)第１－２５７号大島冷凍機</t>
  </si>
  <si>
    <t>神(気水)第１－２５９号ケーユーエンジニアリング</t>
  </si>
  <si>
    <t>神(気水)第１－２６０号創和エンジニアリング株式会社</t>
  </si>
  <si>
    <t>神(気水)第１－２６３号株式会社協伸　横浜テクニカルセンター</t>
  </si>
  <si>
    <t>神(気水)第１－２６５号菱重コールドチェーン株式会社</t>
  </si>
  <si>
    <t>神(気水)第１－２６６号株式会社晃立設備</t>
  </si>
  <si>
    <t>神(気水)第１－２６８号株式会社フロスト</t>
  </si>
  <si>
    <t>神(気水)第１－２７１号福井電機株式会社</t>
  </si>
  <si>
    <t>神(気水)第１－２７２号有限会社タカヤマ設備</t>
  </si>
  <si>
    <t>神(気水)第１－２７３号株式会社セントラルエアコン</t>
  </si>
  <si>
    <t>神(気水)第１－２７５号株式会社平工業　横浜営業所</t>
  </si>
  <si>
    <t>神(気水)第１－２７７号マルサン空調株式会社</t>
  </si>
  <si>
    <t>神(気水)第１－２７８号株式会社住機　城南営業所</t>
  </si>
  <si>
    <t>神(気水)第１－２７８号株式会社住機　八王子営業所</t>
  </si>
  <si>
    <t>神(気水)第１－２７８号株式会社住機　厚木営業所</t>
  </si>
  <si>
    <t>神(気水)第１－２８０号東神空調株式会社</t>
  </si>
  <si>
    <t>神(気水)第１－２８２号日立グローバルライフソリューションズ株式会社　関東サービスエンジニアリングセンタ</t>
  </si>
  <si>
    <t>神(気水)第１－２８２号日立グローバルライフソリューションズ株式会社　関東サービスエンジニアリングセンタ横浜サービスステーション</t>
  </si>
  <si>
    <t>神(気水)第１－２８２号日立グローバルライフソリューションズ株式会社　ホームソリューション事業部　家電サービス本部　東日本統括サービス部　厚木サービスセンター</t>
  </si>
  <si>
    <t>神(気水)第１－２８２号日立グローバルライフソリューションズ株式会社　ホームソリューション事業部　家電サービス本部　東日本統括サービス部　横浜北サービスセンター</t>
  </si>
  <si>
    <t>神(気水)第１－２８２号日立グローバルライフソリューションズ株式会社　ホームソリューション事業部　家電サービス本部　東日本統括サービス部　横浜南サービスセンター</t>
  </si>
  <si>
    <t>神(気水)第１－２８２号日立グローバルライフソリューションズ株式会社　ホームソリューション事業部　家電サービス本部　東日本統括サービス部　山梨サービスセンター</t>
  </si>
  <si>
    <t>神(気水)第１－２８６号有限会社サンズ・テクノ</t>
  </si>
  <si>
    <t>神(気水)第１－２８７号株式会社南武電設</t>
  </si>
  <si>
    <t>神(気水)第１－２８９号株式会社洋栄工業</t>
  </si>
  <si>
    <t>神(気水)第１－２９１号クリーン工業株式会社</t>
  </si>
  <si>
    <t>神(気水)第１－２９３号株式会社三幸</t>
  </si>
  <si>
    <t>神(気水)第１－３００号日英冷機工業有限会社</t>
  </si>
  <si>
    <t>神(気水)第１－３０２号株式会社エベ冷凍空調機器</t>
  </si>
  <si>
    <t>神(気水)第１－３０４号東京冷暖房サービス株式会社</t>
  </si>
  <si>
    <t>神(気水)第１－３０５号横浜空調システム</t>
  </si>
  <si>
    <t>神(気水)第１－３０６号港冷暖房設備工業有限会社</t>
  </si>
  <si>
    <t>神(気水)第１－３０７号日本電化工機株式会社　ＭＡＣ冷熱品改造センター</t>
  </si>
  <si>
    <t>神(気水)第１－３０９号有限会社藤沢空調</t>
  </si>
  <si>
    <t>神(気水)第１－３１０号東京瓦斯株式会社　商品サービス部</t>
  </si>
  <si>
    <t>神(気水)第１－３１１号株式会社誠和実業</t>
  </si>
  <si>
    <t>神(気水)第１－３１２号東武テクノ株式会社</t>
  </si>
  <si>
    <t>神(気水)第１－３１３号新菱冷熱工業株式会社　機器設備事業部</t>
  </si>
  <si>
    <t>神(気水)第１－３１４号菱友冷熱株式会社</t>
  </si>
  <si>
    <t>神(気水)第１－３１６号株式会社尾崎設備工業</t>
  </si>
  <si>
    <t>神(気水)第１－３１７号株式会社アートエヤコン</t>
  </si>
  <si>
    <t>神(気水)第１－３１８号株式会社右近冷暖房</t>
  </si>
  <si>
    <t>神(気水)第１－３１９号有限会社志村機工</t>
  </si>
  <si>
    <t>神(気水)第１－３２０号千代田設備工業株式会社</t>
  </si>
  <si>
    <t>神(気水)第１－３２１号株式会社細川商会</t>
  </si>
  <si>
    <t>神(気水)第１－３２２号有限会社亜細亜機械製作所</t>
  </si>
  <si>
    <t>神(気水)第１－３２３号有限会社渡邉冷機工業</t>
  </si>
  <si>
    <t>神(気水)第１－３２４号株式会社馬込冷凍機製作所</t>
  </si>
  <si>
    <t>神(気水)第１－３２５号株式会社協和空調システム</t>
  </si>
  <si>
    <t>神(気水)第１－３２６号向島空調工業株式会社</t>
  </si>
  <si>
    <t>神(気水)第１－３２７号株式会社三冷社　東京支社</t>
  </si>
  <si>
    <t>神(気水)第１－３２８号広布設備工業株式会社</t>
  </si>
  <si>
    <t>神(気水)第１－３２９号有限会社創学</t>
  </si>
  <si>
    <t>神(気水)第１－３３０号株式会社沖原工務所</t>
  </si>
  <si>
    <t>神(気水)第１－３３１号株式会社リバティ</t>
  </si>
  <si>
    <t>神(気水)第１－３３３号三沢電機株式会社</t>
  </si>
  <si>
    <t>神(気水)第１－３３６号有限会社システム空調</t>
  </si>
  <si>
    <t>神(気水)第１－３３７号三葉電機株式会社</t>
  </si>
  <si>
    <t>神(気水)第１－３３９号株式会社三省</t>
  </si>
  <si>
    <t>神(気水)第１－３４０号ライト工業株式会社</t>
  </si>
  <si>
    <t>神(気水)第１－３４２号株式会社エイシークリエイト</t>
  </si>
  <si>
    <t>神(気水)第１－３４４号有限会社大友工業所</t>
  </si>
  <si>
    <t>神(気水)第１－３４７号株式会社エアテクニカ</t>
  </si>
  <si>
    <t>神(気水)第１－３５０号幸和設備株式会社</t>
  </si>
  <si>
    <t>神(気水)第１－３５３号有限会社三浦設備</t>
  </si>
  <si>
    <t>神(気水)第１－３５５号ヤマザキ・シー・エー株式会社　横浜支店</t>
  </si>
  <si>
    <t>神(気水)第１－３５５号ヤマザキ・シー・エー株式会社　厚木営業所</t>
  </si>
  <si>
    <t>神(気水)第１－３５７号株式会社北斗サービス</t>
  </si>
  <si>
    <t>神(気水)第１－３５８号株式会社長谷部機工</t>
  </si>
  <si>
    <t>神(気水)第１－３６５号株式会社豊隆機器サービス</t>
  </si>
  <si>
    <t>神(気水)第１－３６７号日神工業株式会社</t>
  </si>
  <si>
    <t>神(気水)第１－３６７号日神工業株式会社　真岡営業所</t>
  </si>
  <si>
    <t>神(気水)第１－３６７号日神工業株式会社　栃木支店</t>
  </si>
  <si>
    <t>神(気水)第１－３６７号日神工業株式会社　両毛支店</t>
  </si>
  <si>
    <t>神(気水)第１－３７０号有限会社グローイング</t>
  </si>
  <si>
    <t>神(気水)第１－３７３号有限会社サクラシステム</t>
  </si>
  <si>
    <t>神(気水)第１－３６００号アイズシステム　三浦将一</t>
  </si>
  <si>
    <t>神(気水)第１－３７８号株式会社エレコ</t>
  </si>
  <si>
    <t>神(気水)第１－３７９号有限会社栄光設備</t>
  </si>
  <si>
    <t>神(気水)第１－３８０号ハイエスト総合設備株式会社</t>
  </si>
  <si>
    <t>神(気水)第１－３８１号有限会社ケー・エムサービス</t>
  </si>
  <si>
    <t>神(気水)第１－３８２号有限会社東海空調</t>
  </si>
  <si>
    <t>神(気水)第１－３８４号有限会社精工冷熱</t>
  </si>
  <si>
    <t>神(気水)第１－３８８号筑豊設備有限会社</t>
  </si>
  <si>
    <t>神(気水)第１－３８９号有限会社森冷機</t>
  </si>
  <si>
    <t>神(気水)第１－３９０号株式会社エステム</t>
  </si>
  <si>
    <t>神(気水)第１－３９１号株式会社はんれい</t>
  </si>
  <si>
    <t>神(気水)第１－３９５号南部空調株式会社</t>
  </si>
  <si>
    <t>神(気水)第１－３９７号日本ユニテック株式会社</t>
  </si>
  <si>
    <t>神(気水)第１－３９８号応用冷機株式会社</t>
  </si>
  <si>
    <t>神(気水)第１－４００号株式会社保坂製作所</t>
  </si>
  <si>
    <t>神(気水)第１－４００号株式会社保坂製作所　津久井工場</t>
  </si>
  <si>
    <t>神(気水)第１－４０１号菱熱サービス株式会社</t>
  </si>
  <si>
    <t>神(気水)第１－４０５号有限会社セルフ</t>
  </si>
  <si>
    <t>神(気水)第１－４０６号日研空調株式会社</t>
  </si>
  <si>
    <t>神(気水)第１－４０７号株式会社タイレイクリエイション</t>
  </si>
  <si>
    <t>神(気水)第１－４１０号株式会社ウエーブ</t>
  </si>
  <si>
    <t>神(気水)第１－４１４号株式会社サンエム</t>
  </si>
  <si>
    <t>神(気水)第１－４１５号大冷工業株式会社</t>
  </si>
  <si>
    <t>神(気水)第１－４１７号有限会社ダイワ空調</t>
  </si>
  <si>
    <t>神(気水)第１－４１８号株式会社三凌商事　相模原支社</t>
  </si>
  <si>
    <t>神(気水)第１－４１８号株式会社三凌商事　三凌愛川リサイクルセンター第4工場</t>
  </si>
  <si>
    <t>神(気水)第１－４２０号株式会社日電</t>
  </si>
  <si>
    <t>神(気水)第１－４２３号中央三洋設備株式会社</t>
  </si>
  <si>
    <t>神(気水)第１－４２４号株式会社アリガ</t>
  </si>
  <si>
    <t>神(気水)第１－４３２号信井電機工業株式会社</t>
  </si>
  <si>
    <t>神(気水)第１－４３４号テクノス工業株式会社</t>
  </si>
  <si>
    <t>神(気水)第１－４３７号株式会社日栄電機工業</t>
  </si>
  <si>
    <t>神(気水)第１－４４０号港南エアコンサービス</t>
  </si>
  <si>
    <t>神(気水)第１－４４２号株式会社朝日機器エンジニアリング　東京支店</t>
  </si>
  <si>
    <t>神(気水)第１－４４６号株式会社テック・エアサービス</t>
  </si>
  <si>
    <t>神(気水)第１－４４７号鑽升産業株式会社</t>
  </si>
  <si>
    <t>神(気水)第１－４４８号有限会社サンエアシステム</t>
  </si>
  <si>
    <t>神(気水)第１－４４９号大和冷機工業株式会社　横浜西営業所</t>
  </si>
  <si>
    <t>神(気水)第１－４４９号大和冷機工業株式会社　相模原営業所</t>
  </si>
  <si>
    <t>神(気水)第１－４４９号大和冷機工業株式会社　横浜北営業所</t>
  </si>
  <si>
    <t>神(気水)第１－４４９号大和冷機工業株式会社　横浜南営業所</t>
  </si>
  <si>
    <t>神(気水)第１－４４９号大和冷機工業株式会社　藤沢営業所</t>
  </si>
  <si>
    <t>神(気水)第１－４４９号大和冷機工業株式会社　川崎営業所</t>
  </si>
  <si>
    <t>神(気水)第１－４４９号大和冷機工業株式会社　平塚営業所</t>
  </si>
  <si>
    <t>神(気水)第１－４４９号大和冷機工業株式会社　横須賀営業所</t>
  </si>
  <si>
    <t>神(気水)第１－４４９号大和冷機工業株式会社　神奈川サービスセンター</t>
  </si>
  <si>
    <t>神(気水)第１－４４９号大和冷機工業株式会社　大船営業所</t>
  </si>
  <si>
    <t>神(気水)第１－４４９号大和冷機工業株式会社　ＤＮＳ東京営業所</t>
  </si>
  <si>
    <t>神(気水)第１－４４９号大和冷機工業株式会社　横浜中央営業所</t>
  </si>
  <si>
    <t>神(気水)第１－４５０号株式会社アーバンテクノ</t>
  </si>
  <si>
    <t>神(気水)第１－４５２号タナカテクノス</t>
  </si>
  <si>
    <t>神(気水)第１－４５５号株式会社水興社</t>
  </si>
  <si>
    <t>神(気水)第１－４５７号株式会社東冷蔵工業所</t>
  </si>
  <si>
    <t>神(気水)第１－４５８号株式会社サンコー冷機</t>
  </si>
  <si>
    <t>神(気水)第１－４５９号ＴＩＡＣエンジニアリング</t>
  </si>
  <si>
    <t>神(気水)第１－４６４号株式会社ダイトーフジテック</t>
  </si>
  <si>
    <t>神(気水)第１－４６５号株式会社ニッテク</t>
  </si>
  <si>
    <t>神(気水)第１－４６８号リケン・セッテ有限会社</t>
  </si>
  <si>
    <t>神(気水)第１－４７３号有限会社エアテック</t>
  </si>
  <si>
    <t>神(気水)第１－４７５号渡辺電設</t>
  </si>
  <si>
    <t>神(気水)第１－４７８号有限会社ライブアップ</t>
  </si>
  <si>
    <t>神(気水)第１－４７９号有限会社誠空調</t>
  </si>
  <si>
    <t>神(気水)第１－４８１号有限会社渡辺冷熱</t>
  </si>
  <si>
    <t>神(気水)第１－４８２号有限会社尾山台電機</t>
  </si>
  <si>
    <t>神(気水)第１－４８７号有限会社ヨシキ冷熱</t>
  </si>
  <si>
    <t>神(気水)第１－４８９号株式会社ワールドエアコン</t>
  </si>
  <si>
    <t>神(気水)第１－４９１号ダイトー冷熱</t>
  </si>
  <si>
    <t>神(気水)第１－４９３号株式会社田中協業</t>
  </si>
  <si>
    <t>神(気水)第１－４９４号東京信技株式会社</t>
  </si>
  <si>
    <t>神(気水)第１－４９５号有限会社テクニカルエアサービス</t>
  </si>
  <si>
    <t>神(気水)第１－４９９号テクノ空調株式会社</t>
  </si>
  <si>
    <t>神(気水)第１－５００号有限会社玉川製作所</t>
  </si>
  <si>
    <t>神(気水)第１－５０２号株式会社折茂熱学</t>
  </si>
  <si>
    <t>神(気水)第１－５０４号清水工業株式会社</t>
  </si>
  <si>
    <t>神(気水)第１－５０７号寿産業株式会社</t>
  </si>
  <si>
    <t>神(気水)第１－５０９号有限会社伊藤電工社</t>
  </si>
  <si>
    <t>神(気水)第１－５１１号株式会社ラックランド　横浜メンテナンスステーション</t>
  </si>
  <si>
    <t>神(気水)第１－５１２号株式会社渡商会</t>
  </si>
  <si>
    <t>神(気水)第１－５１３号株式会社東洋</t>
  </si>
  <si>
    <t>神(気水)第１－５１４号京浜エアコン株式会社</t>
  </si>
  <si>
    <t>神(気水)第１－５１８号松本電機株式会社</t>
  </si>
  <si>
    <t>神(気水)第１－５１９号有限会社シンワ空調</t>
  </si>
  <si>
    <t>神(気水)第１－５２０号有限会社イレイエンジニアリング</t>
  </si>
  <si>
    <t>神(気水)第１－５２３号有限会社フジテック</t>
  </si>
  <si>
    <t>神(気水)第１－５２５号株式会社東晃エンジニアリング</t>
  </si>
  <si>
    <t>神(気水)第１－５２８号東京熱学株式会社</t>
  </si>
  <si>
    <t>神(気水)第１－５２９号有限会社東江空調</t>
  </si>
  <si>
    <t>神(気水)第１－５３０号拓水工業株式会社</t>
  </si>
  <si>
    <t>神(気水)第１－５３２号有限会社桂山工業</t>
  </si>
  <si>
    <t>神(気水)第１－５３３号有限会社ジャスティス</t>
  </si>
  <si>
    <t>神(気水)第１－５３４号日菱インテリジェンス株式会社</t>
  </si>
  <si>
    <t>神(気水)第１－５３５号有限会社川和技研</t>
  </si>
  <si>
    <t>神(央セ)第１－５３５号有限会社袋内</t>
  </si>
  <si>
    <t>神(気水)第１－５３６号日産設備株式会社</t>
  </si>
  <si>
    <t>神(気水)第１－５３７号メルコヤマイチ株式会社</t>
  </si>
  <si>
    <t>神(気水)第１－５３９号株式会社ヨコレイ</t>
  </si>
  <si>
    <t>神(気水)第１－５４０号ユタカ設備工業株式会社</t>
  </si>
  <si>
    <t>神(気水)第１－５４１号有限会社服部空調サービス</t>
  </si>
  <si>
    <t>神(気水)第１－５４３号有限会社ワイケーエアシステム</t>
  </si>
  <si>
    <t>神(気水)第１－５５５号株式会社日本サーマル</t>
  </si>
  <si>
    <t>神(気水)第１－５５６号株式会社三機サービス　東京センター</t>
  </si>
  <si>
    <t>神(気水)第１－５５６号株式会社三機サービス　横浜センター</t>
  </si>
  <si>
    <t>神(気水)第１－５５８号株式会社ヒロテック・ジャパン</t>
  </si>
  <si>
    <t>神(気水)第１－５６５号有限会社明伸工業</t>
  </si>
  <si>
    <t>神(気水)第１－５７４号株式会社アプロ</t>
  </si>
  <si>
    <t>神(気水)第１－５７６号株式会社船橋電気工事</t>
  </si>
  <si>
    <t>神(気水)第１－５７７号株式会社日章冷凍</t>
  </si>
  <si>
    <t>神(気水)第１－５７７号株式会社日章冷凍　厚木出張所</t>
  </si>
  <si>
    <t>神(気水)第１－５７９号有限会社ビリーフ　豊島営業所</t>
  </si>
  <si>
    <t>神(気水)第１－５８０号有限会社森設備</t>
  </si>
  <si>
    <t>神(気水)第１－５８１号ミナト矢崎サービス株式会社</t>
  </si>
  <si>
    <t>神(気水)第１－５８２号中央電器住設株式会社</t>
  </si>
  <si>
    <t>神(気水)第１－５８６号株式会社テクノ菱和　横浜支店</t>
  </si>
  <si>
    <t>神(気水)第１－５８６号株式会社テクノ菱和　横浜支店厚木営業所</t>
  </si>
  <si>
    <t>神(気水)第１－５９０号日本レイダン株式会社</t>
  </si>
  <si>
    <t>神(気水)第１－５９２号株式会社石井電機工業所</t>
  </si>
  <si>
    <t>神(気水)第１－５９３号有限会社三興冷暖工業</t>
  </si>
  <si>
    <t>神(気水)第１－５９６号株式会社ヒマラヤ産業</t>
  </si>
  <si>
    <t>神(気水)第１－５９９号東金属株式会社　群馬第一工場</t>
  </si>
  <si>
    <t>神(気水)第１－５９９号東金属株式会社　埼玉第一工場</t>
  </si>
  <si>
    <t>神(気水)第１－６００号株式会社政和工業所</t>
  </si>
  <si>
    <t>神(気水)第１－６０１号有限会社大谷エンジニアリング</t>
  </si>
  <si>
    <t>神(気水)第１－６０４号ホシザキ湘南株式会社</t>
  </si>
  <si>
    <t>神(気水)第１－６０４号ホシザキ湘南株式会社　川崎営業所</t>
  </si>
  <si>
    <t>神(気水)第１－６０４号ホシザキ湘南株式会社　鷺沼営業所</t>
  </si>
  <si>
    <t>神(気水)第１－６０４号ホシザキ湘南株式会社　小杉営業所</t>
  </si>
  <si>
    <t>神(気水)第１－６０４号ホシザキ湘南株式会社　横浜営業所</t>
  </si>
  <si>
    <t>神(気水)第１－６０４号ホシザキ湘南株式会社　港北営業所</t>
  </si>
  <si>
    <t>神(気水)第１－６０４号ホシザキ湘南株式会社　緑営業所</t>
  </si>
  <si>
    <t>神(気水)第１－６０４号ホシザキ湘南株式会社　二俣川営業所</t>
  </si>
  <si>
    <t>神(気水)第１－６０４号ホシザキ湘南株式会社　関内営業所</t>
  </si>
  <si>
    <t>神(気水)第１－６０４号ホシザキ湘南株式会社　港南営業所</t>
  </si>
  <si>
    <t>神(気水)第１－６０４号ホシザキ湘南株式会社　大船戸塚営業所</t>
  </si>
  <si>
    <t>神(気水)第１－６０４号ホシザキ湘南株式会社　横須賀営業所</t>
  </si>
  <si>
    <t>神(気水)第１－６０４号ホシザキ湘南株式会社　藤沢営業所</t>
  </si>
  <si>
    <t>神(気水)第１－６０４号ホシザキ湘南株式会社　平塚営業所</t>
  </si>
  <si>
    <t>神(気水)第１－６０４号ホシザキ湘南株式会社　小田原営業所</t>
  </si>
  <si>
    <t>神(気水)第１－６０４号ホシザキ湘南株式会社　相模原営業所</t>
  </si>
  <si>
    <t>神(気水)第１－６０４号ホシザキ湘南株式会社　大和営業所</t>
  </si>
  <si>
    <t>神(気水)第１－６０４号ホシザキ湘南株式会社　厚木営業所</t>
  </si>
  <si>
    <t>神(気水)第１－６０４号ホシザキ湘南株式会社　テクニカルサポート</t>
  </si>
  <si>
    <t>神(気水)第１－６０７号共栄機電株式会社　北営業所</t>
  </si>
  <si>
    <t>神(気水)第１－６１２号株式会社エー・シー・フィックス</t>
  </si>
  <si>
    <t>神(気水)第１－６１３号総合化工株式会社</t>
  </si>
  <si>
    <t>神(気水)第１－６１４号株式会社菱華テック</t>
  </si>
  <si>
    <t>神(気水)第１－６１９号株式会社渡辺工業所</t>
  </si>
  <si>
    <t>神(気水)第１－６２２号ヒカワエアサービス株式会社　分室</t>
  </si>
  <si>
    <t>神(気水)第１－６２３号株式会社エムワイテクノ</t>
  </si>
  <si>
    <t>神(気水)第１－６２４号株式会社松栄設備</t>
  </si>
  <si>
    <t>神(気水)第１－６２６号有限会社平間電気設備</t>
  </si>
  <si>
    <t>神(気水)第１－６２７号株式会社扶桑冷熱工業</t>
  </si>
  <si>
    <t>神(気水)第１－６３３号日本ビルコン株式会社　城東サービスセンター</t>
  </si>
  <si>
    <t>神(気水)第１－６３３号日本ビルコン株式会社　大和サービスセンター</t>
  </si>
  <si>
    <t>神(気水)第１－６３３号日本ビルコン株式会社　相模原サービスセンター</t>
  </si>
  <si>
    <t>神(気水)第１－６３３号日本ビルコン株式会社　横浜サービスセンター</t>
  </si>
  <si>
    <t>神(気水)第１－６３３号日本ビルコン株式会社　東日本テクニカルセンター</t>
  </si>
  <si>
    <t>神(気水)第１－６３３号日本ビルコン株式会社　川崎サービスセンター</t>
  </si>
  <si>
    <t>神(気水)第１－６３３号日本ビルコン株式会社　小田原サービスセンター</t>
  </si>
  <si>
    <t>神(気水)第１－６３３号日本ビルコン株式会社　横須賀サービスセンター</t>
  </si>
  <si>
    <t>神(気水)第１－６３４号株式会社ハチオウ</t>
  </si>
  <si>
    <t>神(気水)第１－６３５号八洲ファシリティサービス株式会社</t>
  </si>
  <si>
    <t>神(気水)第１－６３５号八洲ファシリティサービス株式会社　西関東サービスセンター</t>
  </si>
  <si>
    <t>神(気水)第１－６３６号株式会社ニチレイ・ロジスティクスエンジニアリング　関東プラントエンジニアリング営業所</t>
  </si>
  <si>
    <t>神(気水)第１－６３７号日鉄工業株式会社</t>
  </si>
  <si>
    <t>神(気水)第１－６３８号東和プラント株式会社</t>
  </si>
  <si>
    <t>神(気水)第１－６４２号株式会社加瀬興業</t>
  </si>
  <si>
    <t>神(気水)第１－６４３号株式会社エアコンサービス</t>
  </si>
  <si>
    <t>神(気水)第１－６４８号有限会社中山冷機製作所</t>
  </si>
  <si>
    <t>神(気水)第１－６４９号リペア株式会社　横浜サービスセンター</t>
  </si>
  <si>
    <t>神(気水)第１－６５７号株式会社トーレイ</t>
  </si>
  <si>
    <t>神(気水)第１－６６１号有限会社第一空調サービス</t>
  </si>
  <si>
    <t>神(気水)第１－６６５号株式会社イワサワ冷熱</t>
  </si>
  <si>
    <t>神(気水)第１－６６６号有限会社ニシノ冷熱</t>
  </si>
  <si>
    <t>神(気水)第１－６７０号株式会社ＭＥＩＨＯＵ</t>
  </si>
  <si>
    <t>神(気水)第１－６７５号東豊冷工株式会社</t>
  </si>
  <si>
    <t>神(気水)第１－６７６号有限会社東京保守工事</t>
  </si>
  <si>
    <t>神(気水)第１－６７９号東急技術センター株式会社</t>
  </si>
  <si>
    <t>神(気水)第１－６８３号東京理化器械株式会社　神奈川営業所</t>
  </si>
  <si>
    <t>神(気水)第１－６８３号東京理化器械株式会社　横浜営業所</t>
  </si>
  <si>
    <t>神(気水)第１－６８５号菊井電設</t>
  </si>
  <si>
    <t>神(気水)第１－６８９号有限会社朝日冷熱</t>
  </si>
  <si>
    <t>神(気水)第１－６９１号サンセイ冷熱株式会社</t>
  </si>
  <si>
    <t>神(気水)第１－６９２号温調エコシステムズ株式会社</t>
  </si>
  <si>
    <t>神(気水)第１－６９４号株式会社三ツ星工業</t>
  </si>
  <si>
    <t>神(気水)第１－６９５号株式会社大岩マシナリー　東京支社</t>
  </si>
  <si>
    <t>神(気水)第１－６９６号東光電設工業株式会社</t>
  </si>
  <si>
    <t>神(気水)第１－６９７号有限会社城南電機設備</t>
  </si>
  <si>
    <t>神(気水)第１－６９８号有限会社エイコーエンジニアリング</t>
  </si>
  <si>
    <t>神(気水)第１－６９９号有限会社福田設備</t>
  </si>
  <si>
    <t>神(気水)第１－７００号有限会社清水設備</t>
  </si>
  <si>
    <t>神(気水)第１－７０４号東芝コンシューママーケティング株式会社　横浜サービスステーション</t>
  </si>
  <si>
    <t>神(気水)第１－７０４号東芝コンシューママーケティング株式会社　横須賀サービスステーション</t>
  </si>
  <si>
    <t>神(気水)第１－７０４号東芝コンシューママーケティング株式会社　横浜北サービスステーション</t>
  </si>
  <si>
    <t>神(気水)第１－７０４号東芝コンシューママーケティング株式会社　厚木サービスステーション</t>
  </si>
  <si>
    <t>神(気水)第１－７０４号東芝コンシューママーケティング株式会社　多摩サービスステーション</t>
  </si>
  <si>
    <t>神(気水)第１－７０４号東芝コンシューママーケティング株式会社　東京南サービスステーション</t>
  </si>
  <si>
    <t>神(気水)第１－７０５号有限会社トシ空調電設</t>
  </si>
  <si>
    <t>神(気水)第１－７１１号伊丹ダイキン空調株式会社　大宮営業所</t>
  </si>
  <si>
    <t>神(気水)第１－７１６号レイテック株式会社</t>
  </si>
  <si>
    <t>神(気水)第１－７１９号関東冷熱工業株式会社</t>
  </si>
  <si>
    <t>神(気水)第１－７２０号ヤマセ工販株式会社</t>
  </si>
  <si>
    <t>神(気水)第１－７２１号株式会社三光電気</t>
  </si>
  <si>
    <t>神(気水)第１－７２５号株式会社日静冷熱サービス</t>
  </si>
  <si>
    <t>神(気水)第１－７２６号株式会社ホームテック</t>
  </si>
  <si>
    <t>神(気水)第１－７２９号東日エアコンサービス株式会社</t>
  </si>
  <si>
    <t>神(気水)第１－７３０号菱東産業株式会社</t>
  </si>
  <si>
    <t>神(気水)第１－７３１号株式会社ネツケン</t>
  </si>
  <si>
    <t>神(気水)第１－７３２号株式会社日立ビルシステム　横浜支社</t>
  </si>
  <si>
    <t>神(気水)第１－７３８号株式会社奥野技術研究所　東京本社</t>
  </si>
  <si>
    <t>神(気水)第１－７３９号中央冷熱工業株式会社</t>
  </si>
  <si>
    <t>神(気水)第１－７４０号株式会社アイコス</t>
  </si>
  <si>
    <t>神(気水)第１－７４２号株式会社タクリツ</t>
  </si>
  <si>
    <t>神(気水)第１－７４７号三誠企業株式会社</t>
  </si>
  <si>
    <t>神(気水)第１－７４９号株式会社宮本冷機</t>
  </si>
  <si>
    <t>神(気水)第１－７４９号株式会社宮本冷機　横浜営業所</t>
  </si>
  <si>
    <t>神(気水)第１－７５０号渡田空調設備</t>
  </si>
  <si>
    <t>神(気水)第１－７５１号有限会社南稜</t>
  </si>
  <si>
    <t>神(気水)第１－７５３号株式会社ＡＩＲＡ</t>
  </si>
  <si>
    <t>神(気水)第１－７５７号有限会社タチバナ電設</t>
  </si>
  <si>
    <t>神(気水)第１－７６５号日本ダスト株式会社　ＮＤＫ資源化リサイクル工場</t>
  </si>
  <si>
    <t>神(気水)第１－７６６号カルピジャーニ・ジャパン株式会社</t>
  </si>
  <si>
    <t>神(気水)第１－７６７号菱信工業株式会社　中部支社</t>
  </si>
  <si>
    <t>神(気水)第１－７６７号菱信工業株式会社　静岡営業所</t>
  </si>
  <si>
    <t>神(気水)第１－７６７号菱信工業株式会社　東京営業所</t>
  </si>
  <si>
    <t>神(気水)第１－７６８号有限会社八月</t>
  </si>
  <si>
    <t>神(気水)第１－７７２号朝日ライフサイエンス株式会社　所沢事業所</t>
  </si>
  <si>
    <t>神(気水)第１－７７３号日信工業株式会社</t>
  </si>
  <si>
    <t>神(気水)第１－７７７号三澤設備新小岩</t>
  </si>
  <si>
    <t>神(気水)第１－７８７号ムラタ冷熱工業株式会社</t>
  </si>
  <si>
    <t>神(気水)第１－７８９号株式会社ダイキンアプライドシステムズ　横浜営業所</t>
  </si>
  <si>
    <t>神(気水)第１－７８９号株式会社ダイキンアプライドシステムズ　三島営業所</t>
  </si>
  <si>
    <t>神(気水)第１－７８９号株式会社ダイキンアプライドシステムズ　市原出張所</t>
  </si>
  <si>
    <t>神(気水)第１－７８９号株式会社ダイキンアプライドシステムズ　関東サービスセンター</t>
  </si>
  <si>
    <t>神(気水)第１－７９７号株式会社東通エアエース</t>
  </si>
  <si>
    <t>神(気水)第１－７９８号アメックスプランニング</t>
  </si>
  <si>
    <t>神(気水)第１－８００号富士冷熱株式会社</t>
  </si>
  <si>
    <t>神(気水)第１－８０１号株式会社テイオン</t>
  </si>
  <si>
    <t>神(気水)第１－８０２号株式会社多摩技工</t>
  </si>
  <si>
    <t>神(気水)第１－８１１号株式会社町田冷熱</t>
  </si>
  <si>
    <t>神(気水)第１－８１４号株式会社藤原ホイスト技研</t>
  </si>
  <si>
    <t>神(気水)第１－８２０号有限会社ハヤシ設備</t>
  </si>
  <si>
    <t>神(気水)第１－８２７号三ツ和産業株式会社</t>
  </si>
  <si>
    <t>神(気水)第１－８２８号創英興業株式会社</t>
  </si>
  <si>
    <t>神(気水)第１－８３０号株式会社戸塚工業所</t>
  </si>
  <si>
    <t>神(気水)第１－８３８号有限会社フォルテサービス</t>
  </si>
  <si>
    <t>神(気水)第１－８４０号有限会社小出電気商会</t>
  </si>
  <si>
    <t>神(気水)第１－８５２号エアコンシステム東宏株式会社</t>
  </si>
  <si>
    <t>神(気水)第１－８５３号有限会社バン・システム</t>
  </si>
  <si>
    <t>神(気水)第１－８５６号有限会社エムエス工営</t>
  </si>
  <si>
    <t>神(気水)第１－８５７号有限会社東海冷機</t>
  </si>
  <si>
    <t>神(気水)第１－８６１号有限会社坪井冷機サービス</t>
  </si>
  <si>
    <t>神(気水)第１－８６６号富士工業株式会社</t>
  </si>
  <si>
    <t>神(気水)第１－８６８号有限会社カワカミ</t>
  </si>
  <si>
    <t>神(気水)第１－８６９号有限会社石井冷機工業所</t>
  </si>
  <si>
    <t>神(気水)第１－８７１号株式会社中央温調</t>
  </si>
  <si>
    <t>神(気水)第１－８７２号永田電装有限会社</t>
  </si>
  <si>
    <t>神(気水)第１－８７３号株式会社アール・シー</t>
  </si>
  <si>
    <t>神(気水)第１－８７８号株式会社太陽設備</t>
  </si>
  <si>
    <t>神(気水)第１－８８０号株式会社ヘルツ</t>
  </si>
  <si>
    <t>神(気水)第１－８８３号株式会社東洋社　横浜支店</t>
  </si>
  <si>
    <t>神(気水)第１－８８４号株式会社瑞穂</t>
  </si>
  <si>
    <t>神(気水)第１－８８９号積田冷熱工事株式会社</t>
  </si>
  <si>
    <t>神(気水)第１－８９０号酒井電設工業株式会社</t>
  </si>
  <si>
    <t>神(気水)第１－８９５号武蔵野電設株式会社</t>
  </si>
  <si>
    <t>神(気水)第１－９００号岡電</t>
  </si>
  <si>
    <t>神(気水)第１－９０１号有限会社末広金属　和泉工場</t>
  </si>
  <si>
    <t>神(気水)第１－９０７号株式会社デスポ</t>
  </si>
  <si>
    <t>神(気水)第１－９０９号銅鉄商事株式会社</t>
  </si>
  <si>
    <t>神(気水)第１－９１０号ダイキンエアテクノ株式会社　東京支店神奈川営業所</t>
  </si>
  <si>
    <t>神(気水)第１－９１０号ダイキンエアテクノ株式会社　東京支店ファシリティ部横浜営業所</t>
  </si>
  <si>
    <t>神(気水)第１－９１０号ダイキンエアテクノ株式会社　東京支店ファシリティ部埼玉営業所</t>
  </si>
  <si>
    <t>神(気水)第１－９１０号ダイキンエアテクノ株式会社　東京支店ファシリティ部多摩営業所</t>
  </si>
  <si>
    <t>神(気水)第１－９１２号丸長空調設備株式会社</t>
  </si>
  <si>
    <t>神(気水)第１－９１４号有限会社野崎空調</t>
  </si>
  <si>
    <t>神(気水)第１－９１５号高速道路トールテクノロジー株式会社　関東テクノセンター　南横浜テクノショップ</t>
  </si>
  <si>
    <t>神(気水)第１－９１５号高速道路トールテクノロジー株式会社　東京テクノセンター　御殿場テクノショップ</t>
  </si>
  <si>
    <t>神(気水)第１－９１５号高速道路トールテクノロジー株式会社　八王子テクノセンター　八王子テクノショップ</t>
  </si>
  <si>
    <t>神(気水)第１－９１６号株式会社光徳電設</t>
  </si>
  <si>
    <t>神(気水)第１－９１７号有限会社桶仲</t>
  </si>
  <si>
    <t>神(気水)第１－９１８号有限会社川路電機商会</t>
  </si>
  <si>
    <t>神(気水)第１－９２１号株式会社湘工冷熱</t>
  </si>
  <si>
    <t>神(気水)第１－９２３号すずき電機</t>
  </si>
  <si>
    <t>神(気水)第１－９２７号有限会社千葉電機</t>
  </si>
  <si>
    <t>神(気水)第１－９２９号有限会社ミツオ電気</t>
  </si>
  <si>
    <t>神(気水)第１－９３７号有限会社電空サービス</t>
  </si>
  <si>
    <t>神(気水)第１－９３８号株式会社エヌケーエス</t>
  </si>
  <si>
    <t>神(気水)第１－９３８号株式会社エヌケーエス　東京営業所</t>
  </si>
  <si>
    <t>神(気水)第１－９４７号株式会社コーセイ</t>
  </si>
  <si>
    <t>神(気水)第１－９５１号日新興業株式会社　三崎出張所</t>
  </si>
  <si>
    <t>神(気水)第１－９５８号有限会社平和冷機</t>
  </si>
  <si>
    <t>神(気水)第１－９５９号株式会社システムジャパン　市川事業部</t>
  </si>
  <si>
    <t>神(気水)第１－９６６号株式会社ミナト電気商会</t>
  </si>
  <si>
    <t>神(気水)第１－９８７号積水工業株式会社</t>
  </si>
  <si>
    <t>神(気水)第１－９８８号横浜空設</t>
  </si>
  <si>
    <t>神(気水)第１－９９３号株式会社大平エアロシステム</t>
  </si>
  <si>
    <t>神(気水)第１－９９８号株式会社菊池冷機工業</t>
  </si>
  <si>
    <t>神(気水)第１－１０００号コウニチ空調有限会社</t>
  </si>
  <si>
    <t>神(気水)第１－１００２号有限会社フルセ空調設備</t>
  </si>
  <si>
    <t>神(気水)第１－１００４号有限会社東京熱学</t>
  </si>
  <si>
    <t>神(気水)第１－１００６号有限会社坂口電気店　新吉田支店</t>
  </si>
  <si>
    <t>神(気水)第１－１００９号トーネツ株式会社</t>
  </si>
  <si>
    <t>神(気水)第１－１０１１号株式会社空調技研</t>
  </si>
  <si>
    <t>神(気水)第１－１０１３号株式会社暖冷設備</t>
  </si>
  <si>
    <t>神(気水)第１－１０２６号有限会社長谷川</t>
  </si>
  <si>
    <t>神(気水)第１－１０２９号有限会社横浜空調サービス</t>
  </si>
  <si>
    <t>神(気水)第１－１０３２号環境システム設備機器株式会社</t>
  </si>
  <si>
    <t>神(気水)第１－１０３５号有限会社沖冷熱工業</t>
  </si>
  <si>
    <t>神(気水)第１－１０３６号株式会社アクアエアー</t>
  </si>
  <si>
    <t>神(気水)第１－１０３８号エスコスモ企画株式会社</t>
  </si>
  <si>
    <t>神(気水)第１－１０４０号株式会社山森建設</t>
  </si>
  <si>
    <t>神(気水)第１－１０４５号カナレイ株式会社</t>
  </si>
  <si>
    <t>神(気水)第１－１０５１号株式会社エバジツ</t>
  </si>
  <si>
    <t>神(気水)第１－１０５３号株式会社セントラル設備テクニカ</t>
  </si>
  <si>
    <t>神(気水)第１－１０５７号共信冷熱株式会社</t>
  </si>
  <si>
    <t>神(気水)第１－１０５７号共信冷熱株式会社西東京支店</t>
  </si>
  <si>
    <t>神(気水)第１－１０５８号有限会社テクノエース</t>
  </si>
  <si>
    <t>神(気水)第１－１０５９号株式会社邦栄</t>
  </si>
  <si>
    <t>神(気水)第１－１０７０号京浜蓄電池工業株式会社</t>
  </si>
  <si>
    <t>神(気水)第１－１０７３号株式会社キョーエイテクノ</t>
  </si>
  <si>
    <t>神(気水)第１－１０７４号志村電気有限会社</t>
  </si>
  <si>
    <t>神(気水)第１－１０８１号ビッグウェイ</t>
  </si>
  <si>
    <t>神(気水)第１－１０８３号株式会社パッケージサービス</t>
  </si>
  <si>
    <t>神(気水)第１－１０８４号荏原冷熱システム株式会社　神奈川営業所</t>
  </si>
  <si>
    <t>神(気水)第１－１０８４号荏原冷熱システム株式会社　本社事務所</t>
  </si>
  <si>
    <t>神(気水)第１－１０８４号荏原冷熱システム株式会社　冷凍機藤沢工場</t>
  </si>
  <si>
    <t>神(気水)第１－１０８６号株式会社丸進</t>
  </si>
  <si>
    <t>神(気水)第１－１０８７号横山空調サービス有限会社</t>
  </si>
  <si>
    <t>神(気水)第１－１０８９号日栄電設株式会社</t>
  </si>
  <si>
    <t>神(気水)第１－１０９４号不二熱学工業株式会社　東京支店　サービス事業部</t>
  </si>
  <si>
    <t>神(気水)第１－１０９６号株式会社ネオテック</t>
  </si>
  <si>
    <t>神(気水)第１－１０９７号日本空調サービス株式会社　横浜支店　横浜営業所</t>
  </si>
  <si>
    <t>神(気水)第１－１０９７号日本空調サービス株式会社　横浜支店　川崎営業所</t>
  </si>
  <si>
    <t>神(気水)第１－１０９７号日本空調サービス株式会社　横浜支店　京浜営業所</t>
  </si>
  <si>
    <t>神(気水)第１－１０９７号日本空調サービス株式会社　東京支店</t>
  </si>
  <si>
    <t>神(気水)第１－１０９７号日本空調サービス株式会社　関東支店</t>
  </si>
  <si>
    <t>神(気水)第１－１０９７号日本空調サービス株式会社　ＦＭ管理部</t>
  </si>
  <si>
    <t>神(気水)第１－１０９７号日本空調サービス株式会社　静岡支店三島営業所</t>
  </si>
  <si>
    <t>神(気水)第１－１０９９号株式会社天野工務所</t>
  </si>
  <si>
    <t>神(気水)第１－１１００号株式会社デンソーソリューション　横浜支店</t>
  </si>
  <si>
    <t>神(気水)第１－１１００号株式会社デンソーソリューション　関東支社</t>
  </si>
  <si>
    <t>神(気水)第１－１１０２号有限会社エクセル</t>
  </si>
  <si>
    <t>神(気水)第１－１１０３号株式会社協雄電設</t>
  </si>
  <si>
    <t>神(気水)第１－１１０４号有限会社大西冷熱</t>
  </si>
  <si>
    <t>神(気水)第１－１１０６号コマジャパン株式会社</t>
  </si>
  <si>
    <t>神(気水)第１－１１０９号進和サービス株式会社</t>
  </si>
  <si>
    <t>神(気水)第１－１１１０号八巧機電設備株式会社　プラントメンテナンス部</t>
  </si>
  <si>
    <t>神(気水)第１－１１１０号八巧機電設備株式会社</t>
  </si>
  <si>
    <t>神(気水)第１－１１１５号イズミインダストリー株式会社</t>
  </si>
  <si>
    <t>神(気水)第１－１１１６号リーテック株式会社</t>
  </si>
  <si>
    <t>神(気水)第１－１１１７号株式会社エアユニットサービス</t>
  </si>
  <si>
    <t>神(気水)第１－１１１８号有限会社ジェット</t>
  </si>
  <si>
    <t>神(気水)第１－１１１９号有限会社藤冷暖房</t>
  </si>
  <si>
    <t>神(気水)第１－１１２１号有限会社三愛システム</t>
  </si>
  <si>
    <t>神(気水)第１－１１２２号川崎空調設備株式会社</t>
  </si>
  <si>
    <t>神(気水)第１－１１２４号ヤマト物流株式会社　本社営業所</t>
  </si>
  <si>
    <t>神(気水)第１－１１２５号株式会社アステック</t>
  </si>
  <si>
    <t>神(気水)第１－１１２９号技研サービス株式会社　大阪営業所</t>
  </si>
  <si>
    <t>神(気水)第１－１１３０号有限会社清水ホームサービス</t>
  </si>
  <si>
    <t>神(気水)第１－１１３２号ナガノサイエンス株式会社</t>
  </si>
  <si>
    <t>神(気水)第１－１１３４号新日東空調株式会社</t>
  </si>
  <si>
    <t>神(気水)第１－１１３８号株式会社ＮＡＯＳ　東京支店</t>
  </si>
  <si>
    <t>神(気水)第１－１１４０号フジメタルリサイクル株式会社　厚木工場</t>
  </si>
  <si>
    <t>神(気水)第１－１１４０号フジメタルリサイクル株式会社　川崎工場</t>
  </si>
  <si>
    <t>神(気水)第１－１１４２号株式会社トーセツ</t>
  </si>
  <si>
    <t>神(気水)第１－１１４６号永井設備</t>
  </si>
  <si>
    <t>神(気水)第１－１１４７号ＴＫ設備</t>
  </si>
  <si>
    <t>神(気水)第１－１１４８号有限会社大成空調</t>
  </si>
  <si>
    <t>神(気水)第１－１１４９号有限会社野村商店</t>
  </si>
  <si>
    <t>神(気水)第１－１１５８号有限会社新成空調</t>
  </si>
  <si>
    <t>神(気水)第１－１１６１号有限会社メルコ</t>
  </si>
  <si>
    <t>神(気水)第１－１１６４号渡辺冷機工業所</t>
  </si>
  <si>
    <t>神(気水)第１－１１７８号福島設備</t>
  </si>
  <si>
    <t>神(気水)第１－１１８５号株式会社日本テクニカルサポート</t>
  </si>
  <si>
    <t>神(気水)第１－１１９４号タキザワエアコン</t>
  </si>
  <si>
    <t>神(気水)第１－１２０２号東海冷凍工事株式会社</t>
  </si>
  <si>
    <t>神(気水)第１－１２０５号有限会社大竹空調設備</t>
  </si>
  <si>
    <t>神(気水)第１－１２０９号株式会社森商会</t>
  </si>
  <si>
    <t>神(気水)第１－１２１３号株式会社山昇冷機製作所</t>
  </si>
  <si>
    <t>神(気水)第１－１２１５号有限会社富士総業</t>
  </si>
  <si>
    <t>神(気水)第１－１２１８号株式会社日新</t>
  </si>
  <si>
    <t>神(気水)第１－１２２２号有限会社一空調</t>
  </si>
  <si>
    <t>神(気水)第１－１２２３号三菱重工冷熱株式会社　東京第一事業所</t>
  </si>
  <si>
    <t>神(気水)第１－１２２３号三菱重工冷熱株式会社　東京第二事業所</t>
  </si>
  <si>
    <t>神(気水)第１－１２２３号三菱重工冷熱株式会社　大和事業所</t>
  </si>
  <si>
    <t>神(気水)第１－１２３９号山三電機株式会社　神奈川支店</t>
  </si>
  <si>
    <t>神(気水)第１－１２４０号有限会社中山空調設備</t>
  </si>
  <si>
    <t>神(気水)第１－１２４４号有限会社幸凌冷熱</t>
  </si>
  <si>
    <t>神(気水)第１－１２４６号株式会社神奈川産業</t>
  </si>
  <si>
    <t>神(気水)第１－１２５０号司冷暖サービス</t>
  </si>
  <si>
    <t>神(気水)第１－１２５１号北菱冷熱株式会社</t>
  </si>
  <si>
    <t>神(気水)第１－１２５４号有限会社エアライズ</t>
  </si>
  <si>
    <t>神(気水)第１－１２５７号有限会社サンキュー</t>
  </si>
  <si>
    <t>神(気水)第１－１２５８号株式会社環境研二十一</t>
  </si>
  <si>
    <t>神(気水)第１－１２５９号株式会社関東日立　板橋サービスセンター</t>
  </si>
  <si>
    <t>神(気水)第１－１２５９号株式会社関東日立　山梨支社</t>
  </si>
  <si>
    <t>神(気水)第１－１２５９号株式会社関東日立　神奈川サービスセンター</t>
  </si>
  <si>
    <t>神(気水)第１－１２５９号株式会社関東日立　北関東支社別館</t>
  </si>
  <si>
    <t>神(気水)第１－１２６１号日野金属産業株式会社　神奈川事業所</t>
  </si>
  <si>
    <t>神(気水)第１－１２６４号有限会社南冷暖</t>
  </si>
  <si>
    <t>神(気水)第１－１２７５号有限会社名越空調工業</t>
  </si>
  <si>
    <t>神(気水)第１－１２７６号沼田平和商会</t>
  </si>
  <si>
    <t>神(気水)第１－１２７７号ヤマト科学株式会社</t>
  </si>
  <si>
    <t>神(気水)第１－１２８０号株式会社アクアテック</t>
  </si>
  <si>
    <t>神(気水)第１－１２８０号株式会社アクアテック　東京支店</t>
  </si>
  <si>
    <t>神(気水)第１－１２８１号株式会社ヤマト環境技術研究所</t>
  </si>
  <si>
    <t>神(気水)第１－１２８２号株式会社共栄商会</t>
  </si>
  <si>
    <t>神(気水)第１－１２８３号有限会社エーワイサービス</t>
  </si>
  <si>
    <t>神(気水)第１－１２８５号株式会社新日本空調サービス東京</t>
  </si>
  <si>
    <t>神(気水)第１－１２８５号株式会社新日本空調サービス東京　横浜営業所</t>
  </si>
  <si>
    <t>神(気水)第１－１２８６号エクセレント・リペア株式会社</t>
  </si>
  <si>
    <t>神(気水)第１－１２９１号株式会社冷研エンジニアリング</t>
  </si>
  <si>
    <t>神(気水)第１－１２９４号有限会社トークリン</t>
  </si>
  <si>
    <t>神(気水)第１－１２９６号株式会社菊池空調</t>
  </si>
  <si>
    <t>神(気水)第１－１２９７号株式会社ハイテック　町田事業所</t>
  </si>
  <si>
    <t>神(気水)第１－１２９８号株式会社八起エンジニアリングサービス</t>
  </si>
  <si>
    <t>神(気水)第１－１２９９号株式会社エコ・プラン　杉並ＣＫテクニカルセンター</t>
  </si>
  <si>
    <t>神(気水)第１－１２９９号株式会社エコ・プラン　多摩ＣＫテクニカルセンター</t>
  </si>
  <si>
    <t>神(気水)第１－１２９９号株式会社エコ・プラン　三郷ＣＫテクニカルセンター</t>
  </si>
  <si>
    <t>神(気水)第１－１２９９号株式会社エコ・プラン　横浜ＣＫテクニカルセンター</t>
  </si>
  <si>
    <t>神(気水)第１－１３００号飯塚　松夫</t>
  </si>
  <si>
    <t>神(気水)第１－１３０７号有限会社プライムス</t>
  </si>
  <si>
    <t>神(気水)第１－１３０９号有限会社オサデン</t>
  </si>
  <si>
    <t>神(気水)第１－１３１３号環境機器サービス有限会社</t>
  </si>
  <si>
    <t>神(気水)第１－１３１４号リジョー株式会社　横浜営業所</t>
  </si>
  <si>
    <t>神(気水)第１－１３１６号株式会社クリエイト</t>
  </si>
  <si>
    <t>神(気水)第１－１３１９号有限会社後藤設備</t>
  </si>
  <si>
    <t>神(気水)第１－１３２２号竹之内工業所</t>
  </si>
  <si>
    <t>神(気水)第１－１３２３号有限会社アート空調工業</t>
  </si>
  <si>
    <t>神(気水)第１－１３２４号有限会社北山冷熱</t>
  </si>
  <si>
    <t>神(気水)第１－１３２５号株式会社エム・ゼット</t>
  </si>
  <si>
    <t>神(気水)第１－１３２６号藤野空調株式会社</t>
  </si>
  <si>
    <t>神(気水)第１－１３２９号株式会社ユウサービス</t>
  </si>
  <si>
    <t>神(気水)第１－１３３４号有限会社横浜リョウユウ設備</t>
  </si>
  <si>
    <t>神(気水)第１－１３３５号株式会社カンレイ工業</t>
  </si>
  <si>
    <t>神(気水)第１－１３３６号株式会社サイテック</t>
  </si>
  <si>
    <t>神(気水)第１－１３３７号日本フリーザー株式会社　埼玉工場</t>
  </si>
  <si>
    <t>神(気水)第１－１３３７号日本フリーザー株式会社　神奈川営業所</t>
  </si>
  <si>
    <t>神(気水)第１－１３３９号カニイ空調工業</t>
  </si>
  <si>
    <t>神(気水)第１－１３４０号株式会社冷空サービス</t>
  </si>
  <si>
    <t>神(気水)第１－１３４１号有限会社セイワ空調</t>
  </si>
  <si>
    <t>神(気水)第１－１３４２号城西冷暖工業株式会社</t>
  </si>
  <si>
    <t>神(気水)第１－１３４３号ゼネラルヒートポンプ工業株式会社</t>
  </si>
  <si>
    <t>神(気水)第１－１３４４号有限会社ヒサヨシ企業</t>
  </si>
  <si>
    <t>神(気水)第１－１３４５号株式会社アクティ</t>
  </si>
  <si>
    <t>神(気水)第１－１３４６号有限会社エイデン</t>
  </si>
  <si>
    <t>神(気水)第１－１３４７号トーケンサービス株式会社</t>
  </si>
  <si>
    <t>神(気水)第１－１３５２号有限会社城北空調</t>
  </si>
  <si>
    <t>神(気水)第１－１３５３号有限会社アンリ空調設備</t>
  </si>
  <si>
    <t>神(気水)第１－１３５５号アシストテック株式会社</t>
  </si>
  <si>
    <t>神(気水)第１－１３５８号株式会社西尾電設</t>
  </si>
  <si>
    <t>神(気水)第１－１３５９号株式会社明和エンジニアリング</t>
  </si>
  <si>
    <t>神(気水)第１－１３６０号藤田テクノ株式会社</t>
  </si>
  <si>
    <t>神(気水)第１－１３６０号藤田テクノ株式会社　太田支店</t>
  </si>
  <si>
    <t>神(気水)第１－１３６０号藤田テクノ株式会社　埼玉支店</t>
  </si>
  <si>
    <t>神(気水)第１－１３６１号株式会社中央</t>
  </si>
  <si>
    <t>神(気水)第１－１３６２号株式会社菅熱学社</t>
  </si>
  <si>
    <t>神(気水)第１－１３６３号東名空調サービス株式会社　静岡営業所</t>
  </si>
  <si>
    <t>神(気水)第１－１３７４号株式会社アクセル</t>
  </si>
  <si>
    <t>神(気水)第１－１３７５号株式会社エムテック</t>
  </si>
  <si>
    <t>神(気水)第１－１３７６号有限会社大竹冷機</t>
  </si>
  <si>
    <t>神(気水)第１－１３７７号伯東株式会社　伊勢原事業所</t>
  </si>
  <si>
    <t>神(気水)第１－１３７９号株式会社のぼり</t>
  </si>
  <si>
    <t>神(気水)第１－１３８０号ナカムラ空調</t>
  </si>
  <si>
    <t>神(気水)第１－１３８１号有限会社平成空調工業</t>
  </si>
  <si>
    <t>神(気水)第１－１３８２号株式会社アイジック</t>
  </si>
  <si>
    <t>神(気水)第１－１３８３号有限会社光和冷熱</t>
  </si>
  <si>
    <t>神(気水)第１－１３８５号中央株式会社</t>
  </si>
  <si>
    <t>神(気水)第１－１３８７号株式会社コールドサービス</t>
  </si>
  <si>
    <t>神(気水)第１－１３８９号有限会社クリーン空調</t>
  </si>
  <si>
    <t>神(気水)第１－１３９０号株式会社ＯＳ</t>
  </si>
  <si>
    <t>神(気水)第１－１３９１号有限会社メイト空調サービス</t>
  </si>
  <si>
    <t>神(気水)第１－１３９２号大倉商工株式会社　本社</t>
  </si>
  <si>
    <t>神(気水)第１－１３９５号有限会社サンヨ空調</t>
  </si>
  <si>
    <t>神(気水)第１－１３９８号三笠総業株式会社</t>
  </si>
  <si>
    <t>神(気水)第１－１４０２号三洋商事株式会社　大阪リサイクルセンター</t>
  </si>
  <si>
    <t>神(気水)第１－１４０２号三洋商事株式会社　奈良リサイクルセンター</t>
  </si>
  <si>
    <t>神(気水)第１－１４０２号三洋商事株式会社　東京リサイクルセンター</t>
  </si>
  <si>
    <t>神(気水)第１－１４０２号三洋商事株式会社　仙台リサイクルセンター</t>
  </si>
  <si>
    <t>神(気水)第１－１４０２号三洋商事株式会社　広島リサイクルセンター</t>
  </si>
  <si>
    <t>神(気水)第１－１４０３号ジョンソンコントロールズ株式会社</t>
  </si>
  <si>
    <t>神(気水)第１－１４０３号ジョンソンコントロールズ株式会社　神戸事業所</t>
  </si>
  <si>
    <t>神(気水)第１－１４０５号有限会社塚原電機</t>
  </si>
  <si>
    <t>神(気水)第１－１４０９号有限会社玉木冷機工業所</t>
  </si>
  <si>
    <t>神(気水)第１－１４１０号ウイスタリヤ冷凍機工業有限会社</t>
  </si>
  <si>
    <t>神(気水)第１－１４１１号有限会社雅クラフト</t>
  </si>
  <si>
    <t>神(気水)第１－１４１２号有限会社多摩コールドサービス</t>
  </si>
  <si>
    <t>神(気水)第１－１４１７号株式会社トライ</t>
  </si>
  <si>
    <t>神(気水)第１－１４１７号株式会社トライ　さいたま支店</t>
  </si>
  <si>
    <t>神(気水)第１－１４２２号株式会社Ｓａｎｓｅｉ</t>
  </si>
  <si>
    <t>神(気水)第１－１４２７号望月設備</t>
  </si>
  <si>
    <t>神(気水)第１－１４３０号有限会社青木空調設備</t>
  </si>
  <si>
    <t>神(気水)第１－１４３１号エーワンエンジニアリング株式会社</t>
  </si>
  <si>
    <t>神(気水)第１－１４３４号有限会社協明電業社</t>
  </si>
  <si>
    <t>神(気水)第１－１４３６号クリスタルエンジニアリング株式会社</t>
  </si>
  <si>
    <t>神(気水)第１－１４３９号株式会社完山金属　町田営業所</t>
  </si>
  <si>
    <t>神(気水)第１－１４４０号ビィトップ有限会社</t>
  </si>
  <si>
    <t>神(気水)第１－１４４３号株式会社エコ・ベスト</t>
  </si>
  <si>
    <t>神(気水)第１－１４４６号朋和技研工業株式会社</t>
  </si>
  <si>
    <t>神(気水)第１－１４４８号コビキ冷熱</t>
  </si>
  <si>
    <t>神(気水)第１－１４４９号株式会社前川製作所　本社</t>
  </si>
  <si>
    <t>神(気水)第１－１４４９号株式会社前川製作所　横浜営業所</t>
  </si>
  <si>
    <t>神(気水)第１－１４４９号株式会社前川製作所　千葉営業所</t>
  </si>
  <si>
    <t>神(気水)第１－１４４９号株式会社前川製作所　守谷工場</t>
  </si>
  <si>
    <t>神(気水)第１－１４５１号オリオン熱学株式会社</t>
  </si>
  <si>
    <t>神(気水)第１－１４５２号勝栄工業</t>
  </si>
  <si>
    <t>神(気水)第１－１４５３号有限会社宇佐美</t>
  </si>
  <si>
    <t>神(気水)第１－１４５４号株式会社リーファーサービス</t>
  </si>
  <si>
    <t>神(気水)第１－１４５６号有限会社共伸空調</t>
  </si>
  <si>
    <t>神(気水)第１－１４５８号ニッタエアソリューションズ株式会社　東京技術センター</t>
  </si>
  <si>
    <t>神(気水)第１－１４５９号空調電機工業株式会社</t>
  </si>
  <si>
    <t>神(気水)第１－１４６１号東洋産機株式会社</t>
  </si>
  <si>
    <t>神(気水)第１－１４６３号有限会社三昇テクノワークス</t>
  </si>
  <si>
    <t>神(気水)第１－１４６５号フリート・サービスアンドリカバリー</t>
  </si>
  <si>
    <t>神(気水)第１－１４６８号株式会社サーモテック</t>
  </si>
  <si>
    <t>神(気水)第１－１４７１号シンコー産業株式会社</t>
  </si>
  <si>
    <t>神(気水)第１－１４７４号Ｓｅｖｅｎｓｅｅｄｓ株式会社　技術センター</t>
  </si>
  <si>
    <t>神(気水)第１－１４７５号株式会社伊藤冷凍機工業</t>
  </si>
  <si>
    <t>神(気水)第１－１４７７号ＳＢＳ即配サポート株式会社　環境事業部　横浜事業所</t>
  </si>
  <si>
    <t>神(気水)第１－１４８０号株式会社水落設備</t>
  </si>
  <si>
    <t>神(気水)第１－１４８３号有限会社白石冷機サービス</t>
  </si>
  <si>
    <t>神(気水)第１－１４８４号タイテック株式会社</t>
  </si>
  <si>
    <t>神(気水)第１－１４８６号株式会社江戸川冷熱工業</t>
  </si>
  <si>
    <t>神(気水)第１－１４９０号有限会社多摩冷熱</t>
  </si>
  <si>
    <t>神(気水)第１－１４９３号日本電興株式会社</t>
  </si>
  <si>
    <t>神(気水)第１－１４９６号株式会社武相工業</t>
  </si>
  <si>
    <t>神(気水)第１－１４９９号タマ設備工業株式会社</t>
  </si>
  <si>
    <t>神(気水)第１－１５００号株式会社ヒカリＳ．Ｅ</t>
  </si>
  <si>
    <t>神(気水)第１－１５０２号エタツクエンジニアリング株式会社</t>
  </si>
  <si>
    <t>神(気水)第１－１５０６号株式会社共栄テック</t>
  </si>
  <si>
    <t>神(気水)第１－１５０７号株式会社サン</t>
  </si>
  <si>
    <t>神(気水)第１－１５０８号ステップサイエンス株式会社　大杉事業所</t>
  </si>
  <si>
    <t>神(気水)第１－１５１１号株式会社テクノフォート</t>
  </si>
  <si>
    <t>神(気水)第１－１５１５号有限会社金子設備工業</t>
  </si>
  <si>
    <t>神(気水)第１－１５１７号エアーテクノス株式会社</t>
  </si>
  <si>
    <t>神(気水)第１－１５１９号株式会社エルワン　横浜営業所</t>
  </si>
  <si>
    <t>神(気水)第１－１５２１号株式会社アクセス</t>
  </si>
  <si>
    <t>神(気水)第１－１５２３号株式会社フジマック　横浜事業部</t>
  </si>
  <si>
    <t>神(気水)第１－１５２３号株式会社フジマック　川崎営業所</t>
  </si>
  <si>
    <t>神(気水)第１－１５２３号株式会社フジマック　厚木営業所</t>
  </si>
  <si>
    <t>神(気水)第１－１５２８号株式会社三井Ｅ＆Ｓパワーシステムズ　ＴＰＥ事業本部　神戸テクニカルセンター</t>
  </si>
  <si>
    <t>神(気水)第１－１５２９号ヤンマーエネルギーシステム株式会社　東京支社</t>
  </si>
  <si>
    <t>神(気水)第１－１５３０号浜田冷熱設備</t>
  </si>
  <si>
    <t>神(気水)第１－１５３１号有限会社エアーテクニカル</t>
  </si>
  <si>
    <t>神(気水)第１－１５３２号タカハシガリレイ株式会社　東京支店</t>
  </si>
  <si>
    <t>神(気水)第１－１５３５号ハイグロマスター株式会社</t>
  </si>
  <si>
    <t>神(気水)第１－１５４２号東京セントラルエアコン株式会社</t>
  </si>
  <si>
    <t>神(気水)第１－１５４３号株式会社ＡＣＰ　湘南センター</t>
  </si>
  <si>
    <t>神(気水)第１－１５４６号埼玉空調工業株式会社</t>
  </si>
  <si>
    <t>神(気水)第１－１５４８号株式会社メッカコーポレーション</t>
  </si>
  <si>
    <t>神(気水)第１－１５４９号Ｋ・Ｋ・Ｓ</t>
  </si>
  <si>
    <t>神(気水)第１－１５５２号福山産業株式会社</t>
  </si>
  <si>
    <t>神(気水)第１－１５５３号国際環境サービス株式会社</t>
  </si>
  <si>
    <t>神(気水)第１－１５５４号有限会社ダイエイ設備</t>
  </si>
  <si>
    <t>神(気水)第１－１５５５号株式会社カンクウ</t>
  </si>
  <si>
    <t>神(気水)第１－１５５７号株式会社ラスコ</t>
  </si>
  <si>
    <t>神(気水)第１－１５５９号株式会社明冷</t>
  </si>
  <si>
    <t>神(気水)第１－１５６３号株式会社光和設備</t>
  </si>
  <si>
    <t>神(気水)第１－１５６４号虎の門エアロ・セル株式会社</t>
  </si>
  <si>
    <t>神(気水)第１－１５６５号株式会社日東エアテック</t>
  </si>
  <si>
    <t>神(気水)第１－１５６６号いすゞ自動車株式会社　藤沢工場</t>
  </si>
  <si>
    <t>神(気水)第１－１５６８号有限会社テクノエスエス</t>
  </si>
  <si>
    <t>神(気水)第１－１５６９号カノウレイキ</t>
  </si>
  <si>
    <t>神(気水)第１－１５７０号シセイカン株式会社</t>
  </si>
  <si>
    <t>神(気水)第１－１５７１号株式会社中央エンジ</t>
  </si>
  <si>
    <t>神(気水)第１－１５７２号城陽冷熱株式会社　香住出張所</t>
  </si>
  <si>
    <t>神(気水)第１－１５７２号城陽冷熱株式会社　東大阪工場</t>
  </si>
  <si>
    <t>神(気水)第１－１５７４号株式会社アイシン　サービス部東部サービスセンター</t>
  </si>
  <si>
    <t>神(気水)第１－１５７９号ごとう電器</t>
  </si>
  <si>
    <t>神(気水)第１－１５８０号朝日冷設</t>
  </si>
  <si>
    <t>神(気水)第１－１５８５号株式会社ヒューテックノオリン東京臨海支店第一センター</t>
  </si>
  <si>
    <t>神(気水)第１－１５８５号株式会社ヒューテックノオリン東京臨海支店第二センター</t>
  </si>
  <si>
    <t>神(気水)第１－１５８５号株式会社ヒューテックノオリン神奈川ＪＤセンター</t>
  </si>
  <si>
    <t>神(気水)第１－１５８８号株式会社松下商会</t>
  </si>
  <si>
    <t>神(気水)第１－１５８９号東京セントラルサービス株式会社</t>
  </si>
  <si>
    <t>神(気水)第１－１５９０号緑屋設備機器株式会社</t>
  </si>
  <si>
    <t>神(気水)第１－１５９１号株式会社ニットー冷熱製作所　本社工場</t>
  </si>
  <si>
    <t>神(気水)第１－１５９３号株式会社ダイレイ</t>
  </si>
  <si>
    <t>神(気水)第１－１６０２号池松空調工業株式会社</t>
  </si>
  <si>
    <t>神(気水)第１－１６０３号有限会社川﨑設備</t>
  </si>
  <si>
    <t>神(気水)第１－１６０６号有限会社矢尾板工業所</t>
  </si>
  <si>
    <t>神(気水)第１－１６０７号大輝日本株式会社</t>
  </si>
  <si>
    <t>神(気水)第１－１６０８号有限会社服部設備工業</t>
  </si>
  <si>
    <t>神(気水)第１－１６０９号寺田設備</t>
  </si>
  <si>
    <t>神(気水)第１－１６１１号エミック株式会社　三島事業所</t>
  </si>
  <si>
    <t>神(気水)第１－１６１１号エミック株式会社　さいたま事業所</t>
  </si>
  <si>
    <t>神(気水)第１－１６１１号エミック株式会社　東海事業所</t>
  </si>
  <si>
    <t>神(気水)第１－１６１３号有限会社ファクトリー𠮷澤</t>
  </si>
  <si>
    <t>神(気水)第１－１６１５号株式会社山田電設</t>
  </si>
  <si>
    <t>神(気水)第１－１６２１号株式会社春秋商事　本社</t>
  </si>
  <si>
    <t>神(気水)第１－１６２２号中澤エアテック株式会社</t>
  </si>
  <si>
    <t>神(気水)第１－１６２５号大西金属株式会社</t>
  </si>
  <si>
    <t>神(気水)第１－１６２９号株式会社ジーオーテクニカ</t>
  </si>
  <si>
    <t>神(気水)第１－１６３１号株式会社環境空調システム</t>
  </si>
  <si>
    <t>神(気水)第１－１６３２号株式会社ハーテック・ミワ　川崎営業所</t>
  </si>
  <si>
    <t>神(気水)第１－１６３２号株式会社ハーテック・ミワ　厚木営業所</t>
  </si>
  <si>
    <t>神(気水)第１－１６３６号有限会社アドバンス</t>
  </si>
  <si>
    <t>神(気水)第１－１６３８号鈴健興業株式会社</t>
  </si>
  <si>
    <t>神(気水)第１－１６４０号有限会社加藤電気</t>
  </si>
  <si>
    <t>神(気水)第１－１６４６号株式会社ツインシャフト</t>
  </si>
  <si>
    <t>神(気水)第１－１６５９号有限会社橋谷電機</t>
  </si>
  <si>
    <t>神(気水)第１－１６６０号京浜技研</t>
  </si>
  <si>
    <t>神(気水)第１－１６６１号東京冷化機工業株式会社　市川工場</t>
  </si>
  <si>
    <t>神(気水)第１－１６６４号くら寿司株式会社　埼玉事務所</t>
  </si>
  <si>
    <t>神(気水)第１－１６６６号株式会社シンシア　シンシア品川リサイクルセンター</t>
  </si>
  <si>
    <t>神(気水)第１－１６６７号有限会社大森電機工業所</t>
  </si>
  <si>
    <t>神(気水)第１－１６７３号美藤電気</t>
  </si>
  <si>
    <t>神(気水)第１－１６７４号株式会社ナカタニ　東京営業所　ＴＳセンター</t>
  </si>
  <si>
    <t>神(気水)第１－１６７６号清水工業株式会社</t>
  </si>
  <si>
    <t>神(気水)第１－１６８０号有限会社ツボイトータルメンテナンス</t>
  </si>
  <si>
    <t>神(気水)第１－１６８１号アスク株式会社</t>
  </si>
  <si>
    <t>神(気水)第１－１６８５号信栄電設</t>
  </si>
  <si>
    <t>神(気水)第１－１６８７号電空工業株式会社</t>
  </si>
  <si>
    <t>神(気水)第１－１６９１号株式会社ムラタ</t>
  </si>
  <si>
    <t>神(気水)第１－１６９３号有限会社ミヤマ設備</t>
  </si>
  <si>
    <t>神(気水)第１－１６９５号株式会社エアープラン</t>
  </si>
  <si>
    <t>神(気水)第１－１６９６号空建設備工業株式会社</t>
  </si>
  <si>
    <t>神(気水)第１－１６９９号日仏商事株式会社</t>
  </si>
  <si>
    <t>神(気水)第１－１７００号西川設備株式会社</t>
  </si>
  <si>
    <t>神(気水)第１－１７０２号有限会社丸和冷熱工業</t>
  </si>
  <si>
    <t>神(気水)第１－１７０３号有限会社椚瀬工業所</t>
  </si>
  <si>
    <t>神(気水)第１－１７０４号株式会社近藤電機商会</t>
  </si>
  <si>
    <t>神(気水)第１－１７１１号有限会社名光企画</t>
  </si>
  <si>
    <t>神(気水)第１－１７１９号株式会社ヤオイ</t>
  </si>
  <si>
    <t>神(気水)第１－１７２０号株式会社富士冷暖</t>
  </si>
  <si>
    <t>神(気水)第１－１７２２号ジョーシンサービス株式会社　神奈川サービスセンター</t>
  </si>
  <si>
    <t>神(気水)第１－１７２７号株式会社ダイレイ</t>
  </si>
  <si>
    <t>神(気水)第１－１７２９号株式会社ニッセツ空調サービス</t>
  </si>
  <si>
    <t>神(気水)第１－１７３１号有限会社海西工業</t>
  </si>
  <si>
    <t>神(気水)第１－１７３６号株式会社クマキリ</t>
  </si>
  <si>
    <t>神(気水)第１－１７３８号山恵住設株式会社</t>
  </si>
  <si>
    <t>神(気水)第１－１７４１号武田設備株式会社</t>
  </si>
  <si>
    <t>神(気水)第１－１７４３号有限会社ＹＯＳＨⅠＺＡＫⅠ</t>
  </si>
  <si>
    <t>神(気水)第１－１７４５号株式会社横浜空設工業</t>
  </si>
  <si>
    <t>神(気水)第１－１７５０号株式会社日照</t>
  </si>
  <si>
    <t>神(気水)第１－１７５１号シュナイダーエレクトリック株式会社</t>
  </si>
  <si>
    <t>神(気水)第１－１７５２号株式会社エイト空調</t>
  </si>
  <si>
    <t>神(気水)第１－１７５３号株式会社コーワ</t>
  </si>
  <si>
    <t>神(気水)第１－１７５４号藤原設備</t>
  </si>
  <si>
    <t>神(気水)第１－１７５５号雄馬設備株式会社</t>
  </si>
  <si>
    <t>神(気水)第１－１７５６号有限会社飯盛商店</t>
  </si>
  <si>
    <t>神(気水)第１－１７５７号株式会社新和冷熱工業</t>
  </si>
  <si>
    <t>神(気水)第１－１７５８号有限会社東都冷熱</t>
  </si>
  <si>
    <t>神(気水)第１－１７６１号株式会社神奈川ウッドエネルギーセンター</t>
  </si>
  <si>
    <t>神(気水)第１－１７６２号有限会社エムズ・テクニカル・サービス</t>
  </si>
  <si>
    <t>神(気水)第１－１７６２号有限会社エムズ・テクニカル・サービス　川口SRC</t>
  </si>
  <si>
    <t>神(気水)第１－１７６２号有限会社エムズ・テクニカル・サービス　鳩ケ谷営業所</t>
  </si>
  <si>
    <t>神(気水)第１－１７６２号有限会社エムズ・テクニカル・サービス　足立事業所</t>
  </si>
  <si>
    <t>神(気水)第１－１７６３号有限会社愛進エアコンサービス</t>
  </si>
  <si>
    <t>神(気水)第１－１７６６号株式会社レイテック</t>
  </si>
  <si>
    <t>神(気水)第１－１７６８号株式会社新和</t>
  </si>
  <si>
    <t>神(気水)第１－１７７４号有限会社リアル</t>
  </si>
  <si>
    <t>神(気水)第１－１７７５号水野電気</t>
  </si>
  <si>
    <t>神(気水)第１－１７８０号株式会社ボルテック　横浜事業所</t>
  </si>
  <si>
    <t>神(気水)第１－１７８４号株式会社フィールド空調</t>
  </si>
  <si>
    <t>神(気水)第１－１７８６号有限会社幸電社　横浜営業所</t>
  </si>
  <si>
    <t>神(気水)第１－１７８７号株式会社日吉空調</t>
  </si>
  <si>
    <t>神(気水)第１－１７９７号株式会社エアープロテクト</t>
  </si>
  <si>
    <t>神(気水)第１－１８０２号三和工業株式会社</t>
  </si>
  <si>
    <t>神(気水)第１－１８０４号株式会社エレア</t>
  </si>
  <si>
    <t>神(気水)第１－１８０７号株式会社西村</t>
  </si>
  <si>
    <t>神(気水)第１－１８１５号ダンボウ</t>
  </si>
  <si>
    <t>神(気水)第１－１８２２号ISテクノ</t>
  </si>
  <si>
    <t>神(気水)第１－１８２６号三栄管財株式会社</t>
  </si>
  <si>
    <t>神(気水)第１－１８２８号有限会社ウエダ住設</t>
  </si>
  <si>
    <t>神(気水)第１－１８３０号有限会社加賀美工業</t>
  </si>
  <si>
    <t>神(気水)第１－１８３４号横浜空調エンジニアリング株式会社</t>
  </si>
  <si>
    <t>神(気水)第１－１８３５号株式会社レンタックス　神奈川センター</t>
  </si>
  <si>
    <t>神(気水)第１－１８３９号有限会社菅原設備工業</t>
  </si>
  <si>
    <t>神(気水)第１－１８４０号有限会社若松設備</t>
  </si>
  <si>
    <t>神(気水)第１－１８４１号株式会社ハマダ</t>
  </si>
  <si>
    <t>神(気水)第１－１８４２号有限会社三愛設備</t>
  </si>
  <si>
    <t>神(気水)第１－１８４４号アゼウス株式会社</t>
  </si>
  <si>
    <t>神(気水)第１－１８４６号株式会社エイチ・エス・ワイ</t>
  </si>
  <si>
    <t>神(気水)第１－１８４８号関和𠀋雄</t>
  </si>
  <si>
    <t>神(気水)第１－１８５１号株式会社エム・アール・コーポレーション</t>
  </si>
  <si>
    <t>神(気水)第１－１８５２号株式会社エア・クラフト</t>
  </si>
  <si>
    <t>神(気水)第１－１８５４号ダイキンＭＲエンジニアリング株式会社　東京オフィス</t>
  </si>
  <si>
    <t>神(気水)第１－１８５７号株式会社ＥＢＡＣ</t>
  </si>
  <si>
    <t>神(気水)第１－１８６０号株式会社Ｍ－Ｋエンジニア</t>
  </si>
  <si>
    <t>神(気水)第１－１８６４号株式会社三協</t>
  </si>
  <si>
    <t>神(気水)第１－１８６５号株式会社浜設備工業</t>
  </si>
  <si>
    <t>神(気水)第１－１８６６号有限会社エスケー電機</t>
  </si>
  <si>
    <t>神(気水)第１－１８６７号株式会社ネオテック</t>
  </si>
  <si>
    <t>神(気水)第１－１８７１号I　TECH株式会社</t>
  </si>
  <si>
    <t>神(気水)第１－１８７２号ユーロインターナショナル株式会社　横浜工場</t>
  </si>
  <si>
    <t>神(気水)第１－１８７３号株式会社大佳</t>
  </si>
  <si>
    <t>神(気水)第１－１８７９号有限会社彩栄設備</t>
  </si>
  <si>
    <t>神(気水)第１－１８９５号株式会社エアリズム</t>
  </si>
  <si>
    <t>神(気水)第１－１８９６号株式会社エスアンドエー</t>
  </si>
  <si>
    <t>神(気水)第１－１８９７号株式会社エムエステック　東京支店</t>
  </si>
  <si>
    <t>神(気水)第１－１８９８号有限会社スルガ冷機</t>
  </si>
  <si>
    <t>神(気水)第１－１８９９号株式会社ハイランド設備　8丁目事業所</t>
  </si>
  <si>
    <t>神(気水)第１－１９０２号株式会社アドバンテック</t>
  </si>
  <si>
    <t>神(気水)第１－１９０３号有限会社いづ電気設備</t>
  </si>
  <si>
    <t>神(気水)第１－１９０５号株式会社リバーグリーン</t>
  </si>
  <si>
    <t>神(気水)第１－１９０６号有限会社松川設備</t>
  </si>
  <si>
    <t>神(気水)第１－１９０７号有限会社松輝</t>
  </si>
  <si>
    <t>神(気水)第１－１９０９号株式会社永福冷熱</t>
  </si>
  <si>
    <t>神(気水)第１－１９１２号有限会社八重洲電機サービス</t>
  </si>
  <si>
    <t>神(気水)第１－１９１６号株式会社三企</t>
  </si>
  <si>
    <t>神(気水)第１－１９１７号エスペック株式会社　厚木ブランチ</t>
  </si>
  <si>
    <t>神(気水)第１－１９１７号エスペック株式会社　西東京ブランチ</t>
  </si>
  <si>
    <t>神(気水)第１－１９１７号エスペック株式会社　神奈川オフィス</t>
  </si>
  <si>
    <t>神(気水)第１－１９１７号エスペック株式会社　福知山工場</t>
  </si>
  <si>
    <t>神(気水)第１－１９１９号ＴＲ設備　鈴木孝行</t>
  </si>
  <si>
    <t>神(気水)第１－１９２５号株式会社中村電気</t>
  </si>
  <si>
    <t>神(気水)第１－１９２６号ドーワテック株式会社</t>
  </si>
  <si>
    <t>神(気水)第１－１９３２号有限会社ハマダ空調</t>
  </si>
  <si>
    <t>神(気水)第１－１９３５号株式会社西岡機械サービス</t>
  </si>
  <si>
    <t>神(気水)第１－１９３６号有限会社シマダデンキ</t>
  </si>
  <si>
    <t>神(気水)第１－１９３７号株式会社平和電器</t>
  </si>
  <si>
    <t>神(気水)第１－１９３８号株式会社ネオテック</t>
  </si>
  <si>
    <t>神(気水)第１－１９３９号株式会社ダイシン冷熱</t>
  </si>
  <si>
    <t>神(気水)第１－１９４２号株式会社坪井冷機</t>
  </si>
  <si>
    <t>神(気水)第１－１９４３号株式会社タクト</t>
  </si>
  <si>
    <t>神(気水)第１－１９４４号株式会社宮田電気</t>
  </si>
  <si>
    <t>神(気水)第１－１９４７号トレイン・ジャパン株式会社</t>
  </si>
  <si>
    <t>神(気水)第１－１９４８号中京フロン株式会社</t>
  </si>
  <si>
    <t>神(気水)第１－１９４８号中京フロン株式会社　東京本店</t>
  </si>
  <si>
    <t>神(気水)第１－１９４８号中京フロン株式会社　浜松工場</t>
  </si>
  <si>
    <t>神(気水)第１－１９４８号中京フロン株式会社　大阪支店</t>
  </si>
  <si>
    <t>神(気水)第１－１９４８号中京フロン株式会社　福岡営業所</t>
  </si>
  <si>
    <t>神(気水)第１－１９４９号株式会社エステック</t>
  </si>
  <si>
    <t>神(気水)第１－１９５０号株式会社赤丸空調設備</t>
  </si>
  <si>
    <t>神(気水)第１－１９５２号和光産業株式会社</t>
  </si>
  <si>
    <t>神(気水)第１－１９５３号株式会社雅</t>
  </si>
  <si>
    <t>神(気水)第１－１９５５号有限会社アマノ冷熱</t>
  </si>
  <si>
    <t>神(気水)第１－１９５６号東邦エンジニアリング株式会社</t>
  </si>
  <si>
    <t>神(気水)第１－１９５７号井上店舗設備株式会社</t>
  </si>
  <si>
    <t>神(気水)第１－１９６３号中部増成機械工業株式会社</t>
  </si>
  <si>
    <t>神(気水)第１－１９６６号関東精機株式会社</t>
  </si>
  <si>
    <t>神(気水)第１－１９６７号株式会社美原興業</t>
  </si>
  <si>
    <t>神(気水)第１－１９６８号緑GHPサービス</t>
  </si>
  <si>
    <t>神(気水)第１－１９７０号アビステック株式会社</t>
  </si>
  <si>
    <t>神(気水)第１－１９７１号有限会社三巧空調</t>
  </si>
  <si>
    <t>神(気水)第１－１９７４号株式会社カメダ熱電</t>
  </si>
  <si>
    <t>神(気水)第１－１９７５号サンスイ機工株式会社</t>
  </si>
  <si>
    <t>神(気水)第１－１９７８号株式会社スリーシープランニング</t>
  </si>
  <si>
    <t>神(気水)第１－１９８０号株式会社光陽電業社</t>
  </si>
  <si>
    <t>神(気水)第１－１９８１号株式会社トーミック</t>
  </si>
  <si>
    <t>神(気水)第１－１９８２号有限会社アンテック</t>
  </si>
  <si>
    <t>神(気水)第１－１９８４号株式会社青心冷機</t>
  </si>
  <si>
    <t>神(気水)第１－１９８６号武蔵野工業株式会社</t>
  </si>
  <si>
    <t>神(気水)第１－１９８７号有限会社ケンテックシステムズ</t>
  </si>
  <si>
    <t>神(気水)第１－１９９０号株式会社ＡＲＩＧＡ</t>
  </si>
  <si>
    <t>神(気水)第１－１９９３号株式会社シマダ電気設備</t>
  </si>
  <si>
    <t>神(気水)第１－１９９４号ＳＫテクノ株式会社</t>
  </si>
  <si>
    <t>神(気水)第１－１９９６号株式会社エム・テイ・テイ</t>
  </si>
  <si>
    <t>神(気水)第１－２００４号有限会社三輪エーシーイー</t>
  </si>
  <si>
    <t>神(気水)第１－２００６号有限会社エムアイテック</t>
  </si>
  <si>
    <t>神(気水)第１－２００９号有限会社アームズ</t>
  </si>
  <si>
    <t>神(気水)第１－２０１０号有限会社アオイ空調</t>
  </si>
  <si>
    <t>神(気水)第１－２０１２号コーヨーインストール株式会社</t>
  </si>
  <si>
    <t>神(気水)第１－２０１４号大和物流株式会社　三郷支店草加出張所</t>
  </si>
  <si>
    <t>神(気水)第１－２０１６号有限会社隆星工業</t>
  </si>
  <si>
    <t>神(気水)第１－２０１８号株式会社ユニテック</t>
  </si>
  <si>
    <t>神(気水)第１－２０１９号株式会社シバテック</t>
  </si>
  <si>
    <t>神(気水)第１－２０２０号株式会社吉田空調工業</t>
  </si>
  <si>
    <t>神(気水)第１－２０２４号日本エアーコンジショナース株式会社</t>
  </si>
  <si>
    <t>神(気水)第１－２０２５号平和電化工業株式会社</t>
  </si>
  <si>
    <t>神(気水)第１－２０２６号株式会社ケーズモビリティ</t>
  </si>
  <si>
    <t>神(気水)第１－２０２７号株式会社シーエフ</t>
  </si>
  <si>
    <t>神(気水)第１－２０２９号ＭＡＳＡテクノサービス株式会社</t>
  </si>
  <si>
    <t>神(気水)第１－２０３０号株式会社ケイアド</t>
  </si>
  <si>
    <t>神(気水)第１－２０３１号株式会社ワイズ</t>
  </si>
  <si>
    <t>神(気水)第１－２０３２号株式会社谷口空調設備</t>
  </si>
  <si>
    <t>神(気水)第１－２０３３号細谷工業株式会社</t>
  </si>
  <si>
    <t>神(気水)第１－２０３３号細谷工業株式会社　横浜営業所</t>
  </si>
  <si>
    <t>神(気水)第１－２０３３号細谷工業株式会社　千葉営業所</t>
  </si>
  <si>
    <t>神(気水)第１－２０３４号株式会社空調メンテナンスサービス</t>
  </si>
  <si>
    <t>神(気水)第１－２０３５号有限会社原空調設備</t>
  </si>
  <si>
    <t>神(気水)第１－２０３６号有限会社誠佑</t>
  </si>
  <si>
    <t>神(気水)第１－２０３７号有限会社ナックス</t>
  </si>
  <si>
    <t>神(気水)第１－２０３８号株式会社クロダ電工</t>
  </si>
  <si>
    <t>神(気水)第１－２０４１号ライズ</t>
  </si>
  <si>
    <t>神(気水)第１－２０４２号株式会社川崎機設工業</t>
  </si>
  <si>
    <t>神(気水)第１－２０４３号株式会社グロービック　神奈川サービスセンター</t>
  </si>
  <si>
    <t>神(気水)第１－２０４４号株式会社横浜エアサービス</t>
  </si>
  <si>
    <t>神(気水)第１－２０５０号株式会社ＩＷＡ空調</t>
  </si>
  <si>
    <t>神(気水)第１－２０５３号有限会社シイ・オー・エス</t>
  </si>
  <si>
    <t>神(気水)第１－２０５６号株式会社埼京デンキセンター</t>
  </si>
  <si>
    <t>神(気水)第１－２０５７号有限会社レイキ</t>
  </si>
  <si>
    <t>神(気水)第１－２０５９号成美興業株式会社</t>
  </si>
  <si>
    <t>神(気水)第１－２０６１号ベイシス株式会社</t>
  </si>
  <si>
    <t>神(気水)第１－２０６２号ネポン株式会社　厚木事業所</t>
  </si>
  <si>
    <t>神(気水)第１－２０６８号日新総合ビルサービス株式会社</t>
  </si>
  <si>
    <t>神(気水)第１－２０７１号有限会社アラック</t>
  </si>
  <si>
    <t>神(気水)第１－２０７２号株式会社三輝</t>
  </si>
  <si>
    <t>神(気水)第１－２０７５号有限会社内山冷熱</t>
  </si>
  <si>
    <t>神(気水)第１－２０７６号タイジ株式会社</t>
  </si>
  <si>
    <t>神(気水)第１－２０７７号テイクサンデー株式会社</t>
  </si>
  <si>
    <t>神(気水)第１－２０７９号株式会社城南サービス</t>
  </si>
  <si>
    <t>神(気水)第１－２０８０号三喜工業株式会社</t>
  </si>
  <si>
    <t>神(気水)第１－２０８３号阿部化学株式会社</t>
  </si>
  <si>
    <t>神(気水)第１－２０８４号株式会社マルヒロアソシエイツ</t>
  </si>
  <si>
    <t>神(気水)第１－２０８６号花田冷機</t>
  </si>
  <si>
    <t>神(気水)第１－２０８８号太田空調</t>
  </si>
  <si>
    <t>神(気水)第１－２０９２号株式会社小林茂商店</t>
  </si>
  <si>
    <t>神(気水)第１－２０９８号富士電機株式会社　食品流通事業本部</t>
  </si>
  <si>
    <t>神(気水)第１－２０９９号有限会社空調エンジニアリング</t>
  </si>
  <si>
    <t>神(気水)第１－２１００号城南テクノサービス株式会社</t>
  </si>
  <si>
    <t>神(気水)第１－２１０２号株式会社本多冷凍機製作所</t>
  </si>
  <si>
    <t>神(気水)第１－２１０４号有限会社共和電機工業</t>
  </si>
  <si>
    <t>神(気水)第１－２１０８号有限会社おおはしでんき</t>
  </si>
  <si>
    <t>神(気水)第１－２１１０号株式会社ＹＡＭＡＮＡＫＡ　川崎工場</t>
  </si>
  <si>
    <t>神(気水)第１－２１１０号株式会社ＹＡＭＡＮＡＫＡ　大和工場</t>
  </si>
  <si>
    <t>神(気水)第１－２１１３号株式会社アクセプト</t>
  </si>
  <si>
    <t>神(気水)第１－２１１６号東神冷機</t>
  </si>
  <si>
    <t>神(気水)第１－２１１９号株式会社オオワダ　横浜営業所</t>
  </si>
  <si>
    <t>神(気水)第１－２１２３号ミナトシステムエンジニアリング株式会社</t>
  </si>
  <si>
    <t>神(気水)第１－２１２４号株式会社稲垣冷熱</t>
  </si>
  <si>
    <t>神(気水)第１－２１２５号ケイズエーアイエム株式会社</t>
  </si>
  <si>
    <t>神(気水)第１－２１３２号有限会社エヌケーテクニカルシステム</t>
  </si>
  <si>
    <t>神(気水)第１－２１３３号川浜商事有限会社</t>
  </si>
  <si>
    <t>神(気水)第１－２１３５号有限会社神奈川空調工業</t>
  </si>
  <si>
    <t>神(気水)第１－２１３８号東京環境プラント株式会社</t>
  </si>
  <si>
    <t>神(気水)第１－２１３９号株式会社台栄商会</t>
  </si>
  <si>
    <t>神(気水)第１－２１４１号楚山設備</t>
  </si>
  <si>
    <t>神(気水)第１－２１４８号新明和工業株式会社　産機システム事業部</t>
  </si>
  <si>
    <t>神(気水)第１－２１５０号株式会社貝塚空調設備</t>
  </si>
  <si>
    <t>神(気水)第１－２１５２号イオンディライトコネクト株式会社　首都圏サービスステーション</t>
  </si>
  <si>
    <t>神(気水)第１－２１５２号イオンディライトコネクト株式会社　リペアセンター</t>
  </si>
  <si>
    <t>神(気水)第１－２１５２号イオンディライトコネクト株式会社　本社</t>
  </si>
  <si>
    <t>神(気水)第１－２１５３号かもめ空調合同会社</t>
  </si>
  <si>
    <t>神(気水)第１－２１５５号チームエンジニア株式会社</t>
  </si>
  <si>
    <t>神(気水)第１－２１５６号富永空調</t>
  </si>
  <si>
    <t>神(気水)第１－２１５７号日立建機日本株式会社　相模営業所</t>
  </si>
  <si>
    <t>神(気水)第１－２１５７号日立建機日本株式会社　横浜営業所</t>
  </si>
  <si>
    <t>神(気水)第１－２１５８号株式会社新百合冷熱サービス</t>
  </si>
  <si>
    <t>神(気水)第１－２１６０号株式会社エアーライフ</t>
  </si>
  <si>
    <t>神(気水)第１－２１６１号トラストサービス株式会社</t>
  </si>
  <si>
    <t>神(気水)第１－２１６４号ミナミ金属株式会社　リサイクルセンター関東綾瀬工場</t>
  </si>
  <si>
    <t>神(気水)第１－２１６６号寿工業合同会社</t>
  </si>
  <si>
    <t>神(気水)第１－２１６７号長谷川鉄工株式会社　尼崎臨海工場</t>
  </si>
  <si>
    <t>神(気水)第１－２１６８号株式会社ナカデン</t>
  </si>
  <si>
    <t>神(気水)第１－２１６９号株式会社クールアンドトラスト</t>
  </si>
  <si>
    <t>神(気水)第１－２１７３号匠通信設備株式会社</t>
  </si>
  <si>
    <t>神(気水)第１－２１７５号大成温調株式会社　横浜支店　厚木サービスステーション</t>
  </si>
  <si>
    <t>神(気水)第１－２１７５号大成温調株式会社　横浜支店　横浜サービスステーション</t>
  </si>
  <si>
    <t>神(気水)第１－２１７６号峯尾機工株式会社</t>
  </si>
  <si>
    <t>神(気水)第１－２１７７号次世代開発株式会社</t>
  </si>
  <si>
    <t>神(気水)第１－２１７８号株式会社テクノ横浜</t>
  </si>
  <si>
    <t>神(気水)第１－２１７９号有限会社ユニオンサービス</t>
  </si>
  <si>
    <t>神(気水)第１－２１８０号湘南システム株式会社</t>
  </si>
  <si>
    <t>神(気水)第１－２１８４号信映興産株式会社</t>
  </si>
  <si>
    <t>神(気水)第１－２１８５号アタゴ空調設備株式会社</t>
  </si>
  <si>
    <t>神(気水)第１－２１８７号山口空調メンテナンス工業株式会社</t>
  </si>
  <si>
    <t>神(気水)第１－２１８８号株式会社シュアーテック</t>
  </si>
  <si>
    <t>神(気水)第１－２１８９号株式会社国分空調設備</t>
  </si>
  <si>
    <t>神(気水)第１－２１９０号有限会社ケーエス空調設備</t>
  </si>
  <si>
    <t>神(気水)第１－２１９１号株式会社鈴工設備</t>
  </si>
  <si>
    <t>神(気水)第１－２１９４号エア・フィックス株式会社</t>
  </si>
  <si>
    <t>神(気水)第１－２１９５号株式会社ニシザキ</t>
  </si>
  <si>
    <t>神(気水)第１－２１９６号株式会社カトー</t>
  </si>
  <si>
    <t>神(気水)第１－２１９７号新和電機株式会社</t>
  </si>
  <si>
    <t>神(気水)第１－２１９９号古瀬空調株式会社</t>
  </si>
  <si>
    <t>神(気水)第１－２２００号株式会社浜田　東京リサイクルセンター</t>
  </si>
  <si>
    <t>神(気水)第１－２２０７号大同産業株式会社</t>
  </si>
  <si>
    <t>神(気水)第１－２２０８号有限会社ＫＳＹ</t>
  </si>
  <si>
    <t>神(気水)第１－２２１３号髙橋空調サービス</t>
  </si>
  <si>
    <t>神(気水)第１－２２１５号パナソニックマーケティングジャパン株式会社　CS社　首都圏社　横浜サービスセンター</t>
  </si>
  <si>
    <t>神(気水)第１－２２１５号パナソニックマーケティングジャパン株式会社　CS社　首都圏社　厚木サービスセンター</t>
  </si>
  <si>
    <t>神(気水)第１－２２１６号株式会社ダンレイズ</t>
  </si>
  <si>
    <t>神(気水)第１－２２１７号相良工事株式会社</t>
  </si>
  <si>
    <t>神(気水)第１－２２１９号株式会社ＫＥＮＳＥＩ</t>
  </si>
  <si>
    <t>神(気水)第１－２２２０号株式会社横浜空調</t>
  </si>
  <si>
    <t>神(気水)第１－２２２２号ＭＫテクノ</t>
  </si>
  <si>
    <t>神(気水)第１－２２２３号ムサシ冷凍設備株式会社</t>
  </si>
  <si>
    <t>神(気水)第１－２２２４号株式会社ＭＩＷＡ　ＴＥＣ</t>
  </si>
  <si>
    <t>神(気水)第１－２２２５号株式会社有電社　東京支店</t>
  </si>
  <si>
    <t>神(気水)第１－２２２６号株式会社クレバープロ</t>
  </si>
  <si>
    <t>神(気水)第１－２２２７号株式会社ＴＳＫ　東松山空調部事業所</t>
  </si>
  <si>
    <t>神(気水)第１－２２３０号株式会社トーエル　横浜第二サーバー工場</t>
  </si>
  <si>
    <t>神(気水)第１－２２３０号株式会社トーエル　厚木第二サーバー工場</t>
  </si>
  <si>
    <t>神(気水)第１－２２３１号株式会社フロスト</t>
  </si>
  <si>
    <t>神(気水)第１－２２３２号日髙住設</t>
  </si>
  <si>
    <t>神(気水)第１－２２３３号大金空調</t>
  </si>
  <si>
    <t>神(気水)第１－２２３５号中尾エンジニアリング</t>
  </si>
  <si>
    <t>神(気水)第１－２２３７号サツキ工業株式会社　東京出張所</t>
  </si>
  <si>
    <t>神(気水)第１－２２３８号株式会社ナベックエンジニアリング</t>
  </si>
  <si>
    <t>神(気水)第１－２２４１号梅郷電機</t>
  </si>
  <si>
    <t>神(気水)第１－２２４２号理研テクノプラント株式会社</t>
  </si>
  <si>
    <t>神(気水)第１－２２４３号有限会社アイシー空調工業</t>
  </si>
  <si>
    <t>神(気水)第１－２２４４号株式会社小林空調</t>
  </si>
  <si>
    <t>神(気水)第１－２２４５号株式会社バロック　東京支店</t>
  </si>
  <si>
    <t>神(気水)第１－２２４７号イデアル株式会社</t>
  </si>
  <si>
    <t>神(気水)第１－２２４８号ウイング</t>
  </si>
  <si>
    <t>神(気水)第１－２２４９号サタケ冷熱株式会社</t>
  </si>
  <si>
    <t>神(気水)第１－２２５２号日本キヤリア株式会社</t>
  </si>
  <si>
    <t>神(気水)第１－２２５２号日本キヤリア株式会社　サービスセンター</t>
  </si>
  <si>
    <t>神(気水)第１－２２６１号有限会社上山ビル</t>
  </si>
  <si>
    <t>神(気水)第１－２２６２号有限会社トム・テック</t>
  </si>
  <si>
    <t>神(気水)第１－２２６４号有限会社五明興業</t>
  </si>
  <si>
    <t>神(気水)第１－２２６６号有限会社伊藤モーター商会</t>
  </si>
  <si>
    <t>神(気水)第１－２２６７号株式会社黒澤理装</t>
  </si>
  <si>
    <t>神(気水)第１－２２６８号新興商産株式会社</t>
  </si>
  <si>
    <t>神(気水)第１－２２６９号株式会社サンキョーテクノ</t>
  </si>
  <si>
    <t>神(気水)第１－２２７１号ユーワエンジニアリング株式会社</t>
  </si>
  <si>
    <t>神(気水)第１－２２７２号株式会社タウンサービス</t>
  </si>
  <si>
    <t>神(気水)第１－２２７３号有限会社ヒロ・システムインテグレーション</t>
  </si>
  <si>
    <t>神(気水)第１－２２７５号株式会社ナックス</t>
  </si>
  <si>
    <t>神(気水)第１－２２７６号エスエスケイ株式会社</t>
  </si>
  <si>
    <t>神(気水)第１－２２７７号株式会社拓海設備</t>
  </si>
  <si>
    <t>神(気水)第１－２２７９号スギモトテクノ株式会社</t>
  </si>
  <si>
    <t>神(気水)第１－２２８１号小澤空調</t>
  </si>
  <si>
    <t>神(気水)第１－２２８２号株式会社エーシーワークス</t>
  </si>
  <si>
    <t>神(気水)第１－２２８５号光進工業株式会社</t>
  </si>
  <si>
    <t>神(気水)第１－２２８８号株式会社三友空調</t>
  </si>
  <si>
    <t>神(気水)第１－２２９１号アクティブサービス</t>
  </si>
  <si>
    <t>神(気水)第１－２２９３号株式会社エイテック</t>
  </si>
  <si>
    <t>神(気水)第１－２２９６号イリオス株式会社</t>
  </si>
  <si>
    <t>神(気水)第１－２３００号芦川工業</t>
  </si>
  <si>
    <t>神(気水)第１－２３０３号株式会社ケイ・ワイ</t>
  </si>
  <si>
    <t>神(気水)第１－２３０４号株式会社ムサシ建装</t>
  </si>
  <si>
    <t>神(気水)第１－２３０８号株式会社多賀冷凍機製作所</t>
  </si>
  <si>
    <t>神(気水)第１－２３１０号管鉄工業株式会社</t>
  </si>
  <si>
    <t>神(気水)第１－２３１３号株式会社愛寿物流</t>
  </si>
  <si>
    <t>神(気水)第１－２３１５号株式会社ミタデン　東京本店</t>
  </si>
  <si>
    <t>神(気水)第１－２３１８号勇進空調株式会社</t>
  </si>
  <si>
    <t>神(気水)第１－２３１９号Ｋ－ｗｏｒｋｓ</t>
  </si>
  <si>
    <t>神(気水)第１－２３２４号有限会社サンユー</t>
  </si>
  <si>
    <t>神(気水)第１－２３２５号株式会社Ｈｉ・ｃｏｍｐａｎｙ</t>
  </si>
  <si>
    <t>神(気水)第１－２３２７号中野冷機株式会社　相模原サービスステーション</t>
  </si>
  <si>
    <t>神(気水)第１－２３２７号中野冷機株式会社　メンテナンス部</t>
  </si>
  <si>
    <t>神(気水)第１－２３２８号株式会社内山機工</t>
  </si>
  <si>
    <t>神(気水)第１－２３３２号株式会社今北空調</t>
  </si>
  <si>
    <t>神(気水)第１－２３３７号株式会社戸張空調</t>
  </si>
  <si>
    <t>神(気水)第１－２３３９号株式会社佐藤設備工業</t>
  </si>
  <si>
    <t>神(気水)第１－２３４５号有限会社ケイテック</t>
  </si>
  <si>
    <t>神(気水)第１－２３４６号株式会社五心空調</t>
  </si>
  <si>
    <t>神(気水)第１－２３４８号株式会社ユニマットライフ　ＯＴＳ事業所</t>
  </si>
  <si>
    <t>神(気水)第１－２３４８号株式会社ユニマットライフ　リノベーション事業部</t>
  </si>
  <si>
    <t>神(気水)第１－２３５０号ワイエム冷熱</t>
  </si>
  <si>
    <t>神(気水)第１－２３５１号株式会社ミタス</t>
  </si>
  <si>
    <t>神(気水)第１－２３５５号株式会社イノクリート</t>
  </si>
  <si>
    <t>神(気水)第１－２３５６号株式会社フロンティアエクスプレス</t>
  </si>
  <si>
    <t>神(気水)第１－２３５８号株式会社サン・テクノ</t>
  </si>
  <si>
    <t>神(気水)第１－２３６４号横浜冷暖サービス</t>
  </si>
  <si>
    <t>神(気水)第１－２３６５号ａ．ｔｅｃｈ</t>
  </si>
  <si>
    <t>神(気水)第１－２３６７号平良空調設備</t>
  </si>
  <si>
    <t>神(気水)第１－２３７０号株式会社ＫＴＳ</t>
  </si>
  <si>
    <t>神(気水)第１－２３７１号株式会社アイソニック</t>
  </si>
  <si>
    <t>神(気水)第１－２３７２号株式会社アイエスビーサービス</t>
  </si>
  <si>
    <t>神(気水)第１－２３７５号株式会社昇栄空調工業</t>
  </si>
  <si>
    <t>神(気水)第１－２３７７号株式会社エスエー空調</t>
  </si>
  <si>
    <t>神(気水)第１－２３７８号株式会社エアーアンドウォーター</t>
  </si>
  <si>
    <t>神(気水)第１－２３７９号株式会社望月工業所</t>
  </si>
  <si>
    <t>神(気水)第１－２３８２号株式会社ワイズシステム</t>
  </si>
  <si>
    <t>神(気水)第１－２３８４号ハイグローリー株式会社</t>
  </si>
  <si>
    <t>神(気水)第１－２３９０号フードテクノエンジニアリング株式会社東京支社</t>
  </si>
  <si>
    <t>神(気水)第１－２３９１号株式会社常創企画</t>
  </si>
  <si>
    <t>神(気水)第１－２３９９号株式会社北斗設備</t>
  </si>
  <si>
    <t>神(気水)第１－２４０２号ＢＢＫ空調株式会社</t>
  </si>
  <si>
    <t>神(気水)第１－２４１７号株式会社ライフ・アド・バリュー</t>
  </si>
  <si>
    <t>神(気水)第１－２４２０号株式会社ＴＲＵＳＴ</t>
  </si>
  <si>
    <t>神(気水)第１－２４２１号城西エアコン株式会社</t>
  </si>
  <si>
    <t>神(気水)第１－２４２２号株式会社エー・エム・シー</t>
  </si>
  <si>
    <t>神(気水)第１－２４２３号株式会社ＴＡＣ</t>
  </si>
  <si>
    <t>神(気水)第１－２４２４号空調浜田有限会社</t>
  </si>
  <si>
    <t>神(気水)第１－２４２５号イオンディライト株式会社　横浜支店</t>
  </si>
  <si>
    <t>神(気水)第１－２４２５号イオンディライト株式会社　相模支店</t>
  </si>
  <si>
    <t>神(気水)第１－２４２５号イオンディライト株式会社　東京東支店</t>
  </si>
  <si>
    <t>神(気水)第１－２４２６号三港冷熱サービス株式会社</t>
  </si>
  <si>
    <t>神(気水)第１－２４２７号カスタムエアコン株式会社</t>
  </si>
  <si>
    <t>神(気水)第１－２４２８号ＩＭＶ株式会社</t>
  </si>
  <si>
    <t>神(気水)第１－２４２９号株式会社プロスペック</t>
  </si>
  <si>
    <t>神(気水)第１－２４３２号１ｓｔ　ＳＥＲＶＩＣＥ株式会社</t>
  </si>
  <si>
    <t>神(気水)第１－２４３３号マルチサービス</t>
  </si>
  <si>
    <t>神(気水)第１－２４３５号株式会社西口電設</t>
  </si>
  <si>
    <t>神(気水)第１－２４３６号協進空調設備株式会社</t>
  </si>
  <si>
    <t>神(気水)第１－２４３７号ＡＳＣ株式会社</t>
  </si>
  <si>
    <t>神(気水)第１－２４３９号日本テクノサービス株式会社</t>
  </si>
  <si>
    <t>神(気水)第１－２４４０号株式会社エアーライブ</t>
  </si>
  <si>
    <t>神(気水)第１－２４４０号株式会社エアーライブ　東京支店</t>
  </si>
  <si>
    <t>神(気水)第１－２４４１号有限会社マルイチ機工</t>
  </si>
  <si>
    <t>神(気水)第１－２４４２号東京テクノ株式会社</t>
  </si>
  <si>
    <t>神(気水)第１－２４４３号グンジ株式会社</t>
  </si>
  <si>
    <t>神(気水)第１－２４４５号株式会社ハピネステクニカ　東京営業所</t>
  </si>
  <si>
    <t>神(気水)第１－２４４６号相成空調株式会社</t>
  </si>
  <si>
    <t>神(気水)第１－２４４７号株式会社空調保全工業</t>
  </si>
  <si>
    <t>神(気水)第１－２４４９号カズエアー</t>
  </si>
  <si>
    <t>神(気水)第１－２４５３号株式会社ヨシタニ空調</t>
  </si>
  <si>
    <t>神(気水)第１－２４５４号花岡冷機株式会社</t>
  </si>
  <si>
    <t>神(気水)第１－２４５５号三協サービス株式会社　東京支店</t>
  </si>
  <si>
    <t>神(気水)第１－２４５６号日本エンジニアリング株式会社</t>
  </si>
  <si>
    <t>神(気水)第１－２４６０号株式会社翼電機工業</t>
  </si>
  <si>
    <t>神(気水)第１－２４６１号株式会社イー・エキップ</t>
  </si>
  <si>
    <t>神(気水)第１－２４６３号関東冷機株式会社</t>
  </si>
  <si>
    <t>神(気水)第１－２４６５号中野設備</t>
  </si>
  <si>
    <t>神(気水)第１－２４６６号東冷電設株式会社</t>
  </si>
  <si>
    <t>神(気水)第１－２４６７号株式会社チノー藤岡事業所</t>
  </si>
  <si>
    <t>神(気水)第１－２４６８号株式会社ケーズブレインズ</t>
  </si>
  <si>
    <t>神(気水)第１－２４７０号株式会社サイオー</t>
  </si>
  <si>
    <t>神(気水)第１－２４７１号村野空調設備</t>
  </si>
  <si>
    <t>神(気水)第１－２４７２号スペースコントロール</t>
  </si>
  <si>
    <t>神(気水)第１－２４７３号Ｆｒｅｅ’ｓ</t>
  </si>
  <si>
    <t>神(気水)第１－２４７４号日本熱源システム株式会社</t>
  </si>
  <si>
    <t>神(気水)第１－２４７５号富士電機リテイルサービス株式会社　川崎営業所</t>
  </si>
  <si>
    <t>神(気水)第１－２４７７号株式会社カンネツ　東日本営業所</t>
  </si>
  <si>
    <t>神(気水)第１－２４７８号株式会社開店市場</t>
  </si>
  <si>
    <t>神(気水)第１－２４７９号広島器工株式会社</t>
  </si>
  <si>
    <t>神(気水)第１－２４８０号有限会社森設備工業</t>
  </si>
  <si>
    <t>神(気水)第１－２４８１号株式会社二葉科学柏</t>
  </si>
  <si>
    <t>神(気水)第１－２４８３号有限会社旭ＧＨＰサービス</t>
  </si>
  <si>
    <t>神(気水)第１－２４８５号株式会社ＨＱエアー</t>
  </si>
  <si>
    <t>神(気水)第１－２４８６号心エンジニアリング株式会社</t>
  </si>
  <si>
    <t>神(気水)第１－２４８７号梶原電工株式会社</t>
  </si>
  <si>
    <t>神(気水)第１－２４８９号幸田エンジニアリング株式会社</t>
  </si>
  <si>
    <t>神(気水)第１－２４９０号菱和設備株式会社　東京支店</t>
  </si>
  <si>
    <t>神(気水)第１－２４９２号成岡空調</t>
  </si>
  <si>
    <t>神(気水)第１－２４９３号山崎製パン株式会社　横浜第二工場</t>
  </si>
  <si>
    <t>神(気水)第１－２４９３号山崎製パン株式会社　横浜第一工場</t>
  </si>
  <si>
    <t>神(気水)第１－２４９４号株式会社プラス</t>
  </si>
  <si>
    <t>神(気水)第１－２４９５号奥羽電機冷暖房株式会社</t>
  </si>
  <si>
    <t>神(気水)第１－２４９６号有限会社加藤空調サービス</t>
  </si>
  <si>
    <t>神(気水)第１－２４９７号エス・テック株式会社</t>
  </si>
  <si>
    <t>神(気水)第１－２４９８号株式会社イージーサービス</t>
  </si>
  <si>
    <t>神(気水)第１－２４９９号日電機工株式会社</t>
  </si>
  <si>
    <t>神(気水)第１－２５００号株式会社ＭＡＣエンジニアリング</t>
  </si>
  <si>
    <t>神(気水)第１－２５０１号ユリト空調サービス</t>
  </si>
  <si>
    <t>神(気水)第１－２５０２号株式会社新星冷熱</t>
  </si>
  <si>
    <t>神(気水)第１－２５０３号東３冷凍機株式会社</t>
  </si>
  <si>
    <t>神(気水)第１－２５０５号テクフロー</t>
  </si>
  <si>
    <t>神(気水)第１－２５０６号Ｓｕｅｍａｒｕ　ＦＴ　ＩＮＮＯＶＡＴＯＲＳ株式会社</t>
  </si>
  <si>
    <t>神(気水)第１－２５０７号イケダ　トラスト</t>
  </si>
  <si>
    <t>神(気水)第１－２５０８号有限会社進和冷機</t>
  </si>
  <si>
    <t>神(気水)第１－２５１０号東雄冷熱</t>
  </si>
  <si>
    <t>神(気水)第１－２５１３号アイエム工業</t>
  </si>
  <si>
    <t>神(気水)第１－２５１４号山田冷機工業株式会社</t>
  </si>
  <si>
    <t>神(気水)第１－２５１６号東京セントラルヒーテイング株式会社</t>
  </si>
  <si>
    <t>神(気水)第１－２５１８号株式会社ダイトーコーポレーション　南本牧事業所</t>
  </si>
  <si>
    <t>神(気水)第１－２５１９号有限会社スカイエンジニアリング</t>
  </si>
  <si>
    <t>神(気水)第１－２５２０号株式会社さくら</t>
  </si>
  <si>
    <t>神(気水)第１－２５２２号角田冷機工業株式会社</t>
  </si>
  <si>
    <t>神(気水)第１－２５２４号穴沢汽缶工業株式会社</t>
  </si>
  <si>
    <t>神(気水)第１－２５２５号誠産業株式会社</t>
  </si>
  <si>
    <t>神(気水)第１－２５２６号ワイズファクトリー</t>
  </si>
  <si>
    <t>神(気水)第１－２５２９号株式会社オカヤコーポレーション</t>
  </si>
  <si>
    <t>神(気水)第１－２５３１号株式会社サンポウ</t>
  </si>
  <si>
    <t>神(気水)第１－２５３２号有限会社本田空調サービス</t>
  </si>
  <si>
    <t>神(気水)第１－２５３３号株式会社トップロード　足立営業所</t>
  </si>
  <si>
    <t>神(気水)第１－２５３５号三重冷機工業株式会社</t>
  </si>
  <si>
    <t>神(気水)第１－２５３６号有限会社三村冷機サービス</t>
  </si>
  <si>
    <t>神(気水)第１－２５３８号株式会社京谷冷機</t>
  </si>
  <si>
    <t>神(気水)第１－２５４０号株式会社三陽設備</t>
  </si>
  <si>
    <t>神(気水)第１－２５４１号奈良エンジニアリング</t>
  </si>
  <si>
    <t>神(気水)第１－２５４３号株式会社ホリレイ</t>
  </si>
  <si>
    <t>神(気水)第１－２５４４号堀田電業</t>
  </si>
  <si>
    <t>神(気水)第１－２５４５号株式会社ニットク</t>
  </si>
  <si>
    <t>神(気水)第１－２５４６号有限会社進栄低熱工業所</t>
  </si>
  <si>
    <t>神(気水)第１－２５４７号株式会社エアープラン</t>
  </si>
  <si>
    <t>神(気水)第１－２５４８号キョードー株式会社</t>
  </si>
  <si>
    <t>神(気水)第１－２５５０号有限会社柴田熔接工作所</t>
  </si>
  <si>
    <t>神(気水)第１－２５５１号興和熱工業株式会社</t>
  </si>
  <si>
    <t>神(気水)第１－２５５２号共立プラント工業株式会社　東日本営業所</t>
  </si>
  <si>
    <t>神(気水)第１－２５５５号株式会社マルイ　東京営業所</t>
  </si>
  <si>
    <t>神(気水)第１－２５５６号松原綜合サービス株式会社</t>
  </si>
  <si>
    <t>神(気水)第１－２５５７号株式会社ショウテック</t>
  </si>
  <si>
    <t>神(気水)第１－２５５９号Ｍ’ｓ　ａｉｒ　ｓｙｓｔｅｍ株式会社</t>
  </si>
  <si>
    <t>神(気水)第１－２５６１号株式会社サン冷機</t>
  </si>
  <si>
    <t>神(気水)第１－２５６２号有限会社米倉工業</t>
  </si>
  <si>
    <t>神(気水)第１－２５６３号株式会社サン商会</t>
  </si>
  <si>
    <t>神(気水)第１－２５６４号東朋テクノロジー株式会社　稲沢サービスセンター</t>
  </si>
  <si>
    <t>神(気水)第１－２５６５号三正設備工業株式会社</t>
  </si>
  <si>
    <t>神(気水)第１－２５６８号ＡＩＲ　ＴＲＵＳＴ</t>
  </si>
  <si>
    <t>神(気水)第１－２５７０号スカイエア工業株式会社</t>
  </si>
  <si>
    <t>神(気水)第１－２５７１号株式会社タカナシ・スカイサービス　羽田事業所</t>
  </si>
  <si>
    <t>神(気水)第１－２５７２号株式会社ＬＡＣエンジニアリング</t>
  </si>
  <si>
    <t>神(気水)第１－２５７３号有限会社テクノ空調システム</t>
  </si>
  <si>
    <t>神(気水)第１－２５７４号株式会社稲葉屋冷熱産業</t>
  </si>
  <si>
    <t>神(気水)第１－２５７５号株式会社富田技研</t>
  </si>
  <si>
    <t>神(気水)第１－２５７６号秀和設備</t>
  </si>
  <si>
    <t>神(気水)第１－２５７８号テクノガード株式会社</t>
  </si>
  <si>
    <t>神(気水)第１－２５７９号有限会社守屋冷熱</t>
  </si>
  <si>
    <t>神(気水)第１－２５８０号株式会社新宏</t>
  </si>
  <si>
    <t>神(気水)第１－２５８１号丸武工業株式会社</t>
  </si>
  <si>
    <t>神(気水)第１－２５８２号中山エンジニヤリング株式会社</t>
  </si>
  <si>
    <t>神(気水)第１－２５８３号Ｋサービス商店</t>
  </si>
  <si>
    <t>神(気水)第１－２５８４号二葉空調株式会社</t>
  </si>
  <si>
    <t>神(気水)第１－２５８５号吉田機電株式会社　大阪支店</t>
  </si>
  <si>
    <t>神(気水)第１－２５８６号リョーカサービス</t>
  </si>
  <si>
    <t>神(気水)第１－２５８７号株式会社星和空調</t>
  </si>
  <si>
    <t>神(気水)第１－２５８８号株式会社加藤理機製作所</t>
  </si>
  <si>
    <t>神(気水)第１－２５８９号株式会社晃電社</t>
  </si>
  <si>
    <t>神(気水)第１－２５９１号末吉自動車電機有限会社</t>
  </si>
  <si>
    <t>神(気水)第１－２５９３号Ｍ－ＦＬＡＴ</t>
  </si>
  <si>
    <t>神(気水)第１－２５９４号株式会社サイゼリヤ　店舗設計部</t>
  </si>
  <si>
    <t>神(気水)第１－２５９５号ムンタース株式会社</t>
  </si>
  <si>
    <t>神(気水)第１－２５９７号杉田設備株式会社</t>
  </si>
  <si>
    <t>神(気水)第１－２５９８号株式会社東京コトブキインダストリー</t>
  </si>
  <si>
    <t>神(気水)第１－２５９９号アールエムテック株式会社　相模原技術センター</t>
  </si>
  <si>
    <t>神(気水)第１－２６００号テクノグリーン</t>
  </si>
  <si>
    <t>神(気水)第１－２６０１号有限会社東洋空研</t>
  </si>
  <si>
    <t>神(気水)第１－２６０３号合同会社ケーズエアリスト</t>
  </si>
  <si>
    <t>神(気水)第１－２６０４号株式会社武藤空調</t>
  </si>
  <si>
    <t>神(気水)第１－２６０５号有限会社林田自動車電機　本社</t>
  </si>
  <si>
    <t>神(気水)第１－２６０６号エアバス・ヘリコプターズ・ジャパン株式会社　神戸空港事業所</t>
  </si>
  <si>
    <t>神(気水)第１－２６０７号アドバンテック日成株式会社</t>
  </si>
  <si>
    <t>神(気水)第１－２６０８号日本冷熱工産株式会社</t>
  </si>
  <si>
    <t>神(気水)第１－２６０９号東海プラント株式会社</t>
  </si>
  <si>
    <t>神(気水)第１－２６１２号有限会社東洋空調</t>
  </si>
  <si>
    <t>神(気水)第１－２６１３号ナカノエンジニアリング株式会社</t>
  </si>
  <si>
    <t>神(気水)第１－２６１４号東洋水産株式会社　冷蔵部　施設管理課</t>
  </si>
  <si>
    <t>神(気水)第１－２６１５号株式会社創真設備サービス</t>
  </si>
  <si>
    <t>神(気水)第１－２６１６号有限会社倉田工業</t>
  </si>
  <si>
    <t>神(気水)第１－２６１７号アクエアー株式会社</t>
  </si>
  <si>
    <t>神(気水)第１－２６１８号株式会社中川電機工業所</t>
  </si>
  <si>
    <t>神(気水)第１－２６１９号三菱電機冷熱プラント株式会社　東京支社</t>
  </si>
  <si>
    <t>神(気水)第１－２６２０号株式会社日立エンジニアリング</t>
  </si>
  <si>
    <t>神(気水)第１－２６２１号富士設備工業株式会社</t>
  </si>
  <si>
    <t>神(気水)第１－２６２２号株式会社ＩＢＹ</t>
  </si>
  <si>
    <t>神(気水)第１－２６２３号株式会社宝和エアコンシステム</t>
  </si>
  <si>
    <t>神(気水)第１－２６２４号株式会社Ｒａｇｇａ　Ｗｏｒｋｓ</t>
  </si>
  <si>
    <t>神(気水)第１－２６２５号日管株式会社</t>
  </si>
  <si>
    <t>神(気水)第１－２６２６号ネクスト・ワン株式会社　東京営業所</t>
  </si>
  <si>
    <t>神(気水)第１－２６２７号有限会社平手空調</t>
  </si>
  <si>
    <t>神(気水)第１－２６２８号有限会社松孝</t>
  </si>
  <si>
    <t>神(気水)第１－２６３０号株式会社エアーシステム</t>
  </si>
  <si>
    <t>神(気水)第１－２６３１号松下設備</t>
  </si>
  <si>
    <t>神(気水)第１－２６３２号株式会社マック</t>
  </si>
  <si>
    <t>神(気水)第１－２６３５号株式会社エクシング</t>
  </si>
  <si>
    <t>神(気水)第１－２６３６号キユーソーサービス株式会社　東京営業所</t>
  </si>
  <si>
    <t>神(気水)第１－２６３７号有限会社東城冷機工業所</t>
  </si>
  <si>
    <t>神(気水)第１－２６３８号株式会社横山空調設備工業</t>
  </si>
  <si>
    <t>神(気水)第１－２６４２号株式会社匠和</t>
  </si>
  <si>
    <t>神(気水)第１－２６４３号株式会社新日本三喜</t>
  </si>
  <si>
    <t>神(気水)第１－２６４４号株式会社石井空調工業</t>
  </si>
  <si>
    <t>神(気水)第１－２６４５号株式会社横冷エンジニアリング</t>
  </si>
  <si>
    <t>神(気水)第１－２６４６号ホシザキ関東株式会社</t>
  </si>
  <si>
    <t>神(気水)第１－２６４７号株式会社富士工業所</t>
  </si>
  <si>
    <t>神(気水)第１－２６４８号株式会社ＴＯＫＩＥＩ</t>
  </si>
  <si>
    <t>神(気水)第１－２６４９号有限会社ジング</t>
  </si>
  <si>
    <t>神(気水)第１－２６５０号有限会社中興サービス</t>
  </si>
  <si>
    <t>神(気水)第１－２６５１号株式会社宝エーテーエム</t>
  </si>
  <si>
    <t>神(気水)第１－２６５２号株式会社エコトピア</t>
  </si>
  <si>
    <t>神(気水)第１－２６５３号株式会社甲斐冷機　東京支社</t>
  </si>
  <si>
    <t>神(気水)第１－２６５４号昭和精機株式会社</t>
  </si>
  <si>
    <t>神(気水)第１－２６５５号シーピーエンジニアリング株式会社</t>
  </si>
  <si>
    <t>神(気水)第１－２６５６号有限会社ヤマト空調システム</t>
  </si>
  <si>
    <t>神(気水)第１－２６５７号ＳＫＹエース株式会社</t>
  </si>
  <si>
    <t>神(気水)第１－２６５９号有限会社光陽</t>
  </si>
  <si>
    <t>神(気水)第１－２６６０号有限会社クマダ電機</t>
  </si>
  <si>
    <t>神(気水)第１－２６６２号株式会社ｒｅｃｌａｉｍ</t>
  </si>
  <si>
    <t>神(気水)第１－２６６３号株式会社ささでん</t>
  </si>
  <si>
    <t>神(気水)第１－２６６４号協和テクノシステム株式会社</t>
  </si>
  <si>
    <t>神(気水)第１－２６６５号有限会社坂野技研</t>
  </si>
  <si>
    <t>神(気水)第１－２６６６号株式会社佐忠</t>
  </si>
  <si>
    <t>神(気水)第１－２６６７号有限会社森冷機工業所</t>
  </si>
  <si>
    <t>神(気水)第１－２６６８号小林設備</t>
  </si>
  <si>
    <t>神(気水)第１－２６６９号株式会社ＵＳＹ</t>
  </si>
  <si>
    <t>神(気水)第１－２６７０号協和興運株式会社</t>
  </si>
  <si>
    <t>神(気水)第１－２６７１号八洲興業株式会社</t>
  </si>
  <si>
    <t>神(気水)第１－２６７２号株式会社ハヤト</t>
  </si>
  <si>
    <t>神(気水)第１－２６７３号株式会社ユニアス</t>
  </si>
  <si>
    <t>神(気水)第１－２６７４号高輪ヂーゼル株式会社</t>
  </si>
  <si>
    <t>神(気水)第１－２６７６号株式会社三幸冷凍設備工業</t>
  </si>
  <si>
    <t>神(気水)第１－２６７７号株式会社啓愛社　金沢リサイクル工場</t>
  </si>
  <si>
    <t>神(気水)第１－２６７８号菱和機器工業株式会社</t>
  </si>
  <si>
    <t>神(気水)第１－２６８０号スリーエス株式会社</t>
  </si>
  <si>
    <t>神(気水)第１－２６８１号株式会社ティ・ビー・エム</t>
  </si>
  <si>
    <t>神(気水)第１－２６８２号株式会社アイメック</t>
  </si>
  <si>
    <t>神(気水)第１－２６８３号有限会社タナカ空調設備</t>
  </si>
  <si>
    <t>神(気水)第１－２６８４号有限会社大森電興</t>
  </si>
  <si>
    <t>神(気水)第１－２６８８号株式会社ＳＭＬ</t>
  </si>
  <si>
    <t>神(気水)第１－２６８９号株式会社中山空調</t>
  </si>
  <si>
    <t>神(気水)第１－２６９０号株式会社エルテックス　川崎事業所</t>
  </si>
  <si>
    <t>神(気水)第１－２６９１号スエヒロシステムライン株式会社</t>
  </si>
  <si>
    <t>神(気水)第１－２６９２号日本エアーテック株式会社　草加工場</t>
  </si>
  <si>
    <t>神(気水)第１－２６９４号エアコンプラント工業株式会社</t>
  </si>
  <si>
    <t>神(気水)第１－２６９５号株式会社テクノシステム</t>
  </si>
  <si>
    <t>神(気水)第１－２６９８号中央電気株式会社</t>
  </si>
  <si>
    <t>神(気水)第１－２７００号天満管工業株式会社</t>
  </si>
  <si>
    <t>神(気水)第１－２７０１号ダイナテック株式会社</t>
  </si>
  <si>
    <t>神(気水)第１－２７０３号郡山商事株式会社</t>
  </si>
  <si>
    <t>神(気水)第１－２７０４号株式会社東海フロン</t>
  </si>
  <si>
    <t>神(気水)第１－２７０５号有限会社アオイ空調</t>
  </si>
  <si>
    <t>神(気水)第１－２７０６号株式会社アイテック</t>
  </si>
  <si>
    <t>神(気水)第１－２７０７号株式会社おおくす技研</t>
  </si>
  <si>
    <t>神(気水)第１－２７０９号株式会社カナタ</t>
  </si>
  <si>
    <t>神(気水)第１－２７１０号エアーズコネクト株式会社</t>
  </si>
  <si>
    <t>神(気水)第１－２７１２号日本環境サポート株式会社</t>
  </si>
  <si>
    <t>神(気水)第１－２７１３号伸和コントロールズ株式会社　長野事業所</t>
  </si>
  <si>
    <t>神(気水)第１－２７１３号伸和コントロールズ株式会社　九州事業所</t>
  </si>
  <si>
    <t>神(気水)第１－２７１４号有限会社アイスマシン</t>
  </si>
  <si>
    <t>神(気水)第１－２７１５号スズキ冷熱</t>
  </si>
  <si>
    <t>神(気水)第１－２７１６号株式会社日本冷機製作所</t>
  </si>
  <si>
    <t>神(気水)第１－２７１７号アドバンス空調</t>
  </si>
  <si>
    <t>神(気水)第１－２７１８号株式会社斉藤冷設</t>
  </si>
  <si>
    <t>神(気水)第１－２７１９号株式会社ケイエムシー</t>
  </si>
  <si>
    <t>神(気水)第１－２７２０号有限会社エアメイク</t>
  </si>
  <si>
    <t>神(気水)第１－２７２２号有限会社ナカムラシステムサービス</t>
  </si>
  <si>
    <t>神(気水)第１－２７２３号津福工業株式会社</t>
  </si>
  <si>
    <t>神(気水)第１－２７２４号株式会社ベーカーズプロダクション　関東地区営業所</t>
  </si>
  <si>
    <t>神(気水)第１－２７２５号ＦＲＥＥ</t>
  </si>
  <si>
    <t>神(気水)第１－２７２６号有限会社エス・ティ・サービス</t>
  </si>
  <si>
    <t>神(気水)第１－２７２７号有限会社アコール</t>
  </si>
  <si>
    <t>神(気水)第１－２７２８号株式会社八伸設備工業</t>
  </si>
  <si>
    <t>神(気水)第１－２７３０号株式会社城北冷熱</t>
  </si>
  <si>
    <t>神(気水)第１－２７３２号株式会社ナック</t>
  </si>
  <si>
    <t>神(気水)第１－２７３３号昭和設備株式会社</t>
  </si>
  <si>
    <t>神(気水)第１－２７３４号有限会社和泉暖冷工業</t>
  </si>
  <si>
    <t>神(気水)第１－２７３５号株式会社鈴代冷暖房工業</t>
  </si>
  <si>
    <t>神(気水)第１－２７３７号株式会社茂木電気</t>
  </si>
  <si>
    <t>神(気水)第１－２７３８号株式会社明神</t>
  </si>
  <si>
    <t>神(気水)第１－２７３９号株式会社中部技術サービス　浜松支店</t>
  </si>
  <si>
    <t>神(気水)第１－２７４１号ＳＴＫファシリティ株式会社</t>
  </si>
  <si>
    <t>神(気水)第１－２７４３号サイエンス株式会社</t>
  </si>
  <si>
    <t>神(気水)第１－２７４４号株式会社タキズミ</t>
  </si>
  <si>
    <t>神(気水)第１－２７４６号三笠産業</t>
  </si>
  <si>
    <t>神(気水)第１－２７４７号有限会社明幸設備</t>
  </si>
  <si>
    <t>神(気水)第１－２７４８号有限会社Ｋ１－テクニカル</t>
  </si>
  <si>
    <t>神(気水)第１－２７４９号株式会社ＴＫＫ</t>
  </si>
  <si>
    <t>神(気水)第１－２７５０号株式会社山本冷機</t>
  </si>
  <si>
    <t>神(気水)第１－２７５２号日信工業株式会社</t>
  </si>
  <si>
    <t>神(気水)第１－２７５３号株式会社山手クール</t>
  </si>
  <si>
    <t>神(気水)第１－２７５４号株式会社三友冷設</t>
  </si>
  <si>
    <t>神(気水)第１－２７５６号株式会社Ｙ・Ｍ・Ｔ</t>
  </si>
  <si>
    <t>神(気水)第１－２７５７号株式会社エデック</t>
  </si>
  <si>
    <t>神(気水)第１－２７５８号パナソニック関東設備株式会社</t>
  </si>
  <si>
    <t>神(気水)第１－２７５９号ＰＬＡＮＥＴ株式会社</t>
  </si>
  <si>
    <t>神(気水)第１－２７６０号光進冷機工業株式会社</t>
  </si>
  <si>
    <t>神(気水)第１－２７６１号宏和工業株式会社</t>
  </si>
  <si>
    <t>神(気水)第１－２７６２号有限会社吉本</t>
  </si>
  <si>
    <t>神(気水)第１－２７６６号株式会社コーリョウ冷熱</t>
  </si>
  <si>
    <t>神(気水)第１－２７６７号株式会社デヴァシオン</t>
  </si>
  <si>
    <t>神(気水)第１－２７６８号株式会社いすゞ製作所</t>
  </si>
  <si>
    <t>神(気水)第１－２７６９号株式会社キャプティソリューションズ　東部事業所</t>
  </si>
  <si>
    <t>神(気水)第１－２７６９号株式会社キャプティソリューションズ　北部事業所</t>
  </si>
  <si>
    <t>神(気水)第１－２７６９号株式会社キャプティソリューションズ　神奈川事業所</t>
  </si>
  <si>
    <t>神(気水)第１－２７６９号株式会社キャプティソリューションズ　川崎事業所</t>
  </si>
  <si>
    <t>神(気水)第１－２７７０号松下エアコン</t>
  </si>
  <si>
    <t>神(気水)第１－２７７２号株式会社ニチナンメンテ</t>
  </si>
  <si>
    <t>神(気水)第１－２７７３号合同会社フジマルサービス</t>
  </si>
  <si>
    <t>神(気水)第１－２７７４号株式会社ジェイグリッド</t>
  </si>
  <si>
    <t>神(気水)第１－２７７５号株式会社タカキベーカリー秦野工場</t>
  </si>
  <si>
    <t>神(気水)第１－２７７６号株式会社ランテック　車輌・設備管理部関東</t>
  </si>
  <si>
    <t>神(気水)第１－２７７７号株式会社クウセツ</t>
  </si>
  <si>
    <t>神(気水)第１－２７７８号アーステクノサービス株式会社</t>
  </si>
  <si>
    <t>神(気水)第１－２７７９号株式会社エアークラフト</t>
  </si>
  <si>
    <t>神(気水)第１－２７８１号有限会社北海空調サービス</t>
  </si>
  <si>
    <t>神(気水)第１－２７８２号株式会社ユニテック</t>
  </si>
  <si>
    <t>神(気水)第１－２７８４号株式会社テクノタック</t>
  </si>
  <si>
    <t>神(気水)第１－２７８６号合同会社ＳＦＫ</t>
  </si>
  <si>
    <t>神(気水)第１－２７８８号有限会社サクマテクノ</t>
  </si>
  <si>
    <t>神(気水)第１－２７８９号株式会社コーシン商会</t>
  </si>
  <si>
    <t>神(気水)第１－２７９０号有限会社フタバ冷熱</t>
  </si>
  <si>
    <t>神(気水)第１－２７９１号株式会社大阪冷研</t>
  </si>
  <si>
    <t>神(気水)第１－２７９２号株式会社利光ファシリティーズ</t>
  </si>
  <si>
    <t>神(気水)第１－２７９３号株式会社ＷＨＩＲＬ　ＷＩＮＤ</t>
  </si>
  <si>
    <t>神(気水)第１－２７９４号東光プラント株式会社</t>
  </si>
  <si>
    <t>神(気水)第１－２７９５号株式会社イーアス</t>
  </si>
  <si>
    <t>神(気水)第１－２７９６号株式会社エスアールエス</t>
  </si>
  <si>
    <t>神(気水)第１－２７９７号河村空調テクニカルズ株式会社</t>
  </si>
  <si>
    <t>神(気水)第１－２７９８号有限会社エーシーエス</t>
  </si>
  <si>
    <t>神(気水)第１－２７９９号株式会社港冷機</t>
  </si>
  <si>
    <t>神(気水)第１－２８００号株式会社ミヤコ低温</t>
  </si>
  <si>
    <t>神(気水)第１－２８０１号尾高電気</t>
  </si>
  <si>
    <t>神(気水)第１－２８０２号いしかわ電工有限会社</t>
  </si>
  <si>
    <t>神(気水)第１－２８０５号有限会社秋元電機設備</t>
  </si>
  <si>
    <t>神(気水)第１－２８０６号有限会社グリーン電機産業</t>
  </si>
  <si>
    <t>神(気水)第１－２８０７号柗下空調株式会社</t>
  </si>
  <si>
    <t>神(気水)第１－２８０８号岡村冷熱</t>
  </si>
  <si>
    <t>神(気水)第１－２８０９号株式会社アドウィン</t>
  </si>
  <si>
    <t>神(気水)第１－２８１０号キタックスエンジニアリング株式会社　東京営業所</t>
  </si>
  <si>
    <t>神(気水)第１－２８１１号日本有機株式会社　営業部</t>
  </si>
  <si>
    <t>神(気水)第１－２８１２号有限会社菅沼冷熱商会</t>
  </si>
  <si>
    <t>神(気水)第１－２８１３号有限会社埼空熱学</t>
  </si>
  <si>
    <t>神(気水)第１－２８１４号有限会社アオキエアコンディショニング</t>
  </si>
  <si>
    <t>神(気水)第１－２８１５号コハタ冷熱工業株式会社</t>
  </si>
  <si>
    <t>神(気水)第１－２８１６号幸信テクノサービス</t>
  </si>
  <si>
    <t>神(気水)第１－２８１９号有限会社ポステック</t>
  </si>
  <si>
    <t>神(気水)第１－２８２０号株式会社三鷹電設</t>
  </si>
  <si>
    <t>神(気水)第１－２８２１号都築クロスサポート株式会社</t>
  </si>
  <si>
    <t>神(気水)第１－２８２２号昭和冷蔵株式会社　川崎ＤＣ</t>
  </si>
  <si>
    <t>神(気水)第１－２８２３号有限会社ＲＥＥＦ</t>
  </si>
  <si>
    <t>神(気水)第１－２８２４号有限会社フジコントロールス</t>
  </si>
  <si>
    <t>神(気水)第１－２８２５号有限会社沖田電機</t>
  </si>
  <si>
    <t>神(気水)第１－２８２６号タイコーエンジニアリング有限会社</t>
  </si>
  <si>
    <t>神(気水)第１－２８２９号株式会社オフィスコーポレーション　神奈川営業所</t>
  </si>
  <si>
    <t>神(気水)第１－２８３０号株式会社松﨑空調設備</t>
  </si>
  <si>
    <t>神(気水)第１－２８３１号株式会社三友工研</t>
  </si>
  <si>
    <t>神(気水)第１－２８３４号株式会社マルホサービス</t>
  </si>
  <si>
    <t>神(気水)第１－２８３７号株式会社リョーワ</t>
  </si>
  <si>
    <t>神(気水)第１－２８３９号有限会社東亜冷熱</t>
  </si>
  <si>
    <t>神(気水)第１－２８４０号株式会社アオノ</t>
  </si>
  <si>
    <t>神(気水)第１－２８４１号共栄エンジニアリング株式会社</t>
  </si>
  <si>
    <t>神(気水)第１－２８４２号株式会社シンセイ空調</t>
  </si>
  <si>
    <t>神(気水)第１－２８４３号合同会社タヤグラ</t>
  </si>
  <si>
    <t>神(気水)第１－２８４６号トモサービスエンジニアリング株式会社</t>
  </si>
  <si>
    <t>神(気水)第１－２８４７号東海テクノサービス株式会社</t>
  </si>
  <si>
    <t>神(気水)第１－２８５０号株式会社御用</t>
  </si>
  <si>
    <t>神(気水)第１－２８５１号キワミ設備</t>
  </si>
  <si>
    <t>神(気水)第１－２８５２号株式会社創和エアテクノ</t>
  </si>
  <si>
    <t>神(気水)第１－２８５６号田中　肇</t>
  </si>
  <si>
    <t>神(気水)第１－２８５７号株式会社協和熱学</t>
  </si>
  <si>
    <t>神(気水)第１－２８５８号有限会社ビルドプランニング</t>
  </si>
  <si>
    <t>神(気水)第１－２８６０号有限会社サニーシステム</t>
  </si>
  <si>
    <t>神(気水)第１－２８６１号三州株式会社</t>
  </si>
  <si>
    <t>神(気水)第１－２８６４号有限会社エアックス</t>
  </si>
  <si>
    <t>神(気水)第１－２８６５号株式会社ジャパンコールド東京</t>
  </si>
  <si>
    <t>神(気水)第１－２８６６号株式会社アニファ</t>
  </si>
  <si>
    <t>神(気水)第１－２８６７号有限会社藤盛興業所　綾瀬支店</t>
  </si>
  <si>
    <t>神(気水)第１－２８６９号香野設備</t>
  </si>
  <si>
    <t>神(気水)第１－２８７０号菱熱工業株式会社</t>
  </si>
  <si>
    <t>神(気水)第１－２８７１号有限会社ジャイロ神戸</t>
  </si>
  <si>
    <t>神(気水)第１－２８７２号ＦＡＩＴＨ</t>
  </si>
  <si>
    <t>神(気水)第１－２８７３号アクティブ冷熱サービス</t>
  </si>
  <si>
    <t>神(気水)第１－２８７４号株式会社ウッドビレッジ空調</t>
  </si>
  <si>
    <t>神(気水)第１－２８７５号株式会社ＫＳエンジニアリング</t>
  </si>
  <si>
    <t>神(気水)第１－２８７６号有限会社シンコーエアコン</t>
  </si>
  <si>
    <t>神(気水)第１－２８７７号有限会社岡村冷熱</t>
  </si>
  <si>
    <t>神(気水)第１－２８７８号矢作設備</t>
  </si>
  <si>
    <t>神(気水)第１－２８８０号有限会社マックス</t>
  </si>
  <si>
    <t>神(気水)第１－２８８２号株式会社ティーネットジャパン　ASANETSU事業部</t>
  </si>
  <si>
    <t>神(気水)第１－２８８３号Ａｉｒｔｅｃ．ＪＰ株式会社</t>
  </si>
  <si>
    <t>神(気水)第１－２８８４号アプロス株式会社</t>
  </si>
  <si>
    <t>神(気水)第１－２８８６号エイワ空調株式会社</t>
  </si>
  <si>
    <t>神(気水)第１－２８８８号東京冷機工業株式会社　横浜営業所</t>
  </si>
  <si>
    <t>神(気水)第１－２８８８号東京冷機工業株式会社　川崎サービスステーション</t>
  </si>
  <si>
    <t>神(気水)第１－２８８８号東京冷機工業株式会社　湘南営業所</t>
  </si>
  <si>
    <t>神(気水)第１－２８８８号東京冷機工業株式会社　相模サービスステーション</t>
  </si>
  <si>
    <t>神(気水)第１－２８８８号東京冷機工業株式会社　神奈川出張所</t>
  </si>
  <si>
    <t>神(気水)第１－２８８８号東京冷機工業株式会社　厚木営業所</t>
  </si>
  <si>
    <t>神(気水)第１－２８８９号株式会社平蔵</t>
  </si>
  <si>
    <t>神(気水)第１－２８９０号ＢＲＯＳ．</t>
  </si>
  <si>
    <t>神(気水)第１－２８９２号株式会社ミノル</t>
  </si>
  <si>
    <t>神(気水)第１－２８９３号株式会社広藤</t>
  </si>
  <si>
    <t>神(気水)第１－２８９４号株式会社エーシークラフト</t>
  </si>
  <si>
    <t>神(気水)第１－２８９５号株式会社ＡＰＦ</t>
  </si>
  <si>
    <t>神(気水)第１－２８９９号株式会社シイナエアシステム</t>
  </si>
  <si>
    <t>神(気水)第１－２９００号株式会社マーキュリー</t>
  </si>
  <si>
    <t>神(気水)第１－２９０１号東洋テクノ株式会社</t>
  </si>
  <si>
    <t>神(気水)第１－２９０４号株式会社フジソー</t>
  </si>
  <si>
    <t>神(気水)第１－２９０５号エス・エー・シー有限会社</t>
  </si>
  <si>
    <t>神(気水)第１－２９０６号紀平冷熱</t>
  </si>
  <si>
    <t>神(気水)第１－２９０８号株式会社ヌマデン</t>
  </si>
  <si>
    <t>神(気水)第１－２９０９号有限会社神栄設備</t>
  </si>
  <si>
    <t>神(気水)第１－２９１１号株式会社ＵＮＯ　ＡＤＶＡＮＣＥ</t>
  </si>
  <si>
    <t>神(気水)第１－２９１３号三田産業株式会社</t>
  </si>
  <si>
    <t>神(気水)第１－２９１４号株式会社Ｍａｒｋ　Ｆｏｕｒ</t>
  </si>
  <si>
    <t>神(気水)第１－２９１５号有限会社島原空調工業</t>
  </si>
  <si>
    <t>神(気水)第１－２９１６号株式会社ライジング</t>
  </si>
  <si>
    <t>神(気水)第１－２９１７号コア空設</t>
  </si>
  <si>
    <t>神(気水)第１－２９１９号有限会社髙伸興業</t>
  </si>
  <si>
    <t>神(気水)第１－２９２０号ＡＩＲＴＥＣＨ株式会社</t>
  </si>
  <si>
    <t>神(気水)第１－２９２２号有限会社ケイクラフト</t>
  </si>
  <si>
    <t>神(気水)第１－２９２３号三和工業株式会社</t>
  </si>
  <si>
    <t>神(気水)第１－２９２６号横浜設備株式会社</t>
  </si>
  <si>
    <t>神(気水)第１－２９２７号株式会社大同工業所</t>
  </si>
  <si>
    <t>神(気水)第１－２９２７号株式会社大同工業所　東京メンテナンスセンター</t>
  </si>
  <si>
    <t>神(気水)第１－２９２８号株式会社孝和</t>
  </si>
  <si>
    <t>神(気水)第１－２９２９号株式会社掛川空調サービス</t>
  </si>
  <si>
    <t>神(気水)第１－２９３０号三洋メンテナンスサービス株式会社</t>
  </si>
  <si>
    <t>神(気水)第１－２９３１号岩切空調設備株式会社</t>
  </si>
  <si>
    <t>神(気水)第１－２９３２号株式会社秀興ハーモナイズ本社</t>
  </si>
  <si>
    <t>神(気水)第１－２９３４号栗原工業株式会社</t>
  </si>
  <si>
    <t>神(気水)第１－２９３５号株式会社名成工業</t>
  </si>
  <si>
    <t>神(気水)第１－２９３７号株式会社ハイテクノ</t>
  </si>
  <si>
    <t>神(気水)第１－２９３８号株式会社ＥＢＬサービス</t>
  </si>
  <si>
    <t>神(気水)第１－２９３９号株式会社アースクリエイト</t>
  </si>
  <si>
    <t>神(気水)第１－２９４０号株式会社山勝</t>
  </si>
  <si>
    <t>神(気水)第１－２９４１号大沼空調</t>
  </si>
  <si>
    <t>神(気水)第１－２９４２号株式会社カヌマ</t>
  </si>
  <si>
    <t>神(気水)第１－２９４３号株式会社ＢＵＮ・ＺＯ</t>
  </si>
  <si>
    <t>神(気水)第１－２９４４号有限会社岡﨑設備</t>
  </si>
  <si>
    <t>神(気水)第１－２９４５号坂口電機工業株式会社</t>
  </si>
  <si>
    <t>神(気水)第１－２９４５号坂口電機工業株式会社　船橋営業所</t>
  </si>
  <si>
    <t>神(気水)第１－２９４５号坂口電機工業株式会社　新木場営業所</t>
  </si>
  <si>
    <t>神(気水)第１－２９４５号坂口電機工業株式会社　松戸営業所</t>
  </si>
  <si>
    <t>神(気水)第１－２９４５号坂口電機工業株式会社　江戸川営業所</t>
  </si>
  <si>
    <t>神(気水)第１－２９４６号株式会社ＧＯＯＤ　ＡＣＥ</t>
  </si>
  <si>
    <t>神(気水)第１－２９４７号株式会社ブロードリンク　リサイクルセンター</t>
  </si>
  <si>
    <t>神(気水)第１－２９４９号株式会社ビルテック　川口営業所</t>
  </si>
  <si>
    <t>神(気水)第１－２９５０号株式会社サンエス</t>
  </si>
  <si>
    <t>神(気水)第１－２９５１号株式会社松本冷機</t>
  </si>
  <si>
    <t>神(気水)第１－２９５２号株式会社Ｓ＆Ａ</t>
  </si>
  <si>
    <t>神(気水)第１－２９５３号株式会社ＭＡＳＡ１ＧＲＯＵＰ・湯澤コーポレーション</t>
  </si>
  <si>
    <t>神(気水)第１－２９５４号ユアサエレクトロニクス株式会社</t>
  </si>
  <si>
    <t>神(気水)第１－２９５６号有限会社岡本設備工業</t>
  </si>
  <si>
    <t>神(気水)第１－２９５８号株式会社ＥＳＴ</t>
  </si>
  <si>
    <t>神(気水)第１－２９５９号株式会社オカジマ</t>
  </si>
  <si>
    <t>神(気水)第１－２９６０号株式会社関東設備</t>
  </si>
  <si>
    <t>神(気水)第１－２９６１号有限会社ニッコーサービス</t>
  </si>
  <si>
    <t>神(気水)第１－２９６２号株式会社セイフティーサービス</t>
  </si>
  <si>
    <t>神(気水)第１－２９６３号株式会社ニチエネ　横浜・町田支店</t>
  </si>
  <si>
    <t>神(気水)第１－２９６４号株式会社ＴＲＩＳＥ</t>
  </si>
  <si>
    <t>神(気水)第１－２９６５号株式会社太陽冷温サービス</t>
  </si>
  <si>
    <t>神(気水)第１－２９６８号埼玉エアコンサービス</t>
  </si>
  <si>
    <t>神(気水)第１－２９６９号株式会社勝田</t>
  </si>
  <si>
    <t>神(気水)第１－２９７０号有限会社川村配管</t>
  </si>
  <si>
    <t>神(気水)第１－２９７２号有限会社サンネクスト</t>
  </si>
  <si>
    <t>神(気水)第１－２９７３号エムケイ機工</t>
  </si>
  <si>
    <t>神(気水)第１－２９７４号株式会社佐藤電工</t>
  </si>
  <si>
    <t>神(気水)第１－２９７５号株式会社ケーテック</t>
  </si>
  <si>
    <t>神(気水)第１－２９７６号サンレイ工業株式会社</t>
  </si>
  <si>
    <t>神(気水)第１－２９７７号株式会社モダンビル管理</t>
  </si>
  <si>
    <t>神(気水)第１－２９７８号有限会社ＢＲＵＮＯ</t>
  </si>
  <si>
    <t>神(気水)第１－２９８０号戸倉商事株式会社　東京営業所</t>
  </si>
  <si>
    <t>神(気水)第１－２９８２号有限会社フレンドエアコン</t>
  </si>
  <si>
    <t>神(気水)第１－２９８３号有限会社小倉電機サービス</t>
  </si>
  <si>
    <t>神(気水)第１－２９８４号株式会社ショウエイ</t>
  </si>
  <si>
    <t>神(気水)第１－２９８５号株式会社ダイヤ機器</t>
  </si>
  <si>
    <t>神(気水)第１－２９８６号新洋技研工業株式会社</t>
  </si>
  <si>
    <t>神(気水)第１－２９８７号柊空調株式会社</t>
  </si>
  <si>
    <t>神(気水)第１－２９８９号有限会社海藤住建</t>
  </si>
  <si>
    <t>神(気水)第１－２９９０号エーシーテクノサンヨー株式会社　埼玉営業所</t>
  </si>
  <si>
    <t>神(気水)第１－２９９１号ブルーテック株式会社</t>
  </si>
  <si>
    <t>神(気水)第１－２９９２号株式会社ＴＳＫ</t>
  </si>
  <si>
    <t>神(気水)第１－２９９３号株式会社富岡電子工業　境工場</t>
  </si>
  <si>
    <t>神(気水)第１－２９９４号堀田　邦夫</t>
  </si>
  <si>
    <t>神(気水)第１－２９９５号タカハシ設備</t>
  </si>
  <si>
    <t>神(気水)第１－２９９７号スガ試験機株式会社　日高・川越工場</t>
  </si>
  <si>
    <t>神(気水)第１－２９９８号アパッチ株式会社</t>
  </si>
  <si>
    <t>神(気水)第１－２９９９号佐藤空調</t>
  </si>
  <si>
    <t>神(気水)第１－３０００号株式会社アクト</t>
  </si>
  <si>
    <t>神(気水)第１－３００１号東静オリオン販売有限会社</t>
  </si>
  <si>
    <t>神(気水)第１－３００２号株式会社アールマックス</t>
  </si>
  <si>
    <t>神(気水)第１－３００３号株式会社エクシス</t>
  </si>
  <si>
    <t>神(気水)第１－３００５号株式会社多田設備工業</t>
  </si>
  <si>
    <t>神(気水)第１－３００６号株式会社エイディーディー</t>
  </si>
  <si>
    <t>神(気水)第１－３００７号有限会社東京冷機サービス</t>
  </si>
  <si>
    <t>神(気水)第１－３００８号英電機工業株式会社</t>
  </si>
  <si>
    <t>神(気水)第１－３００９号有限会社ファーム空調設備</t>
  </si>
  <si>
    <t>神(気水)第１－３０１０号串田冷熱商会</t>
  </si>
  <si>
    <t>神(気水)第１－３０１１号有限会社イガラシ冷熱</t>
  </si>
  <si>
    <t>神(気水)第１－３０１４号立花冷設株式会社</t>
  </si>
  <si>
    <t>神(気水)第１－３０１５号有限会社ミズホ冷熱</t>
  </si>
  <si>
    <t>神(気水)第１－３０１６号エスケーエンヂニアリング</t>
  </si>
  <si>
    <t>神(気水)第１－３０１７号株式会社イオタ</t>
  </si>
  <si>
    <t>神(気水)第１－３０２０号有限会社プランケイ</t>
  </si>
  <si>
    <t>神(気水)第１－３０２１号株式会社岡山空調</t>
  </si>
  <si>
    <t>神(気水)第１－３０２４号有限会社涼光メンテナンス</t>
  </si>
  <si>
    <t>神(気水)第１－３０２６号株式会社コスモテック　東京支店</t>
  </si>
  <si>
    <t>神(気水)第１－３０２７号株式会社インセリティー</t>
  </si>
  <si>
    <t>神(気水)第１－３０２８号株式会社栗原設備</t>
  </si>
  <si>
    <t>神(気水)第１－３０３０号株式会社東栄サービス</t>
  </si>
  <si>
    <t>神(気水)第１－３０３１号株式会社小島空調</t>
  </si>
  <si>
    <t>神(気水)第１－３０３２号株式会社ワンフォワード</t>
  </si>
  <si>
    <t>神(気水)第１－３０３３号有限会社友伸空設</t>
  </si>
  <si>
    <t>神(気水)第１－３０３５号株式会社サンキ精機</t>
  </si>
  <si>
    <t>神(気水)第１－３０３６号株式会社鈴𠮷</t>
  </si>
  <si>
    <t>神(気水)第１－３０３７号Ｓｍａｒｔ　Ｇｒｅｅｎ</t>
  </si>
  <si>
    <t>神(気水)第１－３０４２号東和冷機有限会社</t>
  </si>
  <si>
    <t>神(気水)第１－３０４３号株式会社蒼</t>
  </si>
  <si>
    <t>神(気水)第１－３０４４号東栄電設工業株式会社</t>
  </si>
  <si>
    <t>神(気水)第１－３０４５号内田冷機</t>
  </si>
  <si>
    <t>神(気水)第１－３０４７号株式会社アクテス</t>
  </si>
  <si>
    <t>神(気水)第１－３０４８号株式会社大和電設</t>
  </si>
  <si>
    <t>神(気水)第１－３０４９号有限会社大光</t>
  </si>
  <si>
    <t>神(気水)第１－３０５０号株式会社オカヤ</t>
  </si>
  <si>
    <t>神(気水)第１－３０５１号株式会社ワイエーシステム</t>
  </si>
  <si>
    <t>神(気水)第１－３０５２号有限会社東洋自動車整備販売</t>
  </si>
  <si>
    <t>神(気水)第１－３０５３号ヤマトオートワークス株式会社　横浜工場</t>
  </si>
  <si>
    <t>神(気水)第１－３０５３号ヤマトオートワークス株式会社　川崎工場</t>
  </si>
  <si>
    <t>神(気水)第１－３０５３号ヤマトオートワークス株式会社　厚木工場</t>
  </si>
  <si>
    <t>神(気水)第１－３０５３号ヤマトオートワークス株式会社　神奈川ボックス工場</t>
  </si>
  <si>
    <t>神(気水)第１－３０５４号フジ冷凍設備株式会社</t>
  </si>
  <si>
    <t>神(気水)第１－３０５５号株式会社瀬川空設工業</t>
  </si>
  <si>
    <t>神(気水)第１－３０５６号株式会社シンセイ設備</t>
  </si>
  <si>
    <t>神(気水)第１－３０５７号株式会社仁和空調設備</t>
  </si>
  <si>
    <t>神(気水)第１－３０５８号株式会社大輝設備</t>
  </si>
  <si>
    <t>神(気水)第１－３０５９号株式会社東洋製作所　サービス部　東京サービスセンター</t>
  </si>
  <si>
    <t>神(気水)第１－３０６１号株式会社静岡日立</t>
  </si>
  <si>
    <t>神(気水)第１－３０６２号山田空調</t>
  </si>
  <si>
    <t>神(気水)第１－３０６３号有限会社ＡＪＭ</t>
  </si>
  <si>
    <t>神(気水)第１－３０６４号エアテックス</t>
  </si>
  <si>
    <t>神(気水)第１－３０６６号有限会社松下工務店</t>
  </si>
  <si>
    <t>神(気水)第１－３０６７号瀬戸空調工事</t>
  </si>
  <si>
    <t>神(気水)第１－３０６８号有限会社三備</t>
  </si>
  <si>
    <t>神(気水)第１－３０６９号協和クリーン株式会社</t>
  </si>
  <si>
    <t>神(気水)第１－３０７０号産栄空調株式会社</t>
  </si>
  <si>
    <t>神(気水)第１－３０７１号株式会社ＫＭＣＴ　秦野工場</t>
  </si>
  <si>
    <t>神(気水)第１－３０７４号島津エイテック株式会社　厚木工場</t>
  </si>
  <si>
    <t>神(気水)第１－３０７５号有限会社メイトク</t>
  </si>
  <si>
    <t>神(気水)第１－３０７６号株式会社ミツケ商会</t>
  </si>
  <si>
    <t>神(気水)第１－３０７８号株式会社サト商ビルフレックス</t>
  </si>
  <si>
    <t>神(気水)第１－３０７９号有限会社シバタ空調</t>
  </si>
  <si>
    <t>神(気水)第１－３０８０号株式会社常和冷熱</t>
  </si>
  <si>
    <t>神(気水)第１－３０８１号有限会社エイワシステム</t>
  </si>
  <si>
    <t>神(気水)第１－３０８２号サン冷機工業株式会社</t>
  </si>
  <si>
    <t>神(気水)第１－３０８４号有限会社堀越設備</t>
  </si>
  <si>
    <t>神(気水)第１－３０８５号株式会社エフ・シー・メンテナンス</t>
  </si>
  <si>
    <t>神(気水)第１－３０８６号ファースト･フリーズ株式会社</t>
  </si>
  <si>
    <t>神(気水)第１－３０８７号株式会社明治ガステック</t>
  </si>
  <si>
    <t>神(気水)第１－３０９０号不二技研工業株式会社　東京支店</t>
  </si>
  <si>
    <t>神(気水)第１－３０９１号エムシー空調有限会社　東京出張所</t>
  </si>
  <si>
    <t>神(気水)第１－３０９２号株式会社山手機設工事</t>
  </si>
  <si>
    <t>神(気水)第１－３０９４号株式会社ユニエツクス・エンジニアリング　南本牧整備部</t>
  </si>
  <si>
    <t>神(気水)第１－３０９５号株式会社ＳＥＶＥＮ　ＳＥＡＳ</t>
  </si>
  <si>
    <t>神(気水)第１－３０９７号東和工業株式会社</t>
  </si>
  <si>
    <t>神(気水)第１－３１００号有限会社赤木重機</t>
  </si>
  <si>
    <t>神(気水)第１－３１０１号旭調温工業株式会社</t>
  </si>
  <si>
    <t>神(気水)第１－３１０２号システム・オンザフィールド株式会社</t>
  </si>
  <si>
    <t>神(気水)第１－３１０３号早川空調設備株式会社</t>
  </si>
  <si>
    <t>神(気水)第１－３１０４号東空調</t>
  </si>
  <si>
    <t>神(気水)第１－３１０７号株式会社平和エアテック</t>
  </si>
  <si>
    <t>神(気水)第１－３１１０号株式会社冷研テクノ</t>
  </si>
  <si>
    <t>神(気水)第１－３１１１号株式会社ウチダ空調設備</t>
  </si>
  <si>
    <t>神(気水)第１－３１１２号株式会社シイナ</t>
  </si>
  <si>
    <t>神(気水)第１－３１１３号株式会社ＫＡＷＡＮＯ</t>
  </si>
  <si>
    <t>神(気水)第１－３１１４号有限会社多摩エアコンサービス</t>
  </si>
  <si>
    <t>神(気水)第１－３１１５号ＫＫＳ</t>
  </si>
  <si>
    <t>神(気水)第１－３１１７号株式会社スリーコアジャパン</t>
  </si>
  <si>
    <t>神(気水)第１－３１１９号ケーエスワークス</t>
  </si>
  <si>
    <t>神(気水)第１－３１２２号日本エコシステム株式会社　ＦＵＪＩ１３８ＯＦＦＩＣＥ</t>
  </si>
  <si>
    <t>神(気水)第１－３１２３号タケダ株式会社</t>
  </si>
  <si>
    <t>神(気水)第１－３１２５号株式会社シュアーズ　関東営業所</t>
  </si>
  <si>
    <t>神(気水)第１－３１２６号明進電気</t>
  </si>
  <si>
    <t>神(気水)第１－３１２７号山田空調設備株式会社</t>
  </si>
  <si>
    <t>神(気水)第１－３１２８号テラダエンタープライズ株式会社</t>
  </si>
  <si>
    <t>神(気水)第１－３１３０号株式会社三進エンジニアリング</t>
  </si>
  <si>
    <t>神(気水)第１－３１３１号株式会社ニッタク</t>
  </si>
  <si>
    <t>神(気水)第１－３１３２号ＦＡＬ－ＣＯＮ株式会社</t>
  </si>
  <si>
    <t>神(気水)第１－３１３６号オーエム通商株式会社</t>
  </si>
  <si>
    <t>神(気水)第１－３１３８号日設工業株式会社</t>
  </si>
  <si>
    <t>神(気水)第１－３１３９号トーショーエンジニアリング株式会社</t>
  </si>
  <si>
    <t>神(気水)第１－３１４０号株式会社エレパイン</t>
  </si>
  <si>
    <t>神(気水)第１－３１４２号株式会社オカムラ　冷熱サービスセンター</t>
  </si>
  <si>
    <t>神(気水)第１－３１４４号羽田コンプレッサー株式会社</t>
  </si>
  <si>
    <t>神(気水)第１－３１４５号サンコー電気株式会社</t>
  </si>
  <si>
    <t>神(気水)第１－３１４８号エクセルコーポレーション</t>
  </si>
  <si>
    <t>神(気水)第１－３１４９号有限会社ヒロダクト工業</t>
  </si>
  <si>
    <t>神(気水)第１－３１５０号有限会社アスコ</t>
  </si>
  <si>
    <t>神(気水)第１－３１５１号敷島製パン株式会社　パスコ湘南工場</t>
  </si>
  <si>
    <t>神(気水)第１－３１５２号奥谷電機株式会社</t>
  </si>
  <si>
    <t>神(気水)第１－３１５３号有限会社ワタナベ設備</t>
  </si>
  <si>
    <t>神(気水)第１－３１５５号株式会社エヌ・ケー・プランニング</t>
  </si>
  <si>
    <t>神(気水)第１－３１５６号リョーコー株式会社</t>
  </si>
  <si>
    <t>神(気水)第１－３１５７号ラ・ステップ株式会社</t>
  </si>
  <si>
    <t>神(気水)第１－３１５８号有限会社日高商会</t>
  </si>
  <si>
    <t>神(気水)第１－３１５９号有限会社フジエアサービス</t>
  </si>
  <si>
    <t>神(気水)第１－３１６０号株式会社ルナテック</t>
  </si>
  <si>
    <t>神(気水)第１－３１６２号アートテクノ株式会社</t>
  </si>
  <si>
    <t>神(気水)第１－３１６６号株式会社Ｇ－ＢＡＮＫ</t>
  </si>
  <si>
    <t>神(気水)第１－３１６７号有限会社カワサキ空調</t>
  </si>
  <si>
    <t>神(気水)第１－３１６８号株式会社ティーエンジ</t>
  </si>
  <si>
    <t>神(気水)第１－３１７１号株式会社奄美電設</t>
  </si>
  <si>
    <t>神(気水)第１－３１７２号株式会社アーキテックサービス</t>
  </si>
  <si>
    <t>神(気水)第１－３１７４号有限会社菱和空調サービス</t>
  </si>
  <si>
    <t>神(気水)第１－３１７５号株式会社ジュピターコーポレーション　富津工場</t>
  </si>
  <si>
    <t>神(気水)第１－３１７６号株式会社ＳＱＡＩＲ</t>
  </si>
  <si>
    <t>神(気水)第１－３１７７号株式会社ハナワサービス</t>
  </si>
  <si>
    <t>神(気水)第１－３１７８号有限会社アジア冷熱</t>
  </si>
  <si>
    <t>神(気水)第１－３１７９号朝日奈住設</t>
  </si>
  <si>
    <t>神(気水)第１－３１８１号有限会社ホーユーエンジニアリング</t>
  </si>
  <si>
    <t>神(気水)第１－３１８２号トップウェーブ有限会社</t>
  </si>
  <si>
    <t>神(気水)第１－３１８３号株式会社エネライン</t>
  </si>
  <si>
    <t>神(気水)第１－３１８４号日本ビルシステム株式会社</t>
  </si>
  <si>
    <t>神(気水)第１－３１８５号株式会社大洋アレスコ</t>
  </si>
  <si>
    <t>神(気水)第１－３１８６号信越空調株式会社</t>
  </si>
  <si>
    <t>神(気水)第１－３１８８号有限会社パック・テクノ・デバイス</t>
  </si>
  <si>
    <t>神(気水)第１－３１８９号中央冷熱株式会社</t>
  </si>
  <si>
    <t>神(気水)第１－３１９０号株式会社ヤマオカ設備</t>
  </si>
  <si>
    <t>神(気水)第１－３１９１号有限会社田辺設備</t>
  </si>
  <si>
    <t>神(気水)第１－３１９２号株式会社アソシエ</t>
  </si>
  <si>
    <t>神(気水)第１－３１９４号広瀬電工株式会社　首都圏営業所</t>
  </si>
  <si>
    <t>神(気水)第１－３１９４号広瀬電工株式会社　多摩営業所</t>
  </si>
  <si>
    <t>神(気水)第１－３１９４号広瀬電工株式会社　千葉営業所</t>
  </si>
  <si>
    <t>神(気水)第１－３１９６号創和空調株式会社</t>
  </si>
  <si>
    <t>神(気水)第１－３１９７号株式会社富士通ゼネラル　工事センター</t>
  </si>
  <si>
    <t>神(気水)第１－３１９７号株式会社富士通ゼネラル　神奈川第一サービスセンター</t>
  </si>
  <si>
    <t>神(気水)第１－３１９８号株式会社Ｋ－コネクト</t>
  </si>
  <si>
    <t>神(気水)第１－３２０１号株式会社エアフィールド</t>
  </si>
  <si>
    <t>神(気水)第１－３２０２号株式会社古川工業</t>
  </si>
  <si>
    <t>神(気水)第１－３２０３号平仲空調</t>
  </si>
  <si>
    <t>神(気水)第１－３２０４号株式会社アイキュウ</t>
  </si>
  <si>
    <t>神(気水)第１－３２０５号高野空調</t>
  </si>
  <si>
    <t>神(気水)第１－３２０７号株式会社ワイ・エッチ・シー</t>
  </si>
  <si>
    <t>神(気水)第１－３２０８号有限会社サンシン</t>
  </si>
  <si>
    <t>神(気水)第１－３２０９号株式会社カナデンエンジニアリング</t>
  </si>
  <si>
    <t>神(気水)第１－３２１２号有限会社リペア</t>
  </si>
  <si>
    <t>神(気水)第１－３２１３号城西空調設備株式会社</t>
  </si>
  <si>
    <t>神(気水)第１－３２１４号イケダ空調工業株式会社</t>
  </si>
  <si>
    <t>神(気水)第１－３２１５号ＫＲＤ株式会社</t>
  </si>
  <si>
    <t>神(気水)第１－３２１８号日昭電気株式会社　東京支店</t>
  </si>
  <si>
    <t>神(気水)第１－３２１９号株式会社三共冷熱　関東支店</t>
  </si>
  <si>
    <t>神(気水)第１－３２２０号シンセツ電器くぬぎ台</t>
  </si>
  <si>
    <t>神(気水)第１－３２２２号みやび冷熱工業株式会社</t>
  </si>
  <si>
    <t>神(気水)第１－３２２３号株式会社トラスト</t>
  </si>
  <si>
    <t>神(気水)第１－３２２４号小林設備</t>
  </si>
  <si>
    <t>神(気水)第１－３２２７号株式会社ベタークリエイション</t>
  </si>
  <si>
    <t>神(気水)第１－３２２８号株式会社シーエステクノ</t>
  </si>
  <si>
    <t>神(気水)第１－３２２９号株式会社齋藤設備</t>
  </si>
  <si>
    <t>神(気水)第１－３２３０号株式会社新潟日立</t>
  </si>
  <si>
    <t>神(気水)第１－３２３０号株式会社新潟日立　長岡支店</t>
  </si>
  <si>
    <t>神(気水)第１－３２３０号株式会社新潟日立　上越支店</t>
  </si>
  <si>
    <t>神(気水)第１－３２３０号株式会社新潟日立　佐渡営業所</t>
  </si>
  <si>
    <t>神(気水)第１－３２３２号株式会社和泉空調設備</t>
  </si>
  <si>
    <t>神(気水)第１－３２３３号新晃アトモス株式会社　東京本部</t>
  </si>
  <si>
    <t>神(気水)第１－３２３４号エアーＫ.Ｓ</t>
  </si>
  <si>
    <t>神(気水)第１－３２３５号株式会社シースリー</t>
  </si>
  <si>
    <t>神(気水)第１－３２３６号有限会社港南空調サービス</t>
  </si>
  <si>
    <t>神(気水)第１－３２３７号有限会社ティー・イー・エス</t>
  </si>
  <si>
    <t>神(気水)第１－３２３８号日起工事株式会社</t>
  </si>
  <si>
    <t>神(気水)第１－３２３９号光和空調株式会社　熊谷万吉事務所</t>
  </si>
  <si>
    <t>神(気水)第１－３２４０号田中空調株式会社</t>
  </si>
  <si>
    <t>神(気水)第１－３２４１号株式会社琉南設備工業</t>
  </si>
  <si>
    <t>神(気水)第１－３２４３号竹内冷熱株式会社</t>
  </si>
  <si>
    <t>神(気水)第１－３２４４号株式会社田頭空調　高槻事業所</t>
  </si>
  <si>
    <t>神(気水)第１－３２４５号多摩エアー</t>
  </si>
  <si>
    <t>神(気水)第１－３２４６号株式会社伸栄工事</t>
  </si>
  <si>
    <t>神(気水)第１－３２４８号株式会社エコ・ワールド</t>
  </si>
  <si>
    <t>神(気水)第１－３２４９号後藤工業株式会社</t>
  </si>
  <si>
    <t>神(気水)第１－３２５１号株式会社アイレスト</t>
  </si>
  <si>
    <t>神(気水)第１－３２５２号株式会社日本アムス　横浜営業所</t>
  </si>
  <si>
    <t>神(気水)第１－３２５３号株式会社サトテック</t>
  </si>
  <si>
    <t>神(気水)第１－３２５４号株式会社高橋電気空調</t>
  </si>
  <si>
    <t>神(気水)第１－３２５５号株式会社宇都宮空調</t>
  </si>
  <si>
    <t>神(気水)第１－３２５７号株式会社福島空調</t>
  </si>
  <si>
    <t>神(気水)第１－３２５８号エスティーム株式会社</t>
  </si>
  <si>
    <t>神(気水)第１－３２６０号株式会社泉冷機</t>
  </si>
  <si>
    <t>神(気水)第１－３２６１号奥本　周樹</t>
  </si>
  <si>
    <t>神(気水)第１－３２６２号株式会社ケイプラン</t>
  </si>
  <si>
    <t>神(気水)第１－３２６３号都市ビル設備株式会社</t>
  </si>
  <si>
    <t>神(気水)第１－３２６５号日豊機工株式会社</t>
  </si>
  <si>
    <t>神(気水)第１－３２６６号株式会社エアーズ</t>
  </si>
  <si>
    <t>神(気水)第１－３２６８号有限会社リクライム</t>
  </si>
  <si>
    <t>神(気水)第１－３２６８号有限会社リクライム　千葉営業所</t>
  </si>
  <si>
    <t>神(気水)第１－３２７０号株式会社フローライト</t>
  </si>
  <si>
    <t>神(気水)第１－３２７１号株式会社小林設備工業</t>
  </si>
  <si>
    <t>神(気水)第１－３２７２号有限会社キタザワ空調</t>
  </si>
  <si>
    <t>神(気水)第１－３２７３号株式会社相互空調設備</t>
  </si>
  <si>
    <t>神(気水)第１－３２７４号五洋電気株式会社</t>
  </si>
  <si>
    <t>神(気水)第１－３２７５号ＦＬＯＷ冷熱工業株式会社</t>
  </si>
  <si>
    <t>神(気水)第１－３２７７号株式会社エイジング</t>
  </si>
  <si>
    <t>神(気水)第１－３２７８号ＡＣテクノサービス</t>
  </si>
  <si>
    <t>神(気水)第１－３２７９号株式会社山元　横浜営業所</t>
  </si>
  <si>
    <t>神(気水)第１－３２８２号株式会社レハーズ</t>
  </si>
  <si>
    <t>神(気水)第１－３２８４号日装工業株式会社</t>
  </si>
  <si>
    <t>神(気水)第１－３２８５号合同会社ワンカラーサポート</t>
  </si>
  <si>
    <t>神(気水)第１－３２８７号野坂　拓也</t>
  </si>
  <si>
    <t>神(気水)第１－３２８８号株式会社榎本電設</t>
  </si>
  <si>
    <t>神(気水)第１－３２８９号株式会社青山電機サービス</t>
  </si>
  <si>
    <t>神(気水)第１－３２９０号有限会社栄工業社</t>
  </si>
  <si>
    <t>神(気水)第１－３２９２号エス・エス・ケイ合同会社</t>
  </si>
  <si>
    <t>神(気水)第１－３２９３号有限会社ＭＫサービス</t>
  </si>
  <si>
    <t>神(気水)第１－３２９４号有限会社あさだ冷熱</t>
  </si>
  <si>
    <t>神(気水)第１－３２９５号株式会社カトウ空調工業</t>
  </si>
  <si>
    <t>神(気水)第１－３２９９号有限会社イワキエンジニア</t>
  </si>
  <si>
    <t>神(気水)第１－３３００号株式会社フロンティア</t>
  </si>
  <si>
    <t>神(気水)第１－３３０１号株式会社日本ラッセル</t>
  </si>
  <si>
    <t>神(気水)第１－３３０４号有限会社アルファサービス</t>
  </si>
  <si>
    <t>神(気水)第１－３３０６号株式会社栄伸工業</t>
  </si>
  <si>
    <t>神(気水)第１－３３０７号株式会社ケイズエアシステム</t>
  </si>
  <si>
    <t>神(気水)第１－３３０８号セーバー技研株式会社</t>
  </si>
  <si>
    <t>神(気水)第１－３３０９号株式会社清田工業</t>
  </si>
  <si>
    <t>神(気水)第１－３３１０号伊藤テクノ株式会社</t>
  </si>
  <si>
    <t>神(気水)第１－３３１１号株式会社上島製作所</t>
  </si>
  <si>
    <t>神(気水)第１－３３１２号株式会社坂本商会</t>
  </si>
  <si>
    <t>神(気水)第１－３３１３号株式会社星電　東京支店</t>
  </si>
  <si>
    <t>神(気水)第１－３３１４号株式会社コーンズ・エージー　高崎支店</t>
  </si>
  <si>
    <t>神(気水)第１－３３１６号有限会社ＣＬＡＳＳ　Ａ</t>
  </si>
  <si>
    <t>神(気水)第１－３３１７号株式会社エアコンワーク</t>
  </si>
  <si>
    <t>神(気水)第１－３３１８号株式会社武蔵野冷暖サービス</t>
  </si>
  <si>
    <t>神(気水)第１－３３１９号日立ジョンソンコントロールズ空調株式会社</t>
  </si>
  <si>
    <t>神(気水)第１－３３２０号株式会社髙木設備</t>
  </si>
  <si>
    <t>神(気水)第１－３３２５号有限会社村山電気商会</t>
  </si>
  <si>
    <t>神(気水)第１－３３２７号株式会社タイプエア</t>
  </si>
  <si>
    <t>神(気水)第１－３３２８号株式会社カンテック</t>
  </si>
  <si>
    <t>神(気水)第１－３３２９号日立空調ソリューションズ株式会社　神奈川支店</t>
  </si>
  <si>
    <t>神(気水)第１－３３３０号両毛設備機工株式会社</t>
  </si>
  <si>
    <t>神(気水)第１－３３３１号有限会社飯田産業</t>
  </si>
  <si>
    <t>神(気水)第１－３３３２号株式会社オーソリティー空調</t>
  </si>
  <si>
    <t>神(気水)第１－３３３３号株式会社双羽</t>
  </si>
  <si>
    <t>神(気水)第１－３３３４号有限会社八千冷</t>
  </si>
  <si>
    <t>神(気水)第１－３３３５号ｉ－ＣＲＥＷ株式会社</t>
  </si>
  <si>
    <t>神(気水)第１－３３３８号株式会社山本総合設備</t>
  </si>
  <si>
    <t>神(気水)第１－３３３９号株式会社武空</t>
  </si>
  <si>
    <t>神(気水)第１－３３４０号株式会社プログラン</t>
  </si>
  <si>
    <t>神(気水)第１－３３４１号株式会社タイシン工業</t>
  </si>
  <si>
    <t>神(気水)第１－３３４２号株式会社清弘エンジニアリング　埼玉営業所</t>
  </si>
  <si>
    <t>神(気水)第１－３３４７号冷熱システムサービス合同会社</t>
  </si>
  <si>
    <t>神(気水)第１－３３４８号株式会社ＳＲＭ</t>
  </si>
  <si>
    <t>神(気水)第１－３３４９号株式会社東照電気</t>
  </si>
  <si>
    <t>神(気水)第１－３３５０号有限会社エアユーテック</t>
  </si>
  <si>
    <t>神(気水)第１－３３５３号有限会社ヤナモト設備工業</t>
  </si>
  <si>
    <t>神(気水)第１－３３５４号株式会社Ａｉｒ．ｃｏｍ</t>
  </si>
  <si>
    <t>神(気水)第１－３３５６号株式会社ＡＳＯ空調サービス</t>
  </si>
  <si>
    <t>神(気水)第１－３３５７号サクシス設備</t>
  </si>
  <si>
    <t>神(気水)第１－３３５８号株式会社山口製作所</t>
  </si>
  <si>
    <t>神(気水)第１－３３５９号株式会社アースクリーン東北</t>
  </si>
  <si>
    <t>神(気水)第１－３３６０号田島工業株式会社</t>
  </si>
  <si>
    <t>神(気水)第１－３３６１号株式会社石月電子</t>
  </si>
  <si>
    <t>神(気水)第１－３３６２号ナカニシ冷機</t>
  </si>
  <si>
    <t>神(気水)第１－３３６３号和テクノサービス株式会社</t>
  </si>
  <si>
    <t>神(気水)第１－３３６４号株式会社日祥　横浜営業所</t>
  </si>
  <si>
    <t>神(気水)第１－３３６６号株式会社トーカンオリエンス</t>
  </si>
  <si>
    <t>神(気水)第１－３３６７号株式会社ＡⅠＲキューブ</t>
  </si>
  <si>
    <t>神(気水)第１－３３６８号株式会社久島工業</t>
  </si>
  <si>
    <t>神(気水)第１－３３６９号アース環境設備株式会社</t>
  </si>
  <si>
    <t>神(気水)第１－３３７１号田中空調</t>
  </si>
  <si>
    <t>神(気水)第１－３３７２号有限会社湘南設備</t>
  </si>
  <si>
    <t>神(気水)第１－３３７３号有限会社サンコー空調設備</t>
  </si>
  <si>
    <t>神(気水)第１－３３７５号鈴木設備　鈴木　利克</t>
  </si>
  <si>
    <t>神(気水)第１－３３７７号株式会社ユニエツクスＮＣＴ　横浜支店整備グループ　横浜営業所</t>
  </si>
  <si>
    <t>神(気水)第１－３３７８号ライカマイクロシステムズ株式会社　ライカ物流センター</t>
  </si>
  <si>
    <t>神(気水)第１－３３７９号大和温調工業有限会社</t>
  </si>
  <si>
    <t>神(気水)第１－３３８０号株式会社ダイエイファシリティ</t>
  </si>
  <si>
    <t>神(気水)第１－３３８１号ＩＳテック株式会社</t>
  </si>
  <si>
    <t>神(気水)第１－３３８２号永代工業株式会社</t>
  </si>
  <si>
    <t>神(気水)第１－３３８４号株式会社ウニクム</t>
  </si>
  <si>
    <t>神(気水)第１－３３８５号オーツーMK　河野　正樹</t>
  </si>
  <si>
    <t>神(気水)第１－３３８６号有限会社アサンテ</t>
  </si>
  <si>
    <t>神(気水)第１－３３８７号光ビル管理株式会社</t>
  </si>
  <si>
    <t>神(気水)第１－３３８９号流石空調設備</t>
  </si>
  <si>
    <t>神(気水)第１－３３９０号株式会社クボタ</t>
  </si>
  <si>
    <t>神(気水)第１－３３９１号株式会社リベット</t>
  </si>
  <si>
    <t>神(気水)第１－３３９２号株式会社マツエ空調サービス</t>
  </si>
  <si>
    <t>神(気水)第１－３３９３号株式会社武藤冷熱</t>
  </si>
  <si>
    <t>神(気水)第１－３３９７号株式会社サンエイプラント</t>
  </si>
  <si>
    <t>神(気水)第１－３３９９号株式会社総眞設備</t>
  </si>
  <si>
    <t>神(気水)第１－３４００号株式会社無限設備</t>
  </si>
  <si>
    <t>神(気水)第１－３４０１号株式会社ＬｉｇｈｔＨｏｕｓｅ</t>
  </si>
  <si>
    <t>神(気水)第１－３４０２号有限会社ケーティエヌ</t>
  </si>
  <si>
    <t>神(気水)第１－３４０３号アクシス空調</t>
  </si>
  <si>
    <t>神(気水)第１－３４０４号株式会社日昌設備工業</t>
  </si>
  <si>
    <t>神(気水)第１－３４０５号カナザシ工業株式会社</t>
  </si>
  <si>
    <t>神(気水)第１－３４０７号有限会社サンスポット冷熱</t>
  </si>
  <si>
    <t>神(気水)第１－３４０９号瀬口冷熱工業株式会社</t>
  </si>
  <si>
    <t>神(気水)第１－３４１０号株式会社柏尾工業所</t>
  </si>
  <si>
    <t>神(気水)第１－３４１１号株式会社ＯＫＡフロン</t>
  </si>
  <si>
    <t>神(気水)第１－３４１３号株式会社ＵＲＡＴＡ</t>
  </si>
  <si>
    <t>神(気水)第１－３４１４号株式会社エアフォルク</t>
  </si>
  <si>
    <t>神(気水)第１－３４１５号有限会社エアー設備</t>
  </si>
  <si>
    <t>神(気水)第１－３４１７号有限会社野村空調</t>
  </si>
  <si>
    <t>神(気水)第１－３４１８号有機冷熱工業</t>
  </si>
  <si>
    <t>神(気水)第１－３４１９号株式会社トーレイ</t>
  </si>
  <si>
    <t>神(気水)第１－３４２１号株式会社杉野冷熱</t>
  </si>
  <si>
    <t>神(気水)第１－３４２２号亀本工業株式会社</t>
  </si>
  <si>
    <t>神(気水)第１－３４２３号株式会社アクティブ</t>
  </si>
  <si>
    <t>神(気水)第１－３４２４号子安冷熱工業株式会社</t>
  </si>
  <si>
    <t>神(気水)第１－３４２５号アトラスコプコ株式会社　川崎事業所</t>
  </si>
  <si>
    <t>神(気水)第１－３４２８号オダ空調サービス</t>
  </si>
  <si>
    <t>神(気水)第１－３４２９号株式会社シャークランド</t>
  </si>
  <si>
    <t>神(気水)第１－３４３０号東京電機エンジニアリング株式会社</t>
  </si>
  <si>
    <t>神(気水)第１－３４３１号いいコム株式会社</t>
  </si>
  <si>
    <t>神(気水)第１－３４３２号株式会社Ｒ’ｔ空調</t>
  </si>
  <si>
    <t>神(気水)第１－３４３３号大山電機</t>
  </si>
  <si>
    <t>神(気水)第１－３４３５号エクイップメント株式会社</t>
  </si>
  <si>
    <t>神(気水)第１－３４３９号株式会社電商ネット</t>
  </si>
  <si>
    <t>神(気水)第１－３４４０号株式会社コスモ・ファイブ　神奈川営業所</t>
  </si>
  <si>
    <t>神(気水)第１－３４４１号海福空調株式会社</t>
  </si>
  <si>
    <t>神(気水)第１－３４４２号株式会社ＪＤＩ</t>
  </si>
  <si>
    <t>神(気水)第１－３４４３号株式会社クラウド</t>
  </si>
  <si>
    <t>神(気水)第１－３４４４号沖エンジニア株式会社</t>
  </si>
  <si>
    <t>神(気水)第１－３４４６号株式会社ゼンシン</t>
  </si>
  <si>
    <t>神(気水)第１－３４４７号有限会社正栄空調設備</t>
  </si>
  <si>
    <t>神(気水)第１－３４４８号有限会社丸玉設備</t>
  </si>
  <si>
    <t>神(気水)第１－３４４９号有限会社ＤＡＩ設備</t>
  </si>
  <si>
    <t>神(気水)第１－３４５０号田崎設備株式会社</t>
  </si>
  <si>
    <t>神(気水)第１－３４５１号株式会社レリオン</t>
  </si>
  <si>
    <t>神(気水)第１－３４５２号株式会社鹿島冷熱　営業本部</t>
  </si>
  <si>
    <t>神(気水)第１－３４５４号株式会社九十九商店</t>
  </si>
  <si>
    <t>神(気水)第１－３４５６号小原　淳也</t>
  </si>
  <si>
    <t>神(気水)第１－３４５７号株式会社Ｓシステム</t>
  </si>
  <si>
    <t>神(気水)第１－３４６０号オダ・エンジニアリング有限会社</t>
  </si>
  <si>
    <t>神(気水)第１－３４６１号有限会社渋谷空調サービス</t>
  </si>
  <si>
    <t>神(気水)第１－３４６２号株式会社シー・ピー・テック</t>
  </si>
  <si>
    <t>神(気水)第１－３４６３号大亜真空株式会社</t>
  </si>
  <si>
    <t>神(気水)第１－３４６５号有限会社シンコウ冷熱</t>
  </si>
  <si>
    <t>神(気水)第１－３４６８号株式会社ユーワ電設</t>
  </si>
  <si>
    <t>神(気水)第１－３４７１号株式会社オオマキ</t>
  </si>
  <si>
    <t>神(気水)第１－３４８３号株式会社三光サービス</t>
  </si>
  <si>
    <t>神(気水)第１－３４９０号株式会社佐吉</t>
  </si>
  <si>
    <t>神(気水)第１－３４９１号ＦＤＫ株式会社</t>
  </si>
  <si>
    <t>神(気水)第１－３４９２号有限会社エスコバランス</t>
  </si>
  <si>
    <t>神(気水)第１－３４９３号株式会社ライズ</t>
  </si>
  <si>
    <t>神(気水)第１－３４９４号オーケーズパワー株式会社</t>
  </si>
  <si>
    <t>神(気水)第１－３４９５号株式会社ナイス　神奈川営業所</t>
  </si>
  <si>
    <t>神(気水)第１－３４９６号環境設備</t>
  </si>
  <si>
    <t>神(気水)第１－３４９７号株式会社安本設備</t>
  </si>
  <si>
    <t>神(気水)第１－３４９８号株式会社井上電気冷熱</t>
  </si>
  <si>
    <t>神(気水)第１－３４９９号株式会社堀口冷機製作所</t>
  </si>
  <si>
    <t>神(気水)第１－３５００号株式会社ＳＥＧ</t>
  </si>
  <si>
    <t>神(気水)第１－３５０１号有限会社光立工業</t>
  </si>
  <si>
    <t>神(気水)第１－３５０２号有限会社グローバルエンジニアリング</t>
  </si>
  <si>
    <t>神(気水)第１－３５０３号株式会社エス・ケー・エス</t>
  </si>
  <si>
    <t>神(気水)第１－３５０４号ハウスケット株式会社</t>
  </si>
  <si>
    <t>神(気水)第１－３５０５号株式会社テクノシステム</t>
  </si>
  <si>
    <t>神(気水)第１－３５０６号有限会社ナカヤマ工業</t>
  </si>
  <si>
    <t>神(気水)第１－３５０７号ティール設備株式会社</t>
  </si>
  <si>
    <t>神(気水)第１－３５０８号小林　欣裕</t>
  </si>
  <si>
    <t>神(気水)第１－３５０９号武松商事株式会社　新磯子リサイクル工場</t>
  </si>
  <si>
    <t>神(気水)第１－３５１０号有限会社赤神設備工業</t>
  </si>
  <si>
    <t>神(気水)第１－３５１１号株式会社星州産業</t>
  </si>
  <si>
    <t>神(気水)第１－３５１２号株式会社協和日成　ＧＨＰメンテ営業所</t>
  </si>
  <si>
    <t>神(気水)第１－３５１３号株式会社平野設備</t>
  </si>
  <si>
    <t>神(気水)第１－３５１４号株式会社菜花空調</t>
  </si>
  <si>
    <t>神(気水)第１－３５１５号株式会社Ｂａｍｂｏｏ</t>
  </si>
  <si>
    <t>神(気水)第１－３５１６号東和空調株式会社</t>
  </si>
  <si>
    <t>神(気水)第１－３５１７号株式会社中部特機設備</t>
  </si>
  <si>
    <t>神(気水)第１－３５１８号関西エコウォ―ル工業株式会社</t>
  </si>
  <si>
    <t>神(気水)第１－３５１９号株式会社太田治工</t>
  </si>
  <si>
    <t>神(気水)第１－３５２０号有限会社エアテクニカル</t>
  </si>
  <si>
    <t>神(気水)第１－３５２１号国精工業株式会社　多摩川工場</t>
  </si>
  <si>
    <t>神(気水)第１－３５２１号国精工業株式会社　沼津営業所</t>
  </si>
  <si>
    <t>神(気水)第１－３５２２号株式会社新和電装</t>
  </si>
  <si>
    <t>神(気水)第１－３５２３号カタオカ電器</t>
  </si>
  <si>
    <t>神(気水)第１－３５２５号株式会社モリ・エンジニアリング</t>
  </si>
  <si>
    <t>神(気水)第１－３５２６号有限会社アスカエアコン</t>
  </si>
  <si>
    <t>神(気水)第１－３５２７号光設備</t>
  </si>
  <si>
    <t>神(気水)第１－３５２８号株式会社ＩＫＥ工業</t>
  </si>
  <si>
    <t>神(気水)第１－３５２９号有限会社スーパーヒート</t>
  </si>
  <si>
    <t>神(気水)第１－３５３０号サンデン・リテールシステム株式会社　首都圏物流センター</t>
  </si>
  <si>
    <t>神(気水)第１－３５３１号株式会社テクノ空調企画</t>
  </si>
  <si>
    <t>神(気水)第１－３５３２号小沼空調設備</t>
  </si>
  <si>
    <t>神(気水)第１－３５３３号株式会社星冷機</t>
  </si>
  <si>
    <t>神(気水)第１－３５３４号株式会社Ｔｅｃｈｎｏ　Ｌｉｆｅ</t>
  </si>
  <si>
    <t>神(気水)第１－３５３５号有限会社湘南冷熱</t>
  </si>
  <si>
    <t>神(気水)第１－３５３６号有限会社ヤマモトサービス</t>
  </si>
  <si>
    <t>神(気水)第１－３５３７号イケダ</t>
  </si>
  <si>
    <t>神(気水)第１－３５３９号株式会社アールアンドジー</t>
  </si>
  <si>
    <t>神(気水)第１－３５４０号株式会社ダブリュー・ツー</t>
  </si>
  <si>
    <t>神(気水)第１－３５４１号ＹＤＫ</t>
  </si>
  <si>
    <t>神(気水)第１－３５４２号新空調サービス株式会社</t>
  </si>
  <si>
    <t>神(気水)第１－３５４３号Ｄ’ｓ（ディーエス）</t>
  </si>
  <si>
    <t>神(気水)第１－３５４４号合同会社ロッキー</t>
  </si>
  <si>
    <t>神(気水)第１－３５４５号大研工事株式会社</t>
  </si>
  <si>
    <t>神(気水)第１－３５４６号和光冷熱工業株式会社</t>
  </si>
  <si>
    <t>神(気水)第１－３５４７号小野　元</t>
  </si>
  <si>
    <t>神(気水)第１－３５４８号株式会社大木無線電気</t>
  </si>
  <si>
    <t>神(気水)第１－３５４９号株式会社川令</t>
  </si>
  <si>
    <t>神(気水)第１－３５５０号株式会社フレア設備</t>
  </si>
  <si>
    <t>神(気水)第１－３５５１号翔栄株式会社</t>
  </si>
  <si>
    <t>神(気水)第１－３５５２号株式会社櫻内空調設備</t>
  </si>
  <si>
    <t>神(気水)第１－３５５３号裕伸工業株式会社</t>
  </si>
  <si>
    <t>神(気水)第１－３５５４号株式会社デンソーサービス西埼玉</t>
  </si>
  <si>
    <t>神(気水)第１－３５５５号株式会社大樹設備</t>
  </si>
  <si>
    <t>神(気水)第１－３５５６号フクダデンキ（六角橋店）</t>
  </si>
  <si>
    <t>神(気水)第１－３５５７号冨士冷機株式会社</t>
  </si>
  <si>
    <t>神(気水)第１－３５５８号赤福金属株式会社</t>
  </si>
  <si>
    <t>神(気水)第１－３５５９号株式会社ＬＷ</t>
  </si>
  <si>
    <t>神(気水)第１－３５６０号多摩エアコン</t>
  </si>
  <si>
    <t>神(気水)第１－３５６１号株式会社オチカイ・テクノス</t>
  </si>
  <si>
    <t>神(気水)第１－３５６２号モリタ空調</t>
  </si>
  <si>
    <t>神(気水)第１－３５６３号株式会社ＳＯＬ</t>
  </si>
  <si>
    <t>神(気水)第１－３５６４号株式会社小林冷機</t>
  </si>
  <si>
    <t>神(気水)第１－３５６５号日本エア・コン・サービス株式会社</t>
  </si>
  <si>
    <t>神(気水)第１－３５６６号有限会社弥生電装</t>
  </si>
  <si>
    <t>神(気水)第１－３５６７号広栄テクノ株式会社</t>
  </si>
  <si>
    <t>神(気水)第１－３５６９号東京ダイヤエアコン株式会社</t>
  </si>
  <si>
    <t>神(気水)第１－３５７０号株式会社丁塚空調</t>
  </si>
  <si>
    <t>神(気水)第１－３５７１号八洋エンジニアリング株式会社</t>
  </si>
  <si>
    <t>神(気水)第１－３５７２号三王機工株式会社　東京営業所</t>
  </si>
  <si>
    <t>神(気水)第１－３５７２号三王機工株式会社　大阪営業所</t>
  </si>
  <si>
    <t>神(気水)第１－３５７３号有限会社中部空調</t>
  </si>
  <si>
    <t>神(気水)第１－３５７５号諸徳寺冷機</t>
  </si>
  <si>
    <t>神(気水)第１－３５７６号ミリオン　デンキ</t>
  </si>
  <si>
    <t>神(気水)第１－３５７７号株式会社Ｆｒｅｓｃｏ</t>
  </si>
  <si>
    <t>神(気水)第１－３５７８号株式会社北條電気設備</t>
  </si>
  <si>
    <t>神(気水)第１－３５７９号株式会社エアライズ</t>
  </si>
  <si>
    <t>神(気水)第１－３５８０号株式会社エスクラス空調</t>
  </si>
  <si>
    <t>神(気水)第１－３５８１号株式会社メンテナンスファクトリー横浜</t>
  </si>
  <si>
    <t>神(気水)第１－３５８２号株式会社ＡＩＲＦＲＥＥＤ</t>
  </si>
  <si>
    <t>神(気水)第１－３５８３号株式会社ＴＳエンジニアリング</t>
  </si>
  <si>
    <t>神(気水)第１－３５８４号株式会社アイテクノス</t>
  </si>
  <si>
    <t>神(気水)第１－３５８５号セイコー厨房株式会社</t>
  </si>
  <si>
    <t>神(気水)第１－３５８６号エアーカスタム株式会社</t>
  </si>
  <si>
    <t>神(気水)第１－３５８７号協立工業株式会社</t>
  </si>
  <si>
    <t>神(気水)第１－３５８８号株式会社大洋電気工事</t>
  </si>
  <si>
    <t>神(気水)第１－３５８９号ナベ建設有限会社</t>
  </si>
  <si>
    <t>神(気水)第１－３５９０号三協冷熱株式会社</t>
  </si>
  <si>
    <t>神(気水)第１－３５９１号株式会社ＨＫシステム</t>
  </si>
  <si>
    <t>神(気水)第１－３５９２号有限会社宇佐見冷機</t>
  </si>
  <si>
    <t>神(気水)第１－３５９３号シィー・シィー・ビィー株式会社</t>
  </si>
  <si>
    <t>神(気水)第１－３５９４号株式会社Ｆｒｏｍ　Ａｉｒ　Ｌｉｆｅ</t>
  </si>
  <si>
    <t>神(気水)第１－３５９５号株式会社グッドスキル</t>
  </si>
  <si>
    <t>神(気水)第１－３５９６号リュウシンエアー株式会社</t>
  </si>
  <si>
    <t>神(気水)第１－３５９７号三和機材株式会社　設備事業部</t>
  </si>
  <si>
    <t>神(気水)第１－３５９８号株式会社光ライテック</t>
  </si>
  <si>
    <t>神(気水)第１－３５９９号有限会社パナピットカタオカ</t>
  </si>
  <si>
    <t>神(気水)第１－３６０１号合同会社ひかりテクノ</t>
  </si>
  <si>
    <t>神(気水)第１－３６０２号株式会社アイビーシステム</t>
  </si>
  <si>
    <t>神(気水)第１－３６０３号株式会社渡部空調</t>
  </si>
  <si>
    <t>神(気水)第１－３６０４号株式会社ＡＮＴＥＣ</t>
  </si>
  <si>
    <t>神(気水)第１－３６０５号株式会社ＴＯＭＯエンジニアリング</t>
  </si>
  <si>
    <t>神(気水)第１－３６０６号有限会社光栄解体工業</t>
  </si>
  <si>
    <t>神(気水)第１－３６０７号有限会社奥山電設</t>
  </si>
  <si>
    <t>神(気水)第１－３６０８号青山興業</t>
  </si>
  <si>
    <t>神(気水)第１－３６０９号株式会社ＪＡＰＡＮ　ＡＩＲ－Ｃ</t>
  </si>
  <si>
    <t>神(気水)第１－３６１０号岸　知周</t>
  </si>
  <si>
    <t>神(気水)第１－３６１１号株式会社東京冷暖房サービスセンター</t>
  </si>
  <si>
    <t>神(気水)第１－３６１２号株式会社横浜テクノサポート</t>
  </si>
  <si>
    <t>神(気水)第１－３６１３号有限会社双葉工業所</t>
  </si>
  <si>
    <t>神(気水)第１－３６１４号田中空調株式会社</t>
  </si>
  <si>
    <t>神(気水)第１－３６１５号ワイ・テック・エアー</t>
  </si>
  <si>
    <t>神(気水)第１－３６１６号株式会社佐谷空調設備</t>
  </si>
  <si>
    <t>神(気水)第１－３６１７号株式会社ワタナベ冷機</t>
  </si>
  <si>
    <t>神(気水)第１－３６１８号日本飛行機株式会社　厚木工場</t>
  </si>
  <si>
    <t>神(気水)第１－３６２０号株式会社Ａｓｓｉｓｔ　東京支店</t>
  </si>
  <si>
    <t>神(気水)第１－３６２１号コペルシステム株式会社</t>
  </si>
  <si>
    <t>神(気水)第１－３６２２号有限会社横浜冷熱</t>
  </si>
  <si>
    <t>神(気水)第１－３６２３号有限会社サンテック</t>
  </si>
  <si>
    <t>神(気水)第１－３６２４号株式会社相輝</t>
  </si>
  <si>
    <t>神(気水)第１－３６２５号有限会社ケーテック</t>
  </si>
  <si>
    <t>神(気水)第１－３６２６号真清創設株式会社</t>
  </si>
  <si>
    <t>神(気水)第１－３６２７号株式会社伸栄工業</t>
  </si>
  <si>
    <t>神(気水)第１－３６２８号株式会社ノア</t>
  </si>
  <si>
    <t>神(気水)第１－３６２９号ディライト空調システム</t>
  </si>
  <si>
    <t>神(気水)第１－３６３０号有限会社伊波冷熱工業</t>
  </si>
  <si>
    <t>神(気水)第１－３６３１号シナネンファシリティーズ株式会社</t>
  </si>
  <si>
    <t>神(気水)第１－３６３３号株式会社トラスト　所沢営業所</t>
  </si>
  <si>
    <t>神(気水)第１－３６３４号有限会社藤田電設</t>
  </si>
  <si>
    <t>神(気水)第１－３６３５号株式会社アスティ</t>
  </si>
  <si>
    <t>神(気水)第１－３６３６号株式会社ＤＥＳＥＲＴ　ＧＲＥＥＮ</t>
  </si>
  <si>
    <t>神(気水)第１－３６３７号マルマテクニカ株式会社</t>
  </si>
  <si>
    <t>神(気水)第１－３６３８号菱名工業株式会社</t>
  </si>
  <si>
    <t>神(気水)第１－３６３９号株式会社エコポーター</t>
  </si>
  <si>
    <t>神(気水)第１－３６４０号合同会社松本設備</t>
  </si>
  <si>
    <t>神(気水)第１－３６４１号有限会社海浜</t>
  </si>
  <si>
    <t>神(気水)第１－３６４２号株式会社ミナミ冷機</t>
  </si>
  <si>
    <t>神(気水)第１－３６４３号日本特殊技術販売株式会社</t>
  </si>
  <si>
    <t>神(気水)第１－３６４４号ＴＡＣＳ</t>
  </si>
  <si>
    <t>神(気水)第１－３６４５号ヴェンター</t>
  </si>
  <si>
    <t>神(気水)第１－３６４６号株式会社シャフトワークス</t>
  </si>
  <si>
    <t>神(気水)第１－３６４７号有限会社信設備</t>
  </si>
  <si>
    <t>神(気水)第１－３６４８号栗田冷熱有限会社</t>
  </si>
  <si>
    <t>神(気水)第１－３６４９号楢沢設備</t>
  </si>
  <si>
    <t>神(気水)第１－３６５１号株式会社イトーヨーギョー　建築設備部</t>
  </si>
  <si>
    <t>神(気水)第１－３６５２号株式会社メイトラスト</t>
  </si>
  <si>
    <t>神(気水)第１－３６５３号ＯＡプランニング株式会社</t>
  </si>
  <si>
    <t>神(気水)第１－３６５４号株式会社阿部商店</t>
  </si>
  <si>
    <t>神(気水)第１－３６５５号三協エンジニアリング株式会社</t>
  </si>
  <si>
    <t>神(気水)第１－３６５６号株式会社テクノシステム</t>
  </si>
  <si>
    <t>神(気水)第１－３６５７号有限会社グローバル・テック</t>
  </si>
  <si>
    <t>神(気水)第１－３６５８号株式会社奥田冷熱</t>
  </si>
  <si>
    <t>神(気水)第１－３６５９号株式会社タガワ</t>
  </si>
  <si>
    <t>神(気水)第１－３６６０号Ｊ電空サポート</t>
  </si>
  <si>
    <t>神(気水)第１－３６６１号明和冷熱株式会社</t>
  </si>
  <si>
    <t>神(気水)第１－３６６２号有限会社エム・ティー・エス</t>
  </si>
  <si>
    <t>神(気水)第１－３６６３号Ｋ　ｓｅｒｖｉｃｅ</t>
  </si>
  <si>
    <t>神(気水)第１－３６６４号株式会社ＭＡＨＣ</t>
  </si>
  <si>
    <t>神(気水)第１－３６６５号三協フロンテア株式会社　厚木サービスセンター</t>
  </si>
  <si>
    <t>神(気水)第１－３６６６号梶電機有限会社</t>
  </si>
  <si>
    <t>神(気水)第１－３６６７号有限会社優気</t>
  </si>
  <si>
    <t>神(気水)第１－３６６９号株式会社大場組</t>
  </si>
  <si>
    <t>神(気水)第１－３６７０号山口美装</t>
  </si>
  <si>
    <t>神(気水)第１－３６７１号伊藤冷熱株式会社</t>
  </si>
  <si>
    <t>神(気水)第１－３６７２号ＡＩＲ　ＡＲＴＳ株式会社</t>
  </si>
  <si>
    <t>神(気水)第１－３６７３号小林空調設備</t>
  </si>
  <si>
    <t>神(気水)第１－３６７４号ベナレス工業株式会社　川崎営業所</t>
  </si>
  <si>
    <t>神(気水)第１－３６７５号有限会社環境技研</t>
  </si>
  <si>
    <t>神(気水)第１－３６７６号有限会社マクロネット</t>
  </si>
  <si>
    <t>神(気水)第１－３６７９号有限会社ビジネスカレント</t>
  </si>
  <si>
    <t>神(気水)第１－３６８０号株式会社ジェートップ</t>
  </si>
  <si>
    <t>神(気水)第１－３６８１号エアブリーズシステム</t>
  </si>
  <si>
    <t>神(気水)第１－３６８２号有限会社タクマ工業</t>
  </si>
  <si>
    <t>神(気水)第１－３６８３号株式会社ケーヨーテクノサービス</t>
  </si>
  <si>
    <t>神(気水)第１－３６８６号有限会社港北冷機設備</t>
  </si>
  <si>
    <t>神(気水)第１－３６８７号三浦空調設備</t>
  </si>
  <si>
    <t>神(気水)第１－３６８８号株式会社三和ビルサービス</t>
  </si>
  <si>
    <t>神(気水)第１－３６８９号有限会社田中設備</t>
  </si>
  <si>
    <t>神(気水)第１－３６９１号有限会社アイズ・ワン</t>
  </si>
  <si>
    <t>神(気水)第１－３６９２号株式会社パッケージスペース</t>
  </si>
  <si>
    <t>神(気水)第１－３６９３号田口設備株式会社</t>
  </si>
  <si>
    <t>神(気水)第１－３６９４号氏家冷熱株式会社</t>
  </si>
  <si>
    <t>神(気水)第１－３６９５号株式会社アースリズム</t>
  </si>
  <si>
    <t>神(気水)第１－３６９６号ブラン・エアー</t>
  </si>
  <si>
    <t>神(気水)第１－３６９７号株式会社アライバルジャパン</t>
  </si>
  <si>
    <t>神(気水)第１－３６９８号有限会社スズキサービス</t>
  </si>
  <si>
    <t>神(気水)第１－３６９９号エコカーボン株式会社</t>
  </si>
  <si>
    <t>神(気水)第１－３７００号エアネスト株式会社</t>
  </si>
  <si>
    <t>神(気水)第１－３７０１号株式会社アイム</t>
  </si>
  <si>
    <t>神(気水)第１－３７０２号有限会社延明電気</t>
  </si>
  <si>
    <t>神(気水)第１－３７０３号株式会社山内設備</t>
  </si>
  <si>
    <t>神(気水)第１－３７０４号株式会社上田工業</t>
  </si>
  <si>
    <t>神(気水)第１－３７０５号トップエアー工業株式会社</t>
  </si>
  <si>
    <t>神(気水)第１－３７０６号有限会社セントラル空調サービス</t>
  </si>
  <si>
    <t>神(気水)第１－３７０７号株式会社エアサービス</t>
  </si>
  <si>
    <t>神(気水)第１－３７０８号共和真空技術株式会社　妻沼西工場</t>
  </si>
  <si>
    <t>神(気水)第１－３７０９号株式会社Ｓ・Ａ・Ｓ</t>
  </si>
  <si>
    <t>神(気水)第１－３７１０号美優希空調</t>
  </si>
  <si>
    <t>神(気水)第１－３７１１号オールラウンド・バズ</t>
  </si>
  <si>
    <t>神(気水)第１－３７１２号有限会社遠藤エンジニアリング</t>
  </si>
  <si>
    <t>神(気水)第１－３７１３号株式会社ワイアール設備</t>
  </si>
  <si>
    <t>神(気水)第１－３７１４号株式会社ファーム</t>
  </si>
  <si>
    <t>神(気水)第１－３７１５号株式会社ＡＩＲ</t>
  </si>
  <si>
    <t>神(気水)第１－３７１６号株式会社エマーク</t>
  </si>
  <si>
    <t>神(気水)第１－３７１７号池田総合設備</t>
  </si>
  <si>
    <t>神(気水)第１－３７１９号有限会社電化のマツダ</t>
  </si>
  <si>
    <t>神(気水)第１－３７２０号林商店</t>
  </si>
  <si>
    <t>神(気水)第１－３７２１号有限会社グローバル</t>
  </si>
  <si>
    <t>神(気水)第１－３７２２号ダイヤプラス株式会社</t>
  </si>
  <si>
    <t>神(気水)第１－３７２３号小田　洋平</t>
  </si>
  <si>
    <t>神(気水)第１－３７２４号株式会社パワーセラー</t>
  </si>
  <si>
    <t>神(気水)第１－３７２５号有限会社大三機工</t>
  </si>
  <si>
    <t>神(気水)第１－３７２６号株式会社ビルトワークス</t>
  </si>
  <si>
    <t>神(気水)第１－３７２７号誠電装美株式会社</t>
  </si>
  <si>
    <t>神(気水)第１－３７２８号株式会社ジャパンビジネスサポート</t>
  </si>
  <si>
    <t>神(気水)第１－３７２９号株式会社ＧＫサービス</t>
  </si>
  <si>
    <t>神(気水)第１－３７３０号伊藤電気</t>
  </si>
  <si>
    <t>神(気水)第１－３７３１号株式会社ワンユニティ</t>
  </si>
  <si>
    <t>神(気水)第１－３７３２号株式会社リフォーム・コンダクト</t>
  </si>
  <si>
    <t>神(気水)第１－３７３３号株式会社ビルメンテナンスサービス　東京営業所</t>
  </si>
  <si>
    <t>神(気水)第１－３７３４号株式会社ケーホープ</t>
  </si>
  <si>
    <t>神(気水)第１－３７３５号ｍｏｒｉｘ</t>
  </si>
  <si>
    <t>神(気水)第１－３７３６号カフナ</t>
  </si>
  <si>
    <t>神(気水)第１－３７３７号ハマクール株式会社</t>
  </si>
  <si>
    <t>神(気水)第１－３７３８号ナジコイーエス株式会社</t>
  </si>
  <si>
    <t>神(気水)第１－３７３９号株式会社ＡＣＣ</t>
  </si>
  <si>
    <t>神(気水)第１－３７４０号楢沢設備工業株式会社</t>
  </si>
  <si>
    <t>神(気水)第１－３７４１号有限会社システムコンフォート</t>
  </si>
  <si>
    <t>神(気水)第１－３７４２号株式会社アサミル</t>
  </si>
  <si>
    <t>神(気水)第１－３７４３号株式会社ディグリー</t>
  </si>
  <si>
    <t>神(気水)第１－３７４４号株式会社ユーテック</t>
  </si>
  <si>
    <t>神(気水)第１－３７４５号株式会社ジャパンオイルストーブ</t>
  </si>
  <si>
    <t>神(気水)第１－３７４６号木村管工株式会社　上瀬谷事業所</t>
  </si>
  <si>
    <t>神(気水)第１－３７４６号木村管工株式会社　資材再生プラント</t>
  </si>
  <si>
    <t>神(気水)第１－３７４６号木村管工株式会社　北町中間処理プラント</t>
  </si>
  <si>
    <t>神(気水)第１－３７４６号木村管工株式会社　保土ヶ谷今井事業所</t>
  </si>
  <si>
    <t>神(気水)第１－３７４６号木村管工株式会社　川崎岡上事業所</t>
  </si>
  <si>
    <t>神(気水)第１－３７４７号株式会社ハーベスト</t>
  </si>
  <si>
    <t>神(気水)第１－３７４８号フジ設備</t>
  </si>
  <si>
    <t>神(気水)第１－３７４９号有限会社アジロ空調</t>
  </si>
  <si>
    <t>神(気水)第１－３７５０号有限会社芦葉空調設備</t>
  </si>
  <si>
    <t>神(気水)第１－３７５１号株式会社ＴＥＣ　ＴＥＣＱ</t>
  </si>
  <si>
    <t>神(気水)第１－３７５２号Ｌｉｎｕｓ株式会社</t>
  </si>
  <si>
    <t>神(気水)第１－３７５３号株式会社テクスト</t>
  </si>
  <si>
    <t>神(気水)第１－３７５４号岩谷設備システム株式会社</t>
  </si>
  <si>
    <t>神(気水)第１－３７５５号株式会社総設</t>
  </si>
  <si>
    <t>神(気水)第１－３７５６号神奈川冷熱株式会社</t>
  </si>
  <si>
    <t>神(気水)第１－３７５７号有限会社オリオン冷熱</t>
  </si>
  <si>
    <t>神(気水)第１－３７５８号株式会社寛冷工</t>
  </si>
  <si>
    <t>神(気水)第１－３７５９号ＭＲＰ</t>
  </si>
  <si>
    <t>神(気水)第１－３７６０号株式会社ケーエスエンジニアリング</t>
  </si>
  <si>
    <t>神(気水)第１－３７６１号有限会社岡野</t>
  </si>
  <si>
    <t>神(気水)第１－３７６２号株式会社リフレッシュ</t>
  </si>
  <si>
    <t>神(気水)第１－３７６３号株式会社鈴木設備</t>
  </si>
  <si>
    <t>神(気水)第１－３７６４号有限会社忍興産</t>
  </si>
  <si>
    <t>神(気水)第１－３７６５号洋　冷機</t>
  </si>
  <si>
    <t>神(気水)第１－３７６６号小松原空調</t>
  </si>
  <si>
    <t>神(気水)第１－３７６９号株式会社ＹＯＮＡＩ</t>
  </si>
  <si>
    <t>神(気水)第１－３７７０号有限会社ユーアイサービス</t>
  </si>
  <si>
    <t>神(気水)第１－３７７１号協栄機電株式会社</t>
  </si>
  <si>
    <t>神(気水)第１－３７７２号ＴＨＩ　ＤＡ株式会社</t>
  </si>
  <si>
    <t>神(気水)第１－３７７３号有限会社アライズ</t>
  </si>
  <si>
    <t>神(気水)第１－３７７４号株式会社ユニテック</t>
  </si>
  <si>
    <t>神(気水)第１－３７７５号株式会社クリア空調</t>
  </si>
  <si>
    <t>神(気水)第１－３７７６号上野管工株式会社</t>
  </si>
  <si>
    <t>神(気水)第１－３７７７号ユタカ冷熱株式会社</t>
  </si>
  <si>
    <t>神(気水)第１－３７７８号株式会社菱豊電機</t>
  </si>
  <si>
    <t>神(気水)第１－３７７９号バンドーレイキサービス</t>
  </si>
  <si>
    <t>神(気水)第１－３７８０号伸弘テクノ株式会社</t>
  </si>
  <si>
    <t>神(気水)第１－３７８１号有限会社奥野空調</t>
  </si>
  <si>
    <t>神(気水)第１－３７８２号株式会社アイレイ</t>
  </si>
  <si>
    <t>神(気水)第１－３７８３号株式会社エアクラフトワークス</t>
  </si>
  <si>
    <t>神(気水)第１－３７８４号株式会社クマレイ</t>
  </si>
  <si>
    <t>神(気水)第１－３７８５号株式会社ファイブコアジャパン</t>
  </si>
  <si>
    <t>神(気水)第１－３７８６号株式会社ユアサデンキ</t>
  </si>
  <si>
    <t>神(気水)第１－３７８７号株式会社大空</t>
  </si>
  <si>
    <t>神(気水)第１－３７８８号株式会社空全設備</t>
  </si>
  <si>
    <t>神(気水)第１－３７８９号中部菱成株式会社　横浜営業所</t>
  </si>
  <si>
    <t>神(気水)第１－３７９０号ＧＯＯＤ　ＡＩＲ株式会社</t>
  </si>
  <si>
    <t>神(気水)第１－３７９１号株式会社ＩＮＴＥＣ</t>
  </si>
  <si>
    <t>神(気水)第１－３７９２号株式会社ＭＥＬＩＡ</t>
  </si>
  <si>
    <t>神(気水)第１－３７９３号株式会社コウセン</t>
  </si>
  <si>
    <t>神(気水)第１－３７９４号有限会社空調工業</t>
  </si>
  <si>
    <t>神(気水)第１－３７９５号中島設備</t>
  </si>
  <si>
    <t>神(気水)第１－３７９６号トーエイ工業株式会社</t>
  </si>
  <si>
    <t>神(気水)第１－３７９７号株式会社ＴＥＣサービス</t>
  </si>
  <si>
    <t>神(気水)第１－３７９８号株式会社第一・システム</t>
  </si>
  <si>
    <t>神(気水)第１－３８００号有限会社和田電機</t>
  </si>
  <si>
    <t>神(気水)第１－３８０１号株式会社ヤマト横浜支店</t>
  </si>
  <si>
    <t>神(気水)第１－３８０２号株式会社Ｐ-Ｌｉｎｋ</t>
  </si>
  <si>
    <t>神(気水)第１－３８０３号Ｎ－ｓｔｙｌｅ</t>
  </si>
  <si>
    <t>神(気水)第１－３８０４号さくら空調サービス</t>
  </si>
  <si>
    <t>神(気水)第１－３８０５号石井空学株式会社</t>
  </si>
  <si>
    <t>神(気水)第１－３８０６号三豊工業株式会社</t>
  </si>
  <si>
    <t>神(気水)第１－３８０７号エムプロテック株式会社</t>
  </si>
  <si>
    <t>神(気水)第１－３８０８号髙橋電設株式会社</t>
  </si>
  <si>
    <t>神(気水)第１－３８０９号株式会社広島設備開発</t>
  </si>
  <si>
    <t>神(気水)第１－３８１０号パーストワン株式会社</t>
  </si>
  <si>
    <t>神(気水)第１－３８１１号有限会社ワークス</t>
  </si>
  <si>
    <t>神(気水)第１－３８１２号株式会社アトム</t>
  </si>
  <si>
    <t>神(気水)第１－３８１３号Ｖｏｌｔ株式会社</t>
  </si>
  <si>
    <t>神(気水)第１－３８１４号有限会社鈴木電機工業所</t>
  </si>
  <si>
    <t>神(気水)第１－３８１５号有限会社大伸冷熱</t>
  </si>
  <si>
    <t>神(気水)第１－３８１６号株式会社環境総研</t>
  </si>
  <si>
    <t>神(気水)第１－３８１７号京阪空調工業株式会社　関西営業所京都</t>
  </si>
  <si>
    <t>神(気水)第１－３８１７号京阪空調工業株式会社　関西営業所大阪</t>
  </si>
  <si>
    <t>神(気水)第１－３８１７号京阪空調工業株式会社　東京営業所</t>
  </si>
  <si>
    <t>神(気水)第１－３８１８号ＮｅｘｔＡｉｒ　株式会社</t>
  </si>
  <si>
    <t>神(気水)第１－３８１９号山下冷熱設備</t>
  </si>
  <si>
    <t>神(気水)第１－３８２０号株式会社ウィード空調</t>
  </si>
  <si>
    <t>神(気水)第１－３８２１号友和設備</t>
  </si>
  <si>
    <t>神(気水)第１－３８２２号Ｕ・Ａ・Ｗ株式会社</t>
  </si>
  <si>
    <t>神(気水)第１－３８２３号株式会社ユーテック</t>
  </si>
  <si>
    <t>神(気水)第１－３８２４号株式会社Ｋ＆Ｌ</t>
  </si>
  <si>
    <t>神(気水)第１－３８２５号株式会社明石工業</t>
  </si>
  <si>
    <t>神(気水)第１－３８２６号株式会社フィールドライン</t>
  </si>
  <si>
    <t>神(気水)第１－３８２７号株式会社モチーフ</t>
  </si>
  <si>
    <t>神(気水)第１－３８２８号株式会社Ｒ．Ｈｏｍｅ</t>
  </si>
  <si>
    <t>神(気水)第１－３８２９号タワーエンジニアリング株式会社</t>
  </si>
  <si>
    <t>神(気水)第１－３８３０号正和空調工業株式会社</t>
  </si>
  <si>
    <t>神(気水)第１－３８３１号株式会社　エム・エイチ・ケイ</t>
  </si>
  <si>
    <t>神(気水)第１－３８３２号有限会社クロダ冷熱</t>
  </si>
  <si>
    <t>神(気水)第１－３８３３号エアテック杉山</t>
  </si>
  <si>
    <t>神(気水)第１－３８３４号有限会社ホームテック</t>
  </si>
  <si>
    <t>神(気水)第１－３８３５号有限会社沼部設備</t>
  </si>
  <si>
    <t>神(気水)第１－３８３７号株式会社勇真設備</t>
  </si>
  <si>
    <t>神(気水)第１－３８３８号ダイワエアコン</t>
  </si>
  <si>
    <t>神(気水)第１－３８３９号白石空調設備</t>
  </si>
  <si>
    <t>神(気水)第１－３８４０号株式会社東海無線電機商会</t>
  </si>
  <si>
    <t>神(気水)第１－３８４１号株式会社ＦＬＯＷＳ</t>
  </si>
  <si>
    <t>神(気水)第１－３８４２号有限会社オールブルー</t>
  </si>
  <si>
    <t>神(気水)第１－３８４３号エスペックサーマルテックシステム株式会社</t>
  </si>
  <si>
    <t>神(気水)第１－３８４４号有限会社明誠工業</t>
  </si>
  <si>
    <t>神(気水)第１－３８４５号稲葉エンジニアリング</t>
  </si>
  <si>
    <t>神(気水)第１－３８４７号日本エアテック株式会社</t>
  </si>
  <si>
    <t>神(気水)第１－３８４８号株式会社さつき電設</t>
  </si>
  <si>
    <t>神(気水)第１－３８４９号有限会社アクア電工</t>
  </si>
  <si>
    <t>神(気水)第１－３８５０号富士冷機工業</t>
  </si>
  <si>
    <t>神(気水)第１－３８５１号ユラボジャパン株式会社</t>
  </si>
  <si>
    <t>神(気水)第１－３８５２号株式会社エアコンサービスニシオ</t>
  </si>
  <si>
    <t>神(気水)第１－３８５３号株式会社ｆｏｒｅｓｔｅｃｈ</t>
  </si>
  <si>
    <t>神(気水)第１－３８５４号アローネクサス</t>
  </si>
  <si>
    <t>神(気水)第１－３８５５号株式会社成美</t>
  </si>
  <si>
    <t>神(気水)第１－３８５６号有限会社大協サービス</t>
  </si>
  <si>
    <t>神(気水)第１－３８５７号日本空調株式会社</t>
  </si>
  <si>
    <t>神(気水)第１－３８５８号ＭＡＣ株式会社</t>
  </si>
  <si>
    <t>神(気水)第１－３８５９号株式会社トクダ電設</t>
  </si>
  <si>
    <t>神(気水)第１－３８６０号株式会社木嶋興業</t>
  </si>
  <si>
    <t>神(気水)第１－３８６１号有限会社嶋田電機工業</t>
  </si>
  <si>
    <t>神(気水)第１－３８６２号タケチ空調</t>
  </si>
  <si>
    <t>神(気水)第１－３８６３号株式会社ブレス</t>
  </si>
  <si>
    <t>神(気水)第１－３８６４号株式会社トータルアシスト</t>
  </si>
  <si>
    <t>神(気水)第１－３８６５号鈴木電気</t>
  </si>
  <si>
    <t>神(気水)第１－３８６６号株式会社Ｄ　ＮＥＸＴ</t>
  </si>
  <si>
    <t>神(気水)第１－３８６７号株式会社秋山空調</t>
  </si>
  <si>
    <t>神(気水)第１－３８６８号福田電気</t>
  </si>
  <si>
    <t>神(気水)第１－３８６９号株式会社Ｌｉｆｅ　Ｅｎｇｉｎｅｅｒ</t>
  </si>
  <si>
    <t>神(気水)第１－３８７０号株式会社染谷</t>
  </si>
  <si>
    <t>神(気水)第１－３８７１号ピーロジカル株式会社</t>
  </si>
  <si>
    <t>神(気水)第１－３８７２号株式会社Ｂｒｅｅｚｅ</t>
  </si>
  <si>
    <t>神(気水)第１－３８７３号有限会社真和サービス</t>
  </si>
  <si>
    <t>神(気水)第１－３８７４号Ｌｉｆｅ　Ｅｄｇｅ</t>
  </si>
  <si>
    <t>神(気水)第１－３８７６号株式会社天雲美創</t>
  </si>
  <si>
    <t>神(気水)第１－３８７８号東工サービス有限会社</t>
  </si>
  <si>
    <t>神(気水)第１－３８７９号久保住設</t>
  </si>
  <si>
    <t>神(気水)第１－３８８０号株式会社ケイアンドエスブラザーズ</t>
  </si>
  <si>
    <t>神(気水)第１－３８８１号有限会社ワタナベ電機商会</t>
  </si>
  <si>
    <t>神(気水)第１－３８８２号ケー・エム・エス株式会社</t>
  </si>
  <si>
    <t>神(気水)第１－３８８３号株式会社ハタナカ空調</t>
  </si>
  <si>
    <t>神(気水)第１－３８８４号パナソニック産機システムズ株式会社　コールドチェーン事業本部　営業統括部　首都圏営業部　神奈川営業所</t>
  </si>
  <si>
    <t>神(気水)第１－３８８４号パナソニック産機システムズ株式会社</t>
  </si>
  <si>
    <t>神(気水)第１－３８８５号株式会社安達空調サービス</t>
  </si>
  <si>
    <t>神(気水)第１－３８８６号Ｔｒｕｓｔ</t>
  </si>
  <si>
    <t>神(気水)第１－３８８７号株式会社寺田冷機</t>
  </si>
  <si>
    <t>神(気水)第１－３８８９号株式会社ＤＦＣｐｌａｎｔ</t>
  </si>
  <si>
    <t>神(気水)第１－３８９０号有限会社誠冷熱工業</t>
  </si>
  <si>
    <t>神(気水)第１－３８９１号株式会社ＫＣＭ</t>
  </si>
  <si>
    <t>神(気水)第１－３８９２号ＴＲＹ　ＷＯＲＫＳ</t>
  </si>
  <si>
    <t>神(気水)第１－３８９３号株式会社古川空調</t>
  </si>
  <si>
    <t>神(気水)第１－３８９４号株式会社ＡｉｒＲｉｓｅ</t>
  </si>
  <si>
    <t>神(気水)第１－３８９５号株式会社シモヤマ空調</t>
  </si>
  <si>
    <t>神(気水)第１－３８９６号株式会社ＹＫＢジャパン</t>
  </si>
  <si>
    <t>神(気水)第１－３８９７号有限会社大平堂</t>
  </si>
  <si>
    <t>神(気水)第１－３８９８号株式会社ＫＮサービス</t>
  </si>
  <si>
    <t>神(気水)第１－３８９９号株式会社冷電社</t>
  </si>
  <si>
    <t>神(気水)第１－３９００号森山メンテナンス株式会社</t>
  </si>
  <si>
    <t>神(気水)第１－３９０１号ＩＭＣ　ｉｎｔｅｃ</t>
  </si>
  <si>
    <t>神(気水)第１－３９０２号富繁産業株式会社</t>
  </si>
  <si>
    <t>神(気水)第１－３９０３号有限会社ハナダ設備工業</t>
  </si>
  <si>
    <t>神(気水)第１－３９０４号有限会社共伸空調設備</t>
  </si>
  <si>
    <t>神(気水)第１－３９０５号株式会社石山商会</t>
  </si>
  <si>
    <t>神(気水)第１－３９０６号虹色建装株式会社</t>
  </si>
  <si>
    <t>神(気水)第１－３９０７号株式会社クラフト・エー</t>
  </si>
  <si>
    <t>神(気水)第１－３９０８号ユウキ空調</t>
  </si>
  <si>
    <t>神(気水)第１－３９０９号新日本物流株式会社　リサイクルセンター</t>
  </si>
  <si>
    <t>神(気水)第１－３９１０号東進熱工業株式会社</t>
  </si>
  <si>
    <t>神(気水)第１－３９１１号株式会社明空社</t>
  </si>
  <si>
    <t>神(気水)第１－３９１２号ユナイテッド工業株式会社</t>
  </si>
  <si>
    <t>神(気水)第１－３９１３号有限会社明秀設備</t>
  </si>
  <si>
    <t>神(気水)第１－３９１４号株式会社ワイズエムシステム</t>
  </si>
  <si>
    <t>神(気水)第１－３９１５号株式会社オールメンテナンス</t>
  </si>
  <si>
    <t>神(気水)第１－３９１６号オオクマ電工株式会社</t>
  </si>
  <si>
    <t>神(気水)第１－３９１７号花方冷暖</t>
  </si>
  <si>
    <t>神(気水)第１－３９１８号株式会社ブライトオール</t>
  </si>
  <si>
    <t>神(気水)第１－３９１９号株式会社加賀空調</t>
  </si>
  <si>
    <t>神(気水)第１－３９２０号株式会社八設</t>
  </si>
  <si>
    <t>神(気水)第１－３９２１号株式会社コグレ　太田営業所</t>
  </si>
  <si>
    <t>神(気水)第１－３９２２号有限会社ヤマフジ設備</t>
  </si>
  <si>
    <t>神(気水)第１－３９２３号翔電舎</t>
  </si>
  <si>
    <t>神(気水)第１－３９２４号京葉冷熱工業株式会社</t>
  </si>
  <si>
    <t>神(気水)第１－３９２５号松井興業株式会社</t>
  </si>
  <si>
    <t>神(気水)第１－３９２６号株式会社喜多　本店</t>
  </si>
  <si>
    <t>神(気水)第１－３９２７号株式会社樋口常三郎商店</t>
  </si>
  <si>
    <t>神(気水)第１－３９２８号スズキ電機空調</t>
  </si>
  <si>
    <t>神(気水)第１－３９２９号Ｇ．Ｔ　ＷＯＲＫＳ株式会社</t>
  </si>
  <si>
    <t>神(気水)第１－３９３０号大塚空調サービス</t>
  </si>
  <si>
    <t>神(気水)第１－３９３１号空調工事　碇矢　豊大</t>
  </si>
  <si>
    <t>神(気水)第１－３９３２号株式会社ＪＵＫＩ．ＮＥＴ</t>
  </si>
  <si>
    <t>神(気水)第１－３９３３号ハナブサ空調工業</t>
  </si>
  <si>
    <t>神(気水)第１－３９３４号ＮＥＷ　ＡＩＲ株式会社</t>
  </si>
  <si>
    <t>神(気水)第１－３９３５号有限会社庭電社</t>
  </si>
  <si>
    <t>神(気水)第１－３９３６号株式会社エアーエース</t>
  </si>
  <si>
    <t>神(気水)第１－３９３７号プロマスト株式会社</t>
  </si>
  <si>
    <t>神(気水)第１－３９３８号株式会社𠮷電設</t>
  </si>
  <si>
    <t>神(気水)第１－３９３９号株式会社テクニカン</t>
  </si>
  <si>
    <t>神(気水)第１－３９４０号古市電機株式会社</t>
  </si>
  <si>
    <t>神(気水)第１－３９４１号株式会社ＴＨＤ</t>
  </si>
  <si>
    <t>神(気水)第１－３９４２号株式会社Ｋ’ＡＩＲ　Ｓｙｓｔｅｍ</t>
  </si>
  <si>
    <t>神(気水)第１－３９４３号株式会社ＢＲＡＴ　ＡＩＲ</t>
  </si>
  <si>
    <t>神(気水)第１－３９４４号有限会社新和設備</t>
  </si>
  <si>
    <t>神(気水)第１－３９４５号株式会社川上空調</t>
  </si>
  <si>
    <t>神(気水)第１－３９４６号株式会社シエル空調</t>
  </si>
  <si>
    <t>神(気水)第１－３９４７号有限会社関空調設備サービス</t>
  </si>
  <si>
    <t>神(気水)第１－３９４８号株式会社明正</t>
  </si>
  <si>
    <t>神(気水)第１－３９４９号株式会社ＯＣＳ</t>
  </si>
  <si>
    <t>神(気水)第１－３９５０号株式会社桂設</t>
  </si>
  <si>
    <t>神(気水)第１－３９５１号合同会社ｃａｎ空調設備</t>
  </si>
  <si>
    <t>神(気水)第１－３９５２号相模機剤株式会社</t>
  </si>
  <si>
    <t>神(気水)第１－３９５３号株式会社日本電気システム　神奈川支店</t>
  </si>
  <si>
    <t>神(気水)第１－３９５４号悠空サービス</t>
  </si>
  <si>
    <t>神(気水)第１－３９５５号つぼい工業株式会社</t>
  </si>
  <si>
    <t>神(気水)第１－３９５６号新智電設工業有限会社</t>
  </si>
  <si>
    <t>神(気水)第１－３９５７号入木田電子</t>
  </si>
  <si>
    <t>神(気水)第１－３９５８号なかまサポート株式会社</t>
  </si>
  <si>
    <t>神(気水)第１－３９５９号株式会社ｓｔｙｌｅ　Ｎ</t>
  </si>
  <si>
    <t>神(気水)第１－３９６０号新成空調工業株式会社</t>
  </si>
  <si>
    <t>神(気水)第１－３９６１号株式会社三機工　前橋営業所</t>
  </si>
  <si>
    <t>神(気水)第１－３９６２号有限会社昭友工業</t>
  </si>
  <si>
    <t>神(気水)第１－３９６３号有限会社中央電気サービス</t>
  </si>
  <si>
    <t>神(気水)第１－３９６４号Ｃｏｏｌ　Ｃａｔ</t>
  </si>
  <si>
    <t>神(気水)第１－３９６５号株式会社ＡＲＭ電機</t>
  </si>
  <si>
    <t>神(気水)第１－３９６６号株式会社ホウエイ関東</t>
  </si>
  <si>
    <t>神(気水)第１－３９６７号有限会社徳栄電機商会</t>
  </si>
  <si>
    <t>神(気水)第１－３９６９号株式会社E-TEC</t>
  </si>
  <si>
    <t>神(気水)第１－３９７０号ＭＡＸＩＭＡ合同会社</t>
  </si>
  <si>
    <t>神(気水)第１－３９７１号株式会社京葉住建</t>
  </si>
  <si>
    <t>神(気水)第１－３９７２号ｏｋｉｋｕｍａ</t>
  </si>
  <si>
    <t>神(気水)第１－３９７３号上尾冷熱有限会社</t>
  </si>
  <si>
    <t>神(気水)第１－３９７４号株式会社星ヶ丘</t>
  </si>
  <si>
    <t>神(気水)第１－３９７５号株式会社ＲＥプロジェクトＥＸＩＴ</t>
  </si>
  <si>
    <t>神(気水)第１－３９７６号大光空調株式会社</t>
  </si>
  <si>
    <t>神(気水)第１－３９７７号株式会社ハンエアーシステム</t>
  </si>
  <si>
    <t>神(気水)第１－３９７８号株式会社建土興運</t>
  </si>
  <si>
    <t>神(気水)第１－３９７９号キングランリニューアル株式会社</t>
  </si>
  <si>
    <t>神(気水)第１－３９８０号株式会社エアコン名人</t>
  </si>
  <si>
    <t>神(気水)第１－３９８１号有限会社小坂設備</t>
  </si>
  <si>
    <t>神(気水)第１－３９８２号株式会社大船住設</t>
  </si>
  <si>
    <t>神(気水)第１－３９８３号株式会社エーアンドティー企画</t>
  </si>
  <si>
    <t>神(気水)第１－３９８４号スマートメンテ</t>
  </si>
  <si>
    <t>神(気水)第１－３９８５号オザマ冷機</t>
  </si>
  <si>
    <t>神(気水)第１－３９８６号株式会社FLAT</t>
  </si>
  <si>
    <t>神(気水)第１－３９８７号インフィニティテクノ株式会社</t>
  </si>
  <si>
    <t>神(気水)第１－３９８８号株式会社イー・エフ・エス</t>
  </si>
  <si>
    <t>神(気水)第１－３９８９号株式会社二十二設備</t>
  </si>
  <si>
    <t>神(気水)第１－３９９０号吉田冷熱</t>
  </si>
  <si>
    <t>神(気水)第１－３９９１号株式会社不二空調設備</t>
  </si>
  <si>
    <t>神(気水)第１－３９９２号金城空調設備</t>
  </si>
  <si>
    <t>神(気水)第１－３９９３号株式会社大和</t>
  </si>
  <si>
    <t>神(気水)第１－３９９４号吉野エアテクノス</t>
  </si>
  <si>
    <t>神(気水)第１－３９９５号株式会社関総業</t>
  </si>
  <si>
    <t>神(気水)第１－３９９６号株式会社菅野空調</t>
  </si>
  <si>
    <t>神(気水)第１－３９９８号株式会社イーファス</t>
  </si>
  <si>
    <t>神(気水)第１－３９９９号ハッピース有限会社</t>
  </si>
  <si>
    <t>神(気水)第１－４０００号株式会社ＳＴＥ</t>
  </si>
  <si>
    <t>神(気水)第１－４００１号有限会社フタバ電機設備</t>
  </si>
  <si>
    <t>神(気水)第１－４００２号株式会社三和システム</t>
  </si>
  <si>
    <t>神(気水)第１－４００３号ＴＯＵＴＯエンジニアリング</t>
  </si>
  <si>
    <t>神(気水)第１－４００４号勝新工業株式会社</t>
  </si>
  <si>
    <t>神(気水)第１－４００５号株式会社中部テクノ</t>
  </si>
  <si>
    <t>神(気水)第１－４００６号株式会社小林工業所</t>
  </si>
  <si>
    <t>神(気水)第１－４００７号ホーコー産業株式会社</t>
  </si>
  <si>
    <t>神(気水)第１－４００８号株式会社ＴＳＡＲ　さいたま営業所</t>
  </si>
  <si>
    <t>神(気水)第１－４００９号株式会社ケイエムシステム</t>
  </si>
  <si>
    <t>神(気水)第１－４０１０号株式会社ベーカーエンジニアリング　本社</t>
  </si>
  <si>
    <t>神(気水)第１－４０１１号有限会社協和冷熱</t>
  </si>
  <si>
    <t>神(気水)第１－４０１２号アベテクノサービス</t>
  </si>
  <si>
    <t>神(気水)第１－４０１３号株式会社ＹＵＩＴＥＣ</t>
  </si>
  <si>
    <t>神(気水)第１－４０１４号株式会社トップエアサービス</t>
  </si>
  <si>
    <t>神(気水)第１－４０１５号株式会社ＡＲＧＯＳ</t>
  </si>
  <si>
    <t>神(気水)第１－４０１６号株式会社伸友工業</t>
  </si>
  <si>
    <t>神(気水)第１－４０１７号藤丸空調設備株式会社</t>
  </si>
  <si>
    <t>神(気水)第１－４０１８号Ｋｅｉ株式会社</t>
  </si>
  <si>
    <t>神(気水)第１－４０１９号株式会社エスイーワークス</t>
  </si>
  <si>
    <t>神(気水)第１－４０２０号リバー株式会社　相模原事業所</t>
  </si>
  <si>
    <t>神(気水)第１－４０２１号杭州機械</t>
  </si>
  <si>
    <t>神(気水)第１－４０２２号株式会社エムテックサービス</t>
  </si>
  <si>
    <t>神(気水)第１－４０２３号新英プラント株式会社</t>
  </si>
  <si>
    <t>神(気水)第１－４０２４号エレクター株式会社</t>
  </si>
  <si>
    <t>神(気水)第１－４０２５号株式会社田中テレビサービス</t>
  </si>
  <si>
    <t>神(気水)第１－４０２６号黒澤メンテナンス</t>
  </si>
  <si>
    <t>神(気水)第１－４０２７号ユアサ商事株式会社　関東物流センター　柏倉庫</t>
  </si>
  <si>
    <t>神(気水)第１－４０２８号聖帝空調合同会社</t>
  </si>
  <si>
    <t>神(気水)第１－４０２９号有限会社マエナカ</t>
  </si>
  <si>
    <t>神(気水)第１－４０３０号橋本空調</t>
  </si>
  <si>
    <t>神(気水)第１－４０３１号株式会社エアテクノサービス</t>
  </si>
  <si>
    <t>神(気水)第１－４０３２号有限会社ハルシステムサービス</t>
  </si>
  <si>
    <t>神(気水)第１－４０３４号ＭＲＣ　ＡＩＲ　ＴＥＣ</t>
  </si>
  <si>
    <t>神(気水)第１－４０３５号上田設備株式会社</t>
  </si>
  <si>
    <t>神(気水)第１－４０３６号株式会社ＬＤＩ</t>
  </si>
  <si>
    <t>神(気水)第１－４０３７号Ｓ－ＰＬＡＮＴ株式会社</t>
  </si>
  <si>
    <t>神(気水)第１－４０３８号株式会社ベルノ　神奈川出張所</t>
  </si>
  <si>
    <t>神(気水)第１－４０３９号株式会社ＮＫＴ設備</t>
  </si>
  <si>
    <t>神(気水)第１－４０４０号寺澤空調株式会社</t>
  </si>
  <si>
    <t>神(気水)第１－４０４１号株式会社コシムラ</t>
  </si>
  <si>
    <t>神(気水)第１－４０４２号株式会社Ｎ・Ｓ・Ｅ</t>
  </si>
  <si>
    <t>神(気水)第１－４０４３号信建総合設備株式会社</t>
  </si>
  <si>
    <t>神(気水)第１－４０４４号株式会社ＴＳサービス</t>
  </si>
  <si>
    <t>神(気水)第１－４０４５号株式会社イーネット</t>
  </si>
  <si>
    <t>神(気水)第１－４０４６号玉川空調工業株式会社</t>
  </si>
  <si>
    <t>神(気水)第１－４０４７号トーテック株式会社</t>
  </si>
  <si>
    <t>神(気水)第１－４０４８号有限会社ティーティーエンジニアリング</t>
  </si>
  <si>
    <t>神(気水)第１－４０４９号ＮｅｘｔＳｔａｇｅ株式会社</t>
  </si>
  <si>
    <t>神(気水)第１－４０５０号川島電化サービス</t>
  </si>
  <si>
    <t>神(気水)第１－４０５１号ＮＥＸＴ株式会社</t>
  </si>
  <si>
    <t>神(気水)第１－４０５２号株式会社落合工務店</t>
  </si>
  <si>
    <t>神(気水)第１－４０５３号鹿島環境設備株式会社</t>
  </si>
  <si>
    <t>神(気水)第１－４０５４号Ｋ．ＴｒａｎｓＤｒｉｖｅ株式会社</t>
  </si>
  <si>
    <t>神(気水)第１－４０５５号クラフト設備株式会社</t>
  </si>
  <si>
    <t>神(気水)第１－４０５６号有限会社エム＆エー企画</t>
  </si>
  <si>
    <t>神(気水)第１－４０５７号株式会社信栄空調</t>
  </si>
  <si>
    <t>神(気水)第１－４０５８号研冷工業株式会社</t>
  </si>
  <si>
    <t>神(気水)第１－４０５９号株式会社大和エアサプライ</t>
  </si>
  <si>
    <t>神(気水)第１－４０６０号カマタ設備</t>
  </si>
  <si>
    <t>神(気水)第１－４０６１号新日空サービス株式会社</t>
  </si>
  <si>
    <t>神(気水)第１－４０６２号向笠　博美</t>
  </si>
  <si>
    <t>神(気水)第１－４０６３号株式会社Ａ＆Ｃサービス</t>
  </si>
  <si>
    <t>神(気水)第１－４０６４号有限会社シダ</t>
  </si>
  <si>
    <t>神(気水)第１－４０６５号株式会社フロンツリー</t>
  </si>
  <si>
    <t>神(気水)第１－４０６６号元気でんき株式会社　埼玉店</t>
  </si>
  <si>
    <t>神(気水)第１－４０６８号株式会社ヒーバックシステム</t>
  </si>
  <si>
    <t>神(気水)第１－４０６９号株式会社ニッポー</t>
  </si>
  <si>
    <t>神(気水)第１－４０７０号畠山空調設備</t>
  </si>
  <si>
    <t>神(気水)第１－４０７１号株式会社Ｋ・Ｍワークス</t>
  </si>
  <si>
    <t>神(気水)第１－４０７２号パックエイト株式会社</t>
  </si>
  <si>
    <t>神(気水)第１－４０７３号吉田空調</t>
  </si>
  <si>
    <t>神(気水)第１－４０７４号株式会社北鎌電設</t>
  </si>
  <si>
    <t>神(気水)第１－４０７５号株式会社ＴＥＳ</t>
  </si>
  <si>
    <t>神(気水)第１－４０７６号有限会社中村設備</t>
  </si>
  <si>
    <t>神(気水)第１－４０７７号株式会社開盛</t>
  </si>
  <si>
    <t>神(気水)第１－４０７８号フロン回収・破壊協同組合</t>
  </si>
  <si>
    <t>神(気水)第１－４０７９号八王子空調株式会社</t>
  </si>
  <si>
    <t>神(気水)第１－４０８０号アグラバ株式会社</t>
  </si>
  <si>
    <t>神(気水)第１－４０８１号株式会社エコアス</t>
  </si>
  <si>
    <t>神(気水)第１－４０８２号株式会社近洋</t>
  </si>
  <si>
    <t>神(気水)第１－４０８３号株式会社桜井電気商会</t>
  </si>
  <si>
    <t>神(気水)第１－４０８４号合同会社ＭＩＡ</t>
  </si>
  <si>
    <t>神(気水)第１－４０８５号株式会社エアテック中部</t>
  </si>
  <si>
    <t>神(気水)第１－４０８６号山﨑設備</t>
  </si>
  <si>
    <t>神(気水)第１－４０８７号株式会社白石電設</t>
  </si>
  <si>
    <t>神(気水)第１－４０８８号千代田空調</t>
  </si>
  <si>
    <t>神(気水)第１－４０８９号株式会社Ｅｉｆｅｒ</t>
  </si>
  <si>
    <t>神(気水)第１－４０９０号エアーズ株式会社</t>
  </si>
  <si>
    <t>神(気水)第１－４０９１号ＫＥ・ＯＳマシナリー株式会社</t>
  </si>
  <si>
    <t>神(気水)第１－４０９２号有限会社大森興業</t>
  </si>
  <si>
    <t>神(気水)第１－４０９３号株式会社杉本空調設備</t>
  </si>
  <si>
    <t>神(気水)第１－４０９４号株式会社ミナカミ空調</t>
  </si>
  <si>
    <t>神(気水)第１－４０９５号飛航空調</t>
  </si>
  <si>
    <t>神(気水)第１－４０９６号冨田総建</t>
  </si>
  <si>
    <t>神(気水)第１－４０９７号株式会社ＨＯＵＥＩ　ＴＥＣ</t>
  </si>
  <si>
    <t>神(気水)第１－４０９８号株式会社コウケン</t>
  </si>
  <si>
    <t>神(気水)第１－４０９９号株式会社康安</t>
  </si>
  <si>
    <t>神(気水)第１－４１００号ＥＮｊоｙｓ</t>
  </si>
  <si>
    <t>神(気水)第１－４１０１号日伸技研工業</t>
  </si>
  <si>
    <t>神(気水)第１－４１０２号イーアールエス株式会社</t>
  </si>
  <si>
    <t>神(気水)第１－４１０３号全翔冷電株式会社</t>
  </si>
  <si>
    <t>神(気水)第１－４１０４号有限会社ティーズルーム</t>
  </si>
  <si>
    <t>神(気水)第１－４１０５号株式会社若林設備工業</t>
  </si>
  <si>
    <t>神(気水)第１－４１０６号UNIガス設備株式会社</t>
  </si>
  <si>
    <t>神(気水)第１－４１０７号小林空調興業株式会社</t>
  </si>
  <si>
    <t>神(気水)第１－４１０８号ニチビル株式会社</t>
  </si>
  <si>
    <t>神(気水)第１－４１０９号株式会社ケイリード</t>
  </si>
  <si>
    <t>神(気水)第１－４１１１号宮澤　厳郎</t>
  </si>
  <si>
    <t>神(気水)第１－４１１２号株式会社順映工業</t>
  </si>
  <si>
    <t>神(気水)第１－４１１３号ひかり電工社</t>
  </si>
  <si>
    <t>神(気水)第１－４１１４号千葉エンジニアリング合同会社</t>
  </si>
  <si>
    <t>神(気水)第１－４１１５号株式会社小林空調サービス</t>
  </si>
  <si>
    <t>神(気水)第１－４１１６号ミカタ株式会社</t>
  </si>
  <si>
    <t>神(気水)第１－４１１７号株式会社ワイコネクト</t>
  </si>
  <si>
    <t>神(気水)第１－４１１８号土屋空調設備</t>
  </si>
  <si>
    <t>神(気水)第１－４１１９号株式会社関東クリエイト</t>
  </si>
  <si>
    <t>神(気水)第１－４１２０号株式会社ミルスペック</t>
  </si>
  <si>
    <t>神(気水)第１－４１２１号有限会社浅草松葉</t>
  </si>
  <si>
    <t>神(気水)第１－４１２２号サイワイ冷機</t>
  </si>
  <si>
    <t>神(気水)第１－４１２３号有限会社サテライト</t>
  </si>
  <si>
    <t>神(気水)第１－４１２３号有限会社サテライト　川崎・中之島営業所</t>
  </si>
  <si>
    <t>神(気水)第１－４１２４号大庭　亮人</t>
  </si>
  <si>
    <t>神(気水)第１－４１２５号株式会社シュウテクノ</t>
  </si>
  <si>
    <t>神(気水)第１－４１２６号株式会社小嶋空調</t>
  </si>
  <si>
    <t>神(気水)第１－４１２７号株式会社ＳＩＫ</t>
  </si>
  <si>
    <t>神(気水)第１－４１２８号ＳＨＩＩＮＡ　ＤＥＮＫＩ</t>
  </si>
  <si>
    <t>神(気水)第１－４１２９号ベイスメント株式会社</t>
  </si>
  <si>
    <t>神(気水)第１－４１３０号株式会社光征工業</t>
  </si>
  <si>
    <t>神(気水)第１－４１３１号有限会社アイシン商事</t>
  </si>
  <si>
    <t>神(気水)第１－４１３２号合同会社サンブラン</t>
  </si>
  <si>
    <t>神(気水)第１－４１３３号ユーケン空調</t>
  </si>
  <si>
    <t>神(気水)第１－４１３４号株式会社英工業</t>
  </si>
  <si>
    <t>神(気水)第１－４１３５号遠藤設備有限会社</t>
  </si>
  <si>
    <t>神(気水)第１－４１３６号株式会社コサカ　さいたま機材センター</t>
  </si>
  <si>
    <t>神(気水)第１－４１３７号株式会社中部エアークリーナー</t>
  </si>
  <si>
    <t>神(気水)第１－４１３８号株式会社長井設備</t>
  </si>
  <si>
    <t>神(気水)第１－４１３９号株式会社ＹＫ空調</t>
  </si>
  <si>
    <t>神(気水)第１－４１４０号有限会社晴美商会</t>
  </si>
  <si>
    <t>神(気水)第１－４１４１号超冷工機システムズ株式会社</t>
  </si>
  <si>
    <t>神(気水)第１－４１４２号カインド空調</t>
  </si>
  <si>
    <t>神(気水)第１－４１４３号守屋電気空調</t>
  </si>
  <si>
    <t>神(気水)第１－４１４４号有限会社星野レイキ</t>
  </si>
  <si>
    <t>神(気水)第１－４１４５号株式会社ワン・エイト</t>
  </si>
  <si>
    <t>神(気水)第１－４１４６号有限会社ライフ・サポート</t>
  </si>
  <si>
    <t>神(気水)第１－４１４７号有限会社清明エンジニアリング</t>
  </si>
  <si>
    <t>神(気水)第１－４１４８号株式会社電商メンテックス</t>
  </si>
  <si>
    <t>神(気水)第１－４１４９号株式会社Ｔｈｏｒ</t>
  </si>
  <si>
    <t>神(気水)第１－４１５０号株式会社アサミハウジング</t>
  </si>
  <si>
    <t>神(気水)第１－４１５１号株式会社サンゲート</t>
  </si>
  <si>
    <t>神(気水)第１－４１５２号東京環境保全株式会社</t>
  </si>
  <si>
    <t>神(気水)第１－４１５３号株式会社エアコン・メンテ・サービス</t>
  </si>
  <si>
    <t>神(気水)第１－４１５４号株式会社カネデン</t>
  </si>
  <si>
    <t>神(気水)第１－４１５５号有限会社テクノサプライ</t>
  </si>
  <si>
    <t>神(気水)第１－４１５６号有限会社ハレー空調サービス</t>
  </si>
  <si>
    <t>神(気水)第１－４１５７号株式会社サンクスレート</t>
  </si>
  <si>
    <t>神(気水)第１－４１５８号増尾　勇雄</t>
  </si>
  <si>
    <t>神(気水)第１－４１５９号株式会社須藤電気</t>
  </si>
  <si>
    <t>神(気水)第１－４１６０号サン冷熱サービス</t>
  </si>
  <si>
    <t>神(気水)第１－４１６１号株式会社ＬｉｎｇＴｅＸ</t>
  </si>
  <si>
    <t>神(気水)第１－４１６２号株式会社Ｙ－ＨＯＭＥ</t>
  </si>
  <si>
    <t>神(気水)第１－４１６３号杉並設備</t>
  </si>
  <si>
    <t>神(気水)第１－４１６４号株式会社ｔｈｅ　ＦＩＴ</t>
  </si>
  <si>
    <t>神(気水)第１－４１６５号酒井空調</t>
  </si>
  <si>
    <t>神(気水)第１－４１６６号合同会社ミナト</t>
  </si>
  <si>
    <t>神(気水)第１－４１６７号ＮＥＣフィールディング株式会社　西関東支社　横浜支店</t>
  </si>
  <si>
    <t>神(気水)第１－４１６７号ＮＥＣフィールディング株式会社　西関東支社　神奈川県央支店</t>
  </si>
  <si>
    <t>神(気水)第１－４１６７号ＮＥＣフィールディング株式会社　西関東支社　神奈川県央支店　相模原営業所</t>
  </si>
  <si>
    <t>神(気水)第１－４１６７号ＮＥＣフィールディング株式会社　西関東支社　神奈川県央支店　湘南営業所</t>
  </si>
  <si>
    <t>神(気水)第１－４１６７号ＮＥＣフィールディング株式会社　西関東支社　玉川支店</t>
  </si>
  <si>
    <t>神(気水)第１－４１６７号ＮＥＣフィールディング株式会社　西関東支社　玉川支店　川崎営業所</t>
  </si>
  <si>
    <t>神(気水)第１－４１６８号ｊｏｙｔｅｃｈ</t>
  </si>
  <si>
    <t>神(気水)第１－４１６９号株式会社エコネコル　本社</t>
  </si>
  <si>
    <t>神(気水)第１－４１６９号株式会社エコネコル　浜松工場</t>
  </si>
  <si>
    <t>神(気水)第１－４１７０号エール産業株式会社</t>
  </si>
  <si>
    <t>神(気水)第１－４１７１号有限会社石田空調サービス</t>
  </si>
  <si>
    <t>神(気水)第１－４１７２号株式会社ＳＦＴ</t>
  </si>
  <si>
    <t>神(気水)第１－４１７３号株式会社青山空設</t>
  </si>
  <si>
    <t>神(気水)第１－４１７４号Ｋメンテナンスサービス株式会社</t>
  </si>
  <si>
    <t>神(気水)第１－４１７５号有限会社　横田設備工業所</t>
  </si>
  <si>
    <t>神(気水)第１－４１７６号株式会社　ファーストフラット</t>
  </si>
  <si>
    <t>神(気水)第１－４１７７号株式会社ミサキテクノ神奈川</t>
  </si>
  <si>
    <t>神(気水)第１－４１７８号Ｙ・Ｋ・Ｓ</t>
  </si>
  <si>
    <t>神(気水)第１－４１７９号有限会社ハウス空調　本社営業所</t>
  </si>
  <si>
    <t>神(気水)第１－４１８０号株式会社エアーシーク</t>
  </si>
  <si>
    <t>神(気水)第１－４１８１号marque-page（マルクパージュ）</t>
  </si>
  <si>
    <t>神(気水)第１－４１８２号佐藤冷機株式会社</t>
  </si>
  <si>
    <t>神(気水)第１－４１８３号株式会社Ｂｒｅｅｚｅ　ｗｏｒｋｓ</t>
  </si>
  <si>
    <t>神(気水)第１－４１８４号株式会社Ｍ＆Ａカンパニー　東京営業所</t>
  </si>
  <si>
    <t>神(気水)第１－４１８５号ペンギンエアコン株式会社</t>
  </si>
  <si>
    <t>神(気水)第１－４１８６号株式会社サンエイ設備興業</t>
  </si>
  <si>
    <t>神(気水)第１－４１８７号株式会社ヤシマ</t>
  </si>
  <si>
    <t>神(気水)第１－４１８８号株式会社優和設備工業</t>
  </si>
  <si>
    <t>神(気水)第１－４１８９号有限会社ＫＥＹ－Ｃメンテナンス</t>
  </si>
  <si>
    <t>神(気水)第１－４１９０号ＩＴｔｅｃ合同会社</t>
  </si>
  <si>
    <t>神(気水)第１－４１９１号昭和電機株式会社</t>
  </si>
  <si>
    <t>神(気水)第１－４１９２号協和設備</t>
  </si>
  <si>
    <t>神(気水)第１－４１９３号渡会エンジニアリングサービス</t>
  </si>
  <si>
    <t>神(気水)第１－４１９４号喜作工業株式会社</t>
  </si>
  <si>
    <t>神(気水)第１－４１９５号山口空調システム</t>
  </si>
  <si>
    <t>神(気水)第１－４１９６号有限会社吉田設備</t>
  </si>
  <si>
    <t>神(気水)第１－４１９７号株式会社サイレンス空調</t>
  </si>
  <si>
    <t>神(気水)第１－４１９８号株式会社小林空調設備</t>
  </si>
  <si>
    <t>神(気水)第１－４１９９号有限会社丸英</t>
  </si>
  <si>
    <t>神(気水)第１－４２００号株式会社ＮＥＸＴ　ＴＩＧＥＲ</t>
  </si>
  <si>
    <t>神(気水)第１－４２０１号株式会社Ｔ・Ｓエコシステム</t>
  </si>
  <si>
    <t>神(気水)第１－４２０２号株式会社マスターズ工業</t>
  </si>
  <si>
    <t>神(気水)第１－４２０３号東電機有限会社</t>
  </si>
  <si>
    <t>神(気水)第１－４２０４号エンシタパワー</t>
  </si>
  <si>
    <t>神(気水)第１－４２０５号有限会社三冷設備</t>
  </si>
  <si>
    <t>神(気水)第１－４２０６号株式会社ＫＤサービス　横浜商品センター</t>
  </si>
  <si>
    <t>神(気水)第１－４２０７号株式会社サーバント</t>
  </si>
  <si>
    <t>神(気水)第１－４２０８号株式会社染谷電設</t>
  </si>
  <si>
    <t>神(気水)第１－４２０９号株式会社ジオアークス</t>
  </si>
  <si>
    <t>神(気水)第１－４２１０号水戸空調</t>
  </si>
  <si>
    <t>神(気水)第１－４２１１号株式会社ブリッジエアーサービス</t>
  </si>
  <si>
    <t>神(気水)第１－４２１２号ＤｏＦａｃｉｌｉｔｙ</t>
  </si>
  <si>
    <t>神(気水)第１－４２１３号株式会社クールテック</t>
  </si>
  <si>
    <t>神(気水)第１－４２１４号株式会社ＡＥＲＡＳ</t>
  </si>
  <si>
    <t>神(気水)第１－４２１５号株式会社ハーベスト</t>
  </si>
  <si>
    <t>神(気水)第１－４２１６号有限会社ユーザー企画</t>
  </si>
  <si>
    <t>神(気水)第１－４２１７号株式会社三井</t>
  </si>
  <si>
    <t>神(気水)第１－４２１８号株式会社西海</t>
  </si>
  <si>
    <t>神(気水)第１－４２１９号合同会社エアークラフトシステム</t>
  </si>
  <si>
    <t>神(気水)第１－４２２０号株式会社　ＭＭエンジニアリング</t>
  </si>
  <si>
    <t>神(気水)第１－４２２１号オリオン機械株式会社　横浜営業所</t>
  </si>
  <si>
    <t>神(気水)第１－４２２２号有限会社プラント工業</t>
  </si>
  <si>
    <t>神(気水)第１－４２２３号株式会社ＹＫＳ</t>
  </si>
  <si>
    <t>神(気水)第１－４２２４号日本メガケア株式会社</t>
  </si>
  <si>
    <t>神(気水)第１－４２２５号株式会社ＰＣＳＤ</t>
  </si>
  <si>
    <t>神(気水)第１－４２２６号株式会社エジソン</t>
  </si>
  <si>
    <t>神(気水)第１－４２２７号合同会社セルフ</t>
  </si>
  <si>
    <t>神(気水)第１－４２２８号株式会社圏央電設　坂戸営業所</t>
  </si>
  <si>
    <t>神(気水)第１－４２２９号株式会社輝紀</t>
  </si>
  <si>
    <t>神(気水)第１－４２３０号遠藤設備</t>
  </si>
  <si>
    <t>神(気水)第１－４２３１号ＳＤ株式会社</t>
  </si>
  <si>
    <t>神(気水)第１－４２３２号株式会社クニイ</t>
  </si>
  <si>
    <t>神(気水)第１－４２３３号ゆうき</t>
  </si>
  <si>
    <t>神(気水)第１－４２３４号株式会社ＹＫベーキングカンパニー　海老名工場</t>
  </si>
  <si>
    <t>神(気水)第１－４２３５号株式会社ＮＪＬＩＮＫ</t>
  </si>
  <si>
    <t>神(気水)第１－４２３６号ＡＸＩＶＥ</t>
  </si>
  <si>
    <t>神(気水)第１－４２３７号株式会社エコー空調</t>
  </si>
  <si>
    <t>神(気水)第１－４２３８号有限会社萩原冷熱工業</t>
  </si>
  <si>
    <t>神(気水)第１－４２３９号株式会社ＴＫコーポレーション</t>
  </si>
  <si>
    <t>神(気水)第１－４２４０号SINKO　テクニカルセンター</t>
  </si>
  <si>
    <t>神(気水)第１－４２４１号株式会社エアライフ</t>
  </si>
  <si>
    <t>神(気水)第１－４２４２号渡辺冷熱工業株式会社</t>
  </si>
  <si>
    <t>神(気水)第１－４２４３号オザワ総合設備株式会社</t>
  </si>
  <si>
    <t>神(気水)第１－４２４４号Ｗｏｒｋｉｎｇ　Ｂｅｅ株式会社</t>
  </si>
  <si>
    <t>神(気水)第１－４２４５号株式会社エムアールケイ</t>
  </si>
  <si>
    <t>神(気水)第１－４２４６号有限会社大樹</t>
  </si>
  <si>
    <t>神(気水)第１－４２４７号株式会社Ｙ’ｓ</t>
  </si>
  <si>
    <t>神(気水)第１－４２４８号ゴトウ空調設備</t>
  </si>
  <si>
    <t>神(気水)第１－４２４９号エクレ株式会社</t>
  </si>
  <si>
    <t>神(気水)第１－４２５０号株式会社ＴｏｏＬｓ　ＣＯＲＤ</t>
  </si>
  <si>
    <t>神(気水)第１－４２５１号コロナテクニカルサービス株式会社　横浜営業所</t>
  </si>
  <si>
    <t>神(気水)第１－４２５２号株式会社齋藤電設</t>
  </si>
  <si>
    <t>神(気水)第１－４２５３号武井自動車電装</t>
  </si>
  <si>
    <t>神(気水)第１－４２５４号Ａｉｒ　Ｏｃｅａｎ</t>
  </si>
  <si>
    <t>神(気水)第１－４２５５号有限会社エムアールサービス</t>
  </si>
  <si>
    <t>神(気水)第１－４２５６号株式会社コクシン</t>
  </si>
  <si>
    <t>神(気水)第１－４２５７号柴田冷設</t>
  </si>
  <si>
    <t>神(気水)第１－４２５８号株式会社ファースト</t>
  </si>
  <si>
    <t>神(気水)第１－４２５９号ＧＭＳ株式会社</t>
  </si>
  <si>
    <t>神(気水)第１－４２６０号株式会社ユーアイ</t>
  </si>
  <si>
    <t>神(気水)第１－４２６１号株式会社石附冷凍機</t>
  </si>
  <si>
    <t>神(気水)第１－４２６２号ガッツ空調株式会社</t>
  </si>
  <si>
    <t>神(気水)第１－４２６３号インセンティブ株式会社</t>
  </si>
  <si>
    <t>神(気水)第１－４２６４号株式会社スペースライズ</t>
  </si>
  <si>
    <t>神(気水)第１－４２６５号株式会社ワーキングスタイル</t>
  </si>
  <si>
    <t>神(気水)第１－４２６６号株式会社　嶋根総業</t>
  </si>
  <si>
    <t>神(気水)第１－４２６７号株式会社ＭＴＯ</t>
  </si>
  <si>
    <t>神(気水)第１－４２６８号株式会社エアパナ</t>
  </si>
  <si>
    <t>神(気水)第１－４２６９号電空株式会社</t>
  </si>
  <si>
    <t>神(気水)第１－４２７０号株式会社なごみ　営業所</t>
  </si>
  <si>
    <t>神(気水)第１－４２７１号ＫＹ空調サービスセンター</t>
  </si>
  <si>
    <t>神(気水)第１－４２７２号ゼファー空調設備</t>
  </si>
  <si>
    <t>神(気水)第１－４２７３号東京サーモテック株式会社</t>
  </si>
  <si>
    <t>神(気水)第１－４２７４号株式会社ゆうき空調</t>
  </si>
  <si>
    <t>神(気水)第１－４２７５号ＮｅｏＬｉｎｅ</t>
  </si>
  <si>
    <t>神(気水)第１－４２７６号株式会社　ＬａＮａｔｕｒｅ</t>
  </si>
  <si>
    <t>神(気水)第１－４２７７号株式会社植田冷熱</t>
  </si>
  <si>
    <t>神(気水)第１－４２７８号株式会社ｂ．Ｇ</t>
  </si>
  <si>
    <t>神(気水)第１－４２７９号株式会社ＤｉＮ工業</t>
  </si>
  <si>
    <t>神(気水)第１－４２８０号熊谷設備</t>
  </si>
  <si>
    <t>神(気水)第１－４２８１号株式会社エアメイク</t>
  </si>
  <si>
    <t>神(気水)第１－４２８２号株式会社ジェイ</t>
  </si>
  <si>
    <t>神(気水)第１－４２８３号有限会社協同住設</t>
  </si>
  <si>
    <t>神(気水)第１－４２８４号株式会社ミライトアップ</t>
  </si>
  <si>
    <t>神(気水)第１－４２８５号有限会社ソトカワ電器</t>
  </si>
  <si>
    <t>神(気水)第１－４２８６号株式会社吉丸設備</t>
  </si>
  <si>
    <t>神(気水)第１－４２８７号合同会社ＢＡＳＥＢＡＣＳ</t>
  </si>
  <si>
    <t>神(気水)第１－４２８８号イースタン電機株式会社</t>
  </si>
  <si>
    <t>神(気水)第１－４２８９号株式会社エアーレイシス</t>
  </si>
  <si>
    <t>神(気水)第１－４２９０号有限会社ホープ</t>
  </si>
  <si>
    <t>神(気水)第１－４２９１号Ａｉｒｌｉｆｅ</t>
  </si>
  <si>
    <t>神(気水)第１－４２９２号Ｓ－ＣＲＡＦＴ</t>
  </si>
  <si>
    <t>神(気水)第１－４２９３号山冷設備</t>
  </si>
  <si>
    <t>神(気水)第１－４２９４号株式会社三永冷凍機工事</t>
  </si>
  <si>
    <t>神(気水)第１－４２９５号株式会社タマコーポレーション</t>
  </si>
  <si>
    <t>神(気水)第１－４２９６号株式会社横浜アドバンスライフ</t>
  </si>
  <si>
    <t>神(気水)第１－４２９７号株式会社埼玉ヤマト</t>
  </si>
  <si>
    <t>神(気水)第１－４２９９号株式会社ミライセツビ</t>
  </si>
  <si>
    <t>神(気水)第１－４３００号有限会社北冷機</t>
  </si>
  <si>
    <t>神(気水)第１－４３０１号丸永工業株式会社</t>
  </si>
  <si>
    <t>神(気水)第１－４３０２号Ａｉｒ株式会社</t>
  </si>
  <si>
    <t>神(気水)第１－４３０３号株式会社リペアサービス</t>
  </si>
  <si>
    <t>神(気水)第１－４３０４号有限会社はっさく電化</t>
  </si>
  <si>
    <t>神(気水)第１－４３０５号株式会社Ｅｌｅｃｔｒｏ　Ｄｉｍｅｎｓｉｏｎｓ</t>
  </si>
  <si>
    <t>神(気水)第１－４３０６号タースエンジニアリング株式会社　首都圏法人営業部</t>
  </si>
  <si>
    <t>神(気水)第１－４３０７号合同会社ＩＳＤＡＣ</t>
  </si>
  <si>
    <t>神(気水)第１－４３０８号株式会社羽鳥住宅設備</t>
  </si>
  <si>
    <t>神(気水)第１－４３０９号株式会社増田電気設備</t>
  </si>
  <si>
    <t>神(気水)第１－４３１０号有限会社朝日電気商会中野島店</t>
  </si>
  <si>
    <t>神(気水)第１－４３１１号ＳＩＮＣＥＲＩＴＹ</t>
  </si>
  <si>
    <t>神(気水)第１－４３１２号株式会社ダイデンテクノス</t>
  </si>
  <si>
    <t>神(気水)第１－４３１２号株式会社ダイデンテクノス　資材センター</t>
  </si>
  <si>
    <t>神(気水)第１－４３１３号有限会社ケイ・ワイズ</t>
  </si>
  <si>
    <t>神(気水)第１－４３１４号株式会社ＤＩＲ　ＧＲＯＵＰ</t>
  </si>
  <si>
    <t>神(気水)第１－４３１５号ステージア株式会社</t>
  </si>
  <si>
    <t>神(気水)第１－４３１６号株式会社マルヰエナジー</t>
  </si>
  <si>
    <t>神(気水)第１－４３１７号株式会社ニアック</t>
  </si>
  <si>
    <t>神(気水)第１－４３１８号本間冷機</t>
  </si>
  <si>
    <t>神(気水)第１－４３１９号深津空調</t>
  </si>
  <si>
    <t>神(気水)第１－４３２０号シン・エアサポート</t>
  </si>
  <si>
    <t>神(気水)第１－４３２１号株式会社花渕設備</t>
  </si>
  <si>
    <t>神(気水)第１－４３２２号株式会社エス・テー・エス</t>
  </si>
  <si>
    <t>神(気水)第１－４３２３号合同会社ＨＡＬＬ</t>
  </si>
  <si>
    <t>神(気水)第１－４３２４号株式会社ダイシンエンジ</t>
  </si>
  <si>
    <t>神(気水)第１－４３２５号合同会社マルケン</t>
  </si>
  <si>
    <t>神(気水)第１－４３２６号成電工合同会社</t>
  </si>
  <si>
    <t>神(気水)第１－４３２７号青木設備</t>
  </si>
  <si>
    <t>神(気水)第１－４３２８号揚原設備株式会社</t>
  </si>
  <si>
    <t>神(気水)第１－４３２９号株式会社ラーテル</t>
  </si>
  <si>
    <t>神(気水)第１－４３３０号株式会社ケイズ　摂津営業所</t>
  </si>
  <si>
    <t>神(気水)第１－４３３１号松井設備</t>
  </si>
  <si>
    <t>神(気水)第１－４３３２号株式会社ＳＴマネージメント</t>
  </si>
  <si>
    <t>神(気水)第１－４３３３号株式会社オルキャス</t>
  </si>
  <si>
    <t>神(気水)第１－４３３４号有限会社リープ</t>
  </si>
  <si>
    <t>神(気水)第１－４３３５号有限会社東邦ビルテクノ</t>
  </si>
  <si>
    <t>神(気水)第１－４３３６号株式会社城東設備</t>
  </si>
  <si>
    <t>神(気水)第１－４３３７号株式会社新冷熱技研</t>
  </si>
  <si>
    <t>神(気水)第１－４３３８号株式会社エアリス</t>
  </si>
  <si>
    <t>神(気水)第１－４３３９号中山空調設備</t>
  </si>
  <si>
    <t>神(気水)第１－４３４０号有限会社あおぬま電気</t>
  </si>
  <si>
    <t>神(気水)第１－４３４１号合同会社プロキオン</t>
  </si>
  <si>
    <t>神(気水)第１－４３４２号株式会社レイズ</t>
  </si>
  <si>
    <t>神(気水)第１－４３４３号株式会社ミッドアップ</t>
  </si>
  <si>
    <t>神(気水)第１－４３４４号株式会社ジェイテック</t>
  </si>
  <si>
    <t>神(気水)第１－４３４５号株式会社三維</t>
  </si>
  <si>
    <t>神(気水)第１－４３４６号株式会社オンワ</t>
  </si>
  <si>
    <t>神(気水)第１－４３４７号株式会社アイカム</t>
  </si>
  <si>
    <t>神(気水)第１－４３４８号株式会社アステム</t>
  </si>
  <si>
    <t>神(気水)第１－４３４９号有限会社イガワ</t>
  </si>
  <si>
    <t>神(気水)第１－４３５０号株式会社Ｙ’ｓ　Ａｉｒ　Ｐｌａｎ</t>
  </si>
  <si>
    <t>神(気水)第１－４３５１号株式会社伸明冷熱</t>
  </si>
  <si>
    <t>神(気水)第１－４３５２号有限会社常真工業</t>
  </si>
  <si>
    <t>神(気水)第１－４３５３号株式会社イークル</t>
  </si>
  <si>
    <t>神(気水)第１－４３５４号株式会社ＮＥＸＴ</t>
  </si>
  <si>
    <t>神(気水)第１－４３５５号株式会社リニューアルワーク</t>
  </si>
  <si>
    <t>神(気水)第１－４３５６号伸晃産業株式会社</t>
  </si>
  <si>
    <t>神(気水)第１－４３５７号有限会社三翔</t>
  </si>
  <si>
    <t>神(気水)第１－４３５８号鹿島警備株式会社</t>
  </si>
  <si>
    <t>神(気水)第１－４３５９号株式会社ヤマモト</t>
  </si>
  <si>
    <t>神(気水)第１－４３６０号ＳＫサービス株式会社</t>
  </si>
  <si>
    <t>神(気水)第１－４３６１号株式会社ＭＭエンジニアリング</t>
  </si>
  <si>
    <t>神(気水)第１－４３６２号合同会社八賢興業</t>
  </si>
  <si>
    <t>神(気水)第１－４３６３号𠮷成設備</t>
  </si>
  <si>
    <t>神(気水)第１－４３６４号株式会社竹之内工業所</t>
  </si>
  <si>
    <t>神(気水)第１－４３６５号株式会社Ｇテック</t>
  </si>
  <si>
    <t>神(気水)第１－４３６６号ＤＲＥＡＭ</t>
  </si>
  <si>
    <t>神(気水)第１－４３６７号田中冷設工業株式会社</t>
  </si>
  <si>
    <t>神(気水)第１－４３６８号株式会社安波冷機</t>
  </si>
  <si>
    <t>神(気水)第１－４３６９号株式会社Ｒｅライフ　神奈川営業所</t>
  </si>
  <si>
    <t>神(気水)第１－４３７０号株式会社太郎組　本店</t>
  </si>
  <si>
    <t>神(気水)第１－４３７１号株式会社ＤＡＩＹＡ</t>
  </si>
  <si>
    <t>神(気水)第１－４３７２号株式会社Ａｂｉｌｉｔｉｅｓ</t>
  </si>
  <si>
    <t>神(気水)第１－４３７３号ＫＮＧグループ株式会社</t>
  </si>
  <si>
    <t>神(気水)第１－４３７４号サカキ空調</t>
  </si>
  <si>
    <t>神(気水)第１－４３７５号株式会社ｇｏｏｄａｉｒ</t>
  </si>
  <si>
    <t>神(気水)第１－４３７６号株式会社明共冷機</t>
  </si>
  <si>
    <t>神(気水)第１－４３７７号山本設備</t>
  </si>
  <si>
    <t>神(気水)第１－４３７８号株式会社ＹＭＴ</t>
  </si>
  <si>
    <t>神(気水)第１－４３７９号株式会社松菱製作所　関東営業所</t>
  </si>
  <si>
    <t>神(気水)第１－４３８０号四井空調</t>
  </si>
  <si>
    <t>神(気水)第１－４３８１号株式会社テクノセンター</t>
  </si>
  <si>
    <t>神(気水)第１－４３８２号有限会社ユニオンサービス</t>
  </si>
  <si>
    <t>神(気水)第１－４３８３号株式会社高砂エアテック</t>
  </si>
  <si>
    <t>神(気水)第１－４３８４号有限会社ＬＥ</t>
  </si>
  <si>
    <t>神(気水)第１－４３８５号株式会社ＡＣＥ設備</t>
  </si>
  <si>
    <t>神(気水)第１－４３８６号株式会社ライブジム</t>
  </si>
  <si>
    <t>神(気水)第１－４３８７号株式会社プロジェクトネオ</t>
  </si>
  <si>
    <t>神(気水)第１－４３８８号篠原設備</t>
  </si>
  <si>
    <t>神(気水)第１－４３８９号鈴木電設</t>
  </si>
  <si>
    <t>神(気水)第１－４３９０号株式会社タナクウ</t>
  </si>
  <si>
    <t>神(気水)第１－４３９１号株式会社Ｖ－ＴＥＣ</t>
  </si>
  <si>
    <t>神(気水)第１－４３９２号株式会社山口空調</t>
  </si>
  <si>
    <t>神(気水)第１－４３９３号株式会社エアリアル</t>
  </si>
  <si>
    <t>神(気水)第１－４３９４号有限会社タクミ工業</t>
  </si>
  <si>
    <t>神(気水)第１－４３９５号有限会社星建築</t>
  </si>
  <si>
    <t>神(気水)第１－４３９６号有限会社エアーシステム</t>
  </si>
  <si>
    <t>神(気水)第１－４３９７号一成株式会社</t>
  </si>
  <si>
    <t>神(気水)第１－４３９８号有限会社ホリ冷凍</t>
  </si>
  <si>
    <t>神(気水)第１－４３９９号株式会社ワイズ・エンジニアリング</t>
  </si>
  <si>
    <t>神(気水)第１－４４０１号株式会社ＩＯＢＵＩＬＤ</t>
  </si>
  <si>
    <t>神(気水)第１－４４０２号七星空調株式会社</t>
  </si>
  <si>
    <t>神(気水)第１－４４０３号有限会社プラス</t>
  </si>
  <si>
    <t>神(気水)第１－４４０４号株式会社ファースト</t>
  </si>
  <si>
    <t>神(気水)第１－４４０５号株式会社ＡＩＲ　ＷＯＲＫ</t>
  </si>
  <si>
    <t>神(気水)第１－４４０６号小楠空調サービス</t>
  </si>
  <si>
    <t>神(気水)第１－４４０７号佐藤　数彦</t>
  </si>
  <si>
    <t>神(気水)第１－４４０８号株式会社大和商工</t>
  </si>
  <si>
    <t>神(気水)第１－４４０９号ベルニカサービス株式会社</t>
  </si>
  <si>
    <t>神(気水)第１－４４１０号株式会社ウッドビレッジ</t>
  </si>
  <si>
    <t>神(気水)第１－４４１１号ａｌｋｕ　ｆａｃｉｒｉｔｙ株式会社</t>
  </si>
  <si>
    <t>神(気水)第１－４４１２号昭和鉄工株式会社　東京支店</t>
  </si>
  <si>
    <t>神(気水)第１－４４１３号ＹＡＭＡＳＥＴＳＵ</t>
  </si>
  <si>
    <t>神(気水)第１－４４１４号株式会社Ｒａｆｔｅｌｌ</t>
  </si>
  <si>
    <t>神(気水)第１－４４１５号有限会社第一総合サービス</t>
  </si>
  <si>
    <t>神(気水)第１－４４１６号株式会社空電通</t>
  </si>
  <si>
    <t>神(気水)第１－４４１７号渡辺空設</t>
  </si>
  <si>
    <t>神(気水)第１－４４１８号株式会社ＡｓｕＣａｌｍ</t>
  </si>
  <si>
    <t>神(気水)第１－４４１９号株式会社酒井工機</t>
  </si>
  <si>
    <t>神(気水)第１－４４２０号株式会社アルファージャパン</t>
  </si>
  <si>
    <t>神(気水)第１－４４２１号タカイシ冷熱</t>
  </si>
  <si>
    <t>神(気水)第１－４４２２号株式会社アクト</t>
  </si>
  <si>
    <t>神(気水)第１－４４２３号株式会社ライフラインメンテナンス＆サービス</t>
  </si>
  <si>
    <t>第１－４４２３号</t>
  </si>
  <si>
    <t>神(気水)第１－４４２４号株式会社ストアソリューションズ</t>
  </si>
  <si>
    <t>神(気水)第１－４４２５号司冷熱株式会社</t>
  </si>
  <si>
    <t>神(気水)第１－４４２６号株式会株式会社ＦＵＫＵＤＡ</t>
  </si>
  <si>
    <t>神(気水)第１－４４２７号株式会社ＴＳエンジニアリング</t>
  </si>
  <si>
    <t>神(気水)第１－４４２８号有限会社塚本空調設備</t>
  </si>
  <si>
    <t>神(気水)第１－４４２９号織田　晴義</t>
  </si>
  <si>
    <t>神(気水)第１－４４３０号ＩＴＩ工業</t>
  </si>
  <si>
    <t>神(気水)第１－４４３１号株式会社エスエス空調</t>
  </si>
  <si>
    <t>神(気水)第１－４４３２号株式会社敬聖工業</t>
  </si>
  <si>
    <t>神(気水)第１－４４３３号守山冷機工業株式会社</t>
  </si>
  <si>
    <t>神(気水)第１－４４３４号株式会社エムケーサービス</t>
  </si>
  <si>
    <t>神(気水)第１－４４３５号株式会社三和プラミング</t>
  </si>
  <si>
    <t>神(気水)第１－４４３６号株式会社ＷＡＶＥＲ</t>
  </si>
  <si>
    <t>神(気水)第１－４４３７号有限会社八女工業所</t>
  </si>
  <si>
    <t>神(気水)第１－４４３８号セントラル総業株式会社</t>
  </si>
  <si>
    <t>神(気水)第１－４４３９号株式会社Jｓ</t>
  </si>
  <si>
    <t>神(気水)第１－４４４０号Ｍ's　ＴＥＣＨＮＩＣ</t>
  </si>
  <si>
    <t>神(気水)第１－４４４１号アトリエ・チラン</t>
  </si>
  <si>
    <t>神(気水)第１－４４４２号株式会社タスク冷設</t>
  </si>
  <si>
    <t>神(気水)第１－４４４３号株式会社アルコ</t>
  </si>
  <si>
    <t>神(気水)第１－４４４４号株式会社ＴＳＰ　神奈川工事課</t>
  </si>
  <si>
    <t>神(気水)第１－４４４５号株式会社新アトモシステム</t>
  </si>
  <si>
    <t>神(気水)第１－４４４６号日本シイエムケイ株式会社　出荷センター</t>
  </si>
  <si>
    <t>神(気水)第１－４４４７号有限会社ＡＴＳ</t>
  </si>
  <si>
    <t>神(気水)第１－４４４８号西岡空調設備株式会社</t>
  </si>
  <si>
    <t>神(気水)第１－４４４９号株式会社金田商店</t>
  </si>
  <si>
    <t>神(気水)第１－４４５０号株式会社エヌ・ティ・アドバンス</t>
  </si>
  <si>
    <t>神(気水)第１－４４５１号有限会社ケーエム空調</t>
  </si>
  <si>
    <t>神(気水)第１－４４５２号有限会社エス・キューブ</t>
  </si>
  <si>
    <t>神(気水)第１－４４５３号タカギ冷機株式会社　東京支店</t>
  </si>
  <si>
    <t>神(気水)第１－４４５４号株式会社ＳＡＮＴＡＫＡ</t>
  </si>
  <si>
    <t>神(気水)第１－４４５５号株式会社ＡＮＮＥＸ</t>
  </si>
  <si>
    <t>神(気水)第１－４４５６号株式会社栄巧冷機　横浜工事・保守事務所</t>
  </si>
  <si>
    <t>神(気水)第１－４４５７号株式会社Ｓｈｉｎｅ　ｍｏｒｅ</t>
  </si>
  <si>
    <t>神(気水)第１－４４５８号有限会社エース　印西支店　レアレア・リサイクルラボ</t>
  </si>
  <si>
    <t>神(気水)第１－４４５９号コガワ電気株式会社</t>
  </si>
  <si>
    <t>神(気水)第１－４４６０号株式会社恵神</t>
  </si>
  <si>
    <t>神(気水)第１－４４６１号アースファスト株式会社　本社</t>
  </si>
  <si>
    <t>神(気水)第１－４４６２号有限会社木島電気商会</t>
  </si>
  <si>
    <t>神(気水)第１－４４６３号株式会社鈴木興業</t>
  </si>
  <si>
    <t>神(気水)第１－４４６４号明成工業株式会社</t>
  </si>
  <si>
    <t>神(気水)第１－４４６５号旭興業</t>
  </si>
  <si>
    <t>神(気水)第１－４４６６号有限会社エレック</t>
  </si>
  <si>
    <t>神(気水)第１－４４６８号高電株式会社</t>
  </si>
  <si>
    <t>神(気水)第１－４４６９号株式会社タカツ冷設</t>
  </si>
  <si>
    <t>神(気水)第１－４４７０号株式会社レフエンジニアリング</t>
  </si>
  <si>
    <t>神(気水)第１－４４７１号ザンテック設備株式会社　本店</t>
  </si>
  <si>
    <t>神(気水)第１－４４７２号高林空調設備株式会社</t>
  </si>
  <si>
    <t>神(気水)第１－４４７３号株式会社新東京ビルテックス</t>
  </si>
  <si>
    <t>神(気水)第１－４４７４号三東電機株式会社</t>
  </si>
  <si>
    <t>神(気水)第１－４４７５号ＳＨＯＷＢＩＺ空調</t>
  </si>
  <si>
    <t>神(気水)第１－４４７６号有限会社照山冷機</t>
  </si>
  <si>
    <t>神(気水)第１－４４７７号株式会社エコフォレスト</t>
  </si>
  <si>
    <t>神(気水)第１－４４７８号株式会社アスカ</t>
  </si>
  <si>
    <t>神(気水)第１－４４７９号有限会社シャローム・サービス</t>
  </si>
  <si>
    <t>神(気水)第１－４４８０号PINE</t>
  </si>
  <si>
    <t>神(気水)第１－４４８１号Ｒｅｖｉｖｅ株式会社　横浜事務所</t>
  </si>
  <si>
    <t>神(気水)第１－４４８２号ハイセンス　サイクロメトリック　カロリーメータ　ラボ</t>
  </si>
  <si>
    <t>神(気水)第１－４４８３号有限会社アイエアー</t>
  </si>
  <si>
    <t>神(気水)第１－４４８４号株式会社野上空調</t>
  </si>
  <si>
    <t>神(気水)第１－４４８５号株式会社アンカークラウド</t>
  </si>
  <si>
    <t>神(気水)第１－４４８６号Ｂ＆Ｊ株式会社</t>
  </si>
  <si>
    <t>神(気水)第１－４４８７号大川興産株式会社</t>
  </si>
  <si>
    <t>神(気水)第１－４４８８号株式会社武光</t>
  </si>
  <si>
    <t>神(気水)第１－４４８９号株式会社ブライト</t>
  </si>
  <si>
    <t>神(気水)第１－４４９０号株式会社アクシア</t>
  </si>
  <si>
    <t>神(気水)第１－４４９１号飯田設備</t>
  </si>
  <si>
    <t>神(気水)第１－４４９２号石井　伸之</t>
  </si>
  <si>
    <t>神(気水)第１－４４９３号株式会社ＳＩＮＥＩ</t>
  </si>
  <si>
    <t>神(気水)第１－４４９４号株式会社ＺＥＮエンジニアリング</t>
  </si>
  <si>
    <t>神(気水)第１－４４９５号佐藤電化サービス株式会社</t>
  </si>
  <si>
    <t>神(気水)第１－４４９６号谷口設備</t>
  </si>
  <si>
    <t>神(気水)第１－４４９７号リカバリープロ株式会社</t>
  </si>
  <si>
    <t>神(気水)第１－４４９８号サイノ空調</t>
  </si>
  <si>
    <t>神(気水)第１－４４９９号株式会社上東テクノ</t>
  </si>
  <si>
    <t>神(気水)第１－４５００号株式会社ＥＯＳ．</t>
  </si>
  <si>
    <t>神(気水)第１－４５０１号北嶋空調</t>
  </si>
  <si>
    <t>神(気水)第１－４５０２号株式会社エコ・ステージ湘南</t>
  </si>
  <si>
    <t>神(気水)第１－４５０３号新倉空調株式会社</t>
  </si>
  <si>
    <t>神(気水)第１－４５０４号有限会社ダイヤ商会</t>
  </si>
  <si>
    <t>神(気水)第１－４５０５号エコプロライズ株式会社</t>
  </si>
  <si>
    <t>神(気水)第１－４５０６号橋本　康訓</t>
  </si>
  <si>
    <t>神(気水)第１－４５０７号株式会社ハイブリッヂテクノサービス</t>
  </si>
  <si>
    <t>神(気水)第１－４５０８号株式会社釜仙</t>
  </si>
  <si>
    <t>神(気水)第１－４５０９号コーキ株式会社</t>
  </si>
  <si>
    <t>神(気水)第１－４５１０号株式会社フクイ空調設備</t>
  </si>
  <si>
    <t>神(気水)第１－４５１１号株式会社金内商会</t>
  </si>
  <si>
    <t>神(気水)第１－４５１２号ビッグバン株式会社</t>
  </si>
  <si>
    <t>神(気水)第１－４５１３号サン工業株式会社</t>
  </si>
  <si>
    <t>神(気水)第１－４５１４号株式会社ＨＤＨ</t>
  </si>
  <si>
    <t>神(気水)第１－４５１５号佐藤冷熱</t>
  </si>
  <si>
    <t>神(気水)第１－４５１６号翔海工業株式会社</t>
  </si>
  <si>
    <t>神(気水)第１－４５１７号埼京冷熱</t>
  </si>
  <si>
    <t>神(気水)第１－４５１８号有限会社宏栄デンキ商会</t>
  </si>
  <si>
    <t>神(気水)第１－４５１９号阿部　光夫</t>
  </si>
  <si>
    <t>神(気水)第１－４５２０号株式会社藤和工業</t>
  </si>
  <si>
    <t>神(気水)第１－４５２１号中遠冷熱工業株式会社</t>
  </si>
  <si>
    <t>神(気水)第１－４５２２号創幹</t>
  </si>
  <si>
    <t>神(気水)第１－４５２３号計築建設株式会社　千葉支店</t>
  </si>
  <si>
    <t>神(気水)第１－４５２４号門や</t>
  </si>
  <si>
    <t>神(気水)第１－４５２５号八木兵殖産株式会社</t>
  </si>
  <si>
    <t>神(気水)第１－４５２６号株式会社Ｅｉｇｈｔ</t>
  </si>
  <si>
    <t>神(気水)第１－４５２７号株式会社敬隣舎</t>
  </si>
  <si>
    <t>神(気水)第１－４５２８号株式会社Ｒ－テクノ</t>
  </si>
  <si>
    <t>神(気水)第１－４５２９号上尾事業所</t>
  </si>
  <si>
    <t>神(気水)第１－４５３０号サーモコントロールサービス株式会社</t>
  </si>
  <si>
    <t>神(気水)第１－４５３１号ＭＴ－テック株式会社</t>
  </si>
  <si>
    <t>神(気水)第１－４５３２号有限会社玉空　川口営業所</t>
  </si>
  <si>
    <t>神(気水)第１－４５３３号有限会社豊栄エンジニアリング</t>
  </si>
  <si>
    <t>神(気水)第１－４５３４号株式会社ＡｉｒＣｒａｆｔｅ</t>
  </si>
  <si>
    <t>神(気水)第１－４５３５号有限会社タマキ設備工業</t>
  </si>
  <si>
    <t>神(気水)第１－４５３６号有限会社洋空調</t>
  </si>
  <si>
    <t>神(気水)第１－４５３７号株式会社ワイテック</t>
  </si>
  <si>
    <t>神(気水)第１－４５３８号本間商店</t>
  </si>
  <si>
    <t>神(横セ)第１－２号有限会社冷熱ハウス</t>
  </si>
  <si>
    <t>神(横セ)第１－４号株式会社リフレックス　本社リサイクルセンター</t>
  </si>
  <si>
    <t>神(横セ)第１－４号株式会社リフレックス　循環資源リサイクルセンター</t>
  </si>
  <si>
    <t>神(横セ)第１－６号株式会社上林冷機</t>
  </si>
  <si>
    <t>神(横セ)第１－１３号株式会社一柳冷機</t>
  </si>
  <si>
    <t>神(横セ)第１－１４号有限会社平戸冷設</t>
  </si>
  <si>
    <t>神(横セ)第１－２８号株式会社エーアイ熱学</t>
  </si>
  <si>
    <t>神(横セ)第１－３０号有限会社横浜マルダイサービス</t>
  </si>
  <si>
    <t>神(横セ)第１－３３号有限会社ネスコジャパン</t>
  </si>
  <si>
    <t>神(横セ)第１－３５号木村金属工業株式会社</t>
  </si>
  <si>
    <t>神(横セ)第１－３９号有限会社エヌテック</t>
  </si>
  <si>
    <t>神(横セ)第１－４１号株式会社富士空調サービス</t>
  </si>
  <si>
    <t>神(横セ)第１－４３号有限会社サンコー空調設備</t>
  </si>
  <si>
    <t>神(横セ)第１－４７号有限会社ファースト</t>
  </si>
  <si>
    <t>神(横セ)第１－５２号有限会社克己冷熱工業</t>
  </si>
  <si>
    <t>神(横セ)第１－５８号有限会社ハヤミツ</t>
  </si>
  <si>
    <t>神(横セ)第１－５９号有限会社エジソン</t>
  </si>
  <si>
    <t>神(横セ)第１－６３号株式会社美濃屋山村電気</t>
  </si>
  <si>
    <t>神(横セ)第１－６７号株式会社マルコ　追浜工場</t>
  </si>
  <si>
    <t>神(横セ)第１－６９号株式会社金沢商会</t>
  </si>
  <si>
    <t>神(横セ)第１－７１号有限会社三洋設備</t>
  </si>
  <si>
    <t>神(横セ)第１－７２号有限会社ヤマダ冷熱</t>
  </si>
  <si>
    <t>神(横セ)第１－８１号有限会社大滝住設</t>
  </si>
  <si>
    <t>神(横セ)第１－８３号有限会社岩谷工業</t>
  </si>
  <si>
    <t>神(横セ)第１－８８号有限会社長坂電気</t>
  </si>
  <si>
    <t>神(横セ)第１－９０号有限会社伊藤空調サービス</t>
  </si>
  <si>
    <t>神(横セ)第１－９１号堀川電設</t>
  </si>
  <si>
    <t>神(横セ)第１－９７号丸八空調工業株式会社</t>
  </si>
  <si>
    <t>神(横セ)第１－９８号有限会社岩澤電機商会</t>
  </si>
  <si>
    <t>神(横セ)第１－９９号有限会社古仲電装</t>
  </si>
  <si>
    <t>神(横セ)第１－１００号アサヒ設備機器有限会社</t>
  </si>
  <si>
    <t>神(横セ)第１－１０２号有限会社大船冷機工業</t>
  </si>
  <si>
    <t>神(横セ)第１－１０３号有限会社スミヤ空調</t>
  </si>
  <si>
    <t>神(横セ)第１－１０６号株式会社三羽</t>
  </si>
  <si>
    <t>神(横セ)第１－１０９号株式会社ＳＡ空調</t>
  </si>
  <si>
    <t>神(横セ)第１－１１２号蛍葵空調</t>
  </si>
  <si>
    <t>神(横セ)第１－１１５号佐藤空調サービス</t>
  </si>
  <si>
    <t>神(横セ)第１－１１６号ガイヤ空調設備</t>
  </si>
  <si>
    <t>神(横セ)第１－１１８号テクノワイズ株式会社</t>
  </si>
  <si>
    <t>神(横セ)第１－１１９号三浦市超低温冷蔵株式会社</t>
  </si>
  <si>
    <t>神(横セ)第１－１２０号有限会社カリタ空調</t>
  </si>
  <si>
    <t>神(横セ)第１－１２１号株式会社後藤空調</t>
  </si>
  <si>
    <t>神(横セ)第１－１２３号株式会社エアーテクノ</t>
  </si>
  <si>
    <t>神(横セ)第１－１２５号株式会社秀設備</t>
  </si>
  <si>
    <t>神(横セ)第１－１２７号亜細亜冷機</t>
  </si>
  <si>
    <t>神(横セ)第１－１２９号有限会社サンケイ内燃機</t>
  </si>
  <si>
    <t>神(横セ)第１－１３０号奏然</t>
  </si>
  <si>
    <t>神(横セ)第１－１３２号有限会社ＨＡＳ</t>
  </si>
  <si>
    <t>神(横セ)第１－１３３号有限会社第一極東電設</t>
  </si>
  <si>
    <t>神(横セ)第１－１３４号辻本空調</t>
  </si>
  <si>
    <t>神(横セ)第１－１３５号株式会社石渡電業</t>
  </si>
  <si>
    <t>神(横セ)第１－１３６号株式会社レイテム</t>
  </si>
  <si>
    <t>神(横セ)第１－１３７号株式会社ネットワン</t>
  </si>
  <si>
    <t>神(横セ)第１－１３８号株式会社アビリオ</t>
  </si>
  <si>
    <t>神(横セ)第１－１３９号有限会社荻原空調</t>
  </si>
  <si>
    <t>神(横セ)第１－１４０号有限会社岡田電気サービス</t>
  </si>
  <si>
    <t>神(横セ)第１－１４１号中央商工株式会社</t>
  </si>
  <si>
    <t>神(横セ)第１－１４２号株式会社ＹＥＬＬ</t>
  </si>
  <si>
    <t>神(横セ)第１－１４３号信栄冷熱</t>
  </si>
  <si>
    <t>神(横セ)第１－１４４号有限会社佐々木空調</t>
  </si>
  <si>
    <t>神(横セ)第１－１４５号田中設備</t>
  </si>
  <si>
    <t>神(横セ)第１－１４６号株式会社三鈴工業</t>
  </si>
  <si>
    <t>神(横セ)第１－１４７号有限会社原管工</t>
  </si>
  <si>
    <t>神(横セ)第１－１４８号合同会社Ｋ・Ｙ空調</t>
  </si>
  <si>
    <t>神(横セ)第１－１４９号株式会社エミテック</t>
  </si>
  <si>
    <t>神(横セ)第１－１５０号株式会社湘南総合設備</t>
  </si>
  <si>
    <t>神(横セ)第１－１５１号株式会社ＬｉｆＡｃｔ</t>
  </si>
  <si>
    <t>神(横セ)第１－１５２号新倉総合企画</t>
  </si>
  <si>
    <t>神(横セ)第１－１５３号株式会社Ａｉｒ　Ｌｏｏｐ</t>
  </si>
  <si>
    <t>神(横セ)第１－１５４号株式会社テクノ・トランス</t>
  </si>
  <si>
    <t>神(横セ)第１－１５５号宅建電設有限会社</t>
  </si>
  <si>
    <t>神(横セ)第１－１５６号株式会社ＣＲＵＩＳＥＲ</t>
  </si>
  <si>
    <t>神(横セ)第１－１５７号株式会社愛羽冷熱工業</t>
  </si>
  <si>
    <t>神(横セ)第１－１５８号有限会社廣裕工業</t>
  </si>
  <si>
    <t>神(横セ)第１－１５９号合同会社湘南エアーサービス</t>
  </si>
  <si>
    <t>神(横セ)第１－１６０号株式会社ＡＣＴ</t>
  </si>
  <si>
    <t>神(横セ)第１－１６１号エアーテクニクス株式会社</t>
  </si>
  <si>
    <t>神(横セ)第１－１６３号中村　諭</t>
  </si>
  <si>
    <t>神(横セ)第１－１６４号ハシモト総合設備</t>
  </si>
  <si>
    <t>神(横セ)第１－１６６号ＯＣＪサービス</t>
  </si>
  <si>
    <t>神(横セ)第１－１６７号ＷＫオフィス株式会社</t>
  </si>
  <si>
    <t>神(横セ)第１－１６８号株式会社エアーサプライ</t>
  </si>
  <si>
    <t>神(横セ)第１－１６９号武山駐屯地　東部方面後方支援隊　第３０２普通科直接支援中隊　車両整備工場</t>
  </si>
  <si>
    <t>神(横セ)第１－１７０号株式会社仁空調</t>
  </si>
  <si>
    <t>神(横セ)第１－１７１号合同会社テックハウス</t>
  </si>
  <si>
    <t>神(央セ)第１－１号有限会社日相冷熱</t>
  </si>
  <si>
    <t>神(央セ)第１－１３号有限会社ダイワ冷熱</t>
  </si>
  <si>
    <t>神(央セ)第１－１４号有限会社オザキ総業</t>
  </si>
  <si>
    <t>神(央セ)第１－３１号ダイト空調工業株式会社</t>
  </si>
  <si>
    <t>神(央セ)第１－３２号有限会社長澤商事</t>
  </si>
  <si>
    <t>神(央セ)第１－３５号白龍冷機</t>
  </si>
  <si>
    <t>神(央セ)第１－４１号大塚冷暖房株式会社</t>
  </si>
  <si>
    <t>神(央セ)第１－５２号株式会社テクノス三和</t>
  </si>
  <si>
    <t>神(央セ)第１－５８号株式会社県央資源センター　綾瀬営業所</t>
  </si>
  <si>
    <t>神(央セ)第１－６３号ニッコー株式会社</t>
  </si>
  <si>
    <t>神(央セ)第１－６５号有限会社うるし原冷熱</t>
  </si>
  <si>
    <t>神(央セ)第１－６９号有限会社タクトサービス</t>
  </si>
  <si>
    <t>神(央セ)第１－７４号日特工業株式会社</t>
  </si>
  <si>
    <t>神(央セ)第１－７８号株式会社エコビルド</t>
  </si>
  <si>
    <t>神(央セ)第１－７９号日本ピーマック株式会社　本社</t>
  </si>
  <si>
    <t>神(央セ)第１－７９号日本ピーマック株式会社　東京本店</t>
  </si>
  <si>
    <t>神(央セ)第１－８２号有限会社宇佐美電器</t>
  </si>
  <si>
    <t>神(央セ)第１－８７号有限会社協和工業　厚木事業所</t>
  </si>
  <si>
    <t>神(央セ)第１－９２号大島電設株式会社</t>
  </si>
  <si>
    <t>神(央セ)第１－９６号有限会社エアーファクトリー</t>
  </si>
  <si>
    <t>神(央セ)第１－９９号あしだ冷熱株式会社</t>
  </si>
  <si>
    <t>神(央セ)第１－１０９号有限会社鹿野空調</t>
  </si>
  <si>
    <t>神(央セ)第１－１１９号株式会社いづみの</t>
  </si>
  <si>
    <t>神(央セ)第１－１３８号株式会社タズミ　吉岡リサイクルセンター</t>
  </si>
  <si>
    <t>神(央セ)第１－１３８号株式会社タズミ　早川第2工場</t>
  </si>
  <si>
    <t>神(央セ)第１－１３９号有限会社マック設備</t>
  </si>
  <si>
    <t>神(央セ)第１－１４４号有限会社デメテック</t>
  </si>
  <si>
    <t>神(央セ)第１－１４７号株式会社東光冷熱エンジニアリング</t>
  </si>
  <si>
    <t>神(央セ)第１－１５１号有限会社エアーフリー</t>
  </si>
  <si>
    <t>神(央セ)第１－１５５号ニイクラ電工株式会社</t>
  </si>
  <si>
    <t>神(央セ)第１－１５７号横浜菱住株式会社</t>
  </si>
  <si>
    <t>神(央セ)第１－１５８号有限会社白山空調</t>
  </si>
  <si>
    <t>神(央セ)第１－１６２号有限会社ウチダシステムサービス</t>
  </si>
  <si>
    <t>神(央セ)第１－１６３号宮空エンジニアリング</t>
  </si>
  <si>
    <t>神(央セ)第１－１７０号有限会社菅家設備</t>
  </si>
  <si>
    <t>神(央セ)第１－１７４号有限会社梅澤電設</t>
  </si>
  <si>
    <t>神(央セ)第１－１８５号株式会社ライフ空調</t>
  </si>
  <si>
    <t>神(央セ)第１－１８６号株式会社プログレス</t>
  </si>
  <si>
    <t>神(央セ)第１－１８７号有限会社丸三建材</t>
  </si>
  <si>
    <t>神(央セ)第１－１８８号フレアーナガオ株式会社　本社</t>
  </si>
  <si>
    <t>神(央セ)第１－１８８号フレアーナガオ株式会社　厚木事業所</t>
  </si>
  <si>
    <t>神(央セ)第１－１８８号フレアーナガオ株式会社　技術開発センター</t>
  </si>
  <si>
    <t>神(央セ)第１－１９２号ものみの塔聖書冊子協会</t>
  </si>
  <si>
    <t>神(央セ)第１－２０１号株式会社海成サービス</t>
  </si>
  <si>
    <t>神(央セ)第１－２０２号有限会社中島設備</t>
  </si>
  <si>
    <t>神(央セ)第１－２０５号株式会社大澤電機</t>
  </si>
  <si>
    <t>神(央セ)第１－２０６号株式会社オート電機　大和営業所</t>
  </si>
  <si>
    <t>神(央セ)第１－２０６号株式会社オート電機　厚木営業所</t>
  </si>
  <si>
    <t>神(央セ)第１－２０６号株式会社オート電機　横浜営業所</t>
  </si>
  <si>
    <t>神(央セ)第１－２０６号株式会社オート電機　金沢営業所</t>
  </si>
  <si>
    <t>神(央セ)第１－２０８号有限会社エーシーエス</t>
  </si>
  <si>
    <t>神(央セ)第１－２１１号有限会社よしむら電器</t>
  </si>
  <si>
    <t>神(央セ)第１－２１２号有限会社一国商事</t>
  </si>
  <si>
    <t>神(央セ)第１－２１５号エアーズフュージョン株式会社</t>
  </si>
  <si>
    <t>神(央セ)第１－２１６号花澤　良直</t>
  </si>
  <si>
    <t>神(央セ)第１－２１８号中央カンセー株式会社　上依知リソースセンター</t>
  </si>
  <si>
    <t>神(央セ)第１－２２２号森永エンゼルデザート株式会社</t>
  </si>
  <si>
    <t>神(央セ)第１－２２７号瀬川空調サービス</t>
  </si>
  <si>
    <t>神(央セ)第１－２３４号フルハーフサービス株式会社</t>
  </si>
  <si>
    <t>神(央セ)第１－２３７号有限会社ゲスト</t>
  </si>
  <si>
    <t>神(央セ)第１－２４０号株式会社ヤマキ</t>
  </si>
  <si>
    <t>神(央セ)第１－２４１号株式会社ＢＡＢＡ設備</t>
  </si>
  <si>
    <t>神(央セ)第１－２４２号キシケン商事株式会社</t>
  </si>
  <si>
    <t>神(央セ)第１－２４４号有限会社美佑</t>
  </si>
  <si>
    <t>神(央セ)第１－２５０号有限会社小川電気商会</t>
  </si>
  <si>
    <t>神(央セ)第１－２５２号三恵エンジニアリング株式会社</t>
  </si>
  <si>
    <t>神(央セ)第１－２５３号有限会社林空調</t>
  </si>
  <si>
    <t>神(央セ)第１－２５４号大森空調設備</t>
  </si>
  <si>
    <t>神(央セ)第１－２６１号有限会社アイ･ブイ･エス</t>
  </si>
  <si>
    <t>神(央セ)第１－２６５号株式会社平真工業</t>
  </si>
  <si>
    <t>神(央セ)第１－２６６号有限会社光篤電気設備</t>
  </si>
  <si>
    <t>神(央セ)第１－２６７号株式会社池田管工事</t>
  </si>
  <si>
    <t>神(央セ)第１－２６８号渡邉覧人</t>
  </si>
  <si>
    <t>神(央セ)第１－２７１号成澤空調</t>
  </si>
  <si>
    <t>神(央セ)第１－２７２号東海ヒート</t>
  </si>
  <si>
    <t>神(央セ)第１－２７４号株式会社マックス</t>
  </si>
  <si>
    <t>神(央セ)第１－２７６号株式会社富栄工機</t>
  </si>
  <si>
    <t>神(央セ)第１－２８０号渋谷設備工業株式会社</t>
  </si>
  <si>
    <t>神(央セ)第１－２８１号有限会社西村電気</t>
  </si>
  <si>
    <t>神(央セ)第１－２８２号有限会社武政空調設備</t>
  </si>
  <si>
    <t>神(央セ)第１－２８３号株式会社新光冷熱</t>
  </si>
  <si>
    <t>神(央セ)第１－２８４号株式会社ソウエイ</t>
  </si>
  <si>
    <t>神(央セ)第１－２８５号有限会社ヒートレンジ</t>
  </si>
  <si>
    <t>神(央セ)第１－２８６号明友電設</t>
  </si>
  <si>
    <t>神(央セ)第１－２８８号合資会社ＥｊｉｓｏＮｄｅｎｋｉ</t>
  </si>
  <si>
    <t>神(央セ)第１－２８９号株式会社小池設備</t>
  </si>
  <si>
    <t>神(央セ)第１－２９１号天野電気サービス</t>
  </si>
  <si>
    <t>神(央セ)第１－２９２号有限会社スズコウ</t>
  </si>
  <si>
    <t>神(央セ)第１－２９４号三和冷機工業有限会社</t>
  </si>
  <si>
    <t>神(央セ)第１－２９５号信和興業株式会社</t>
  </si>
  <si>
    <t>神(央セ)第１－２９５号信和興業株式会社　千葉営業所</t>
  </si>
  <si>
    <t>神(央セ)第１－２９６号富士冷熱工業株式会社</t>
  </si>
  <si>
    <t>神(央セ)第１－２９７号浜田冷凍機有限会社</t>
  </si>
  <si>
    <t>神(央セ)第１－２９８号株式会社リアース</t>
  </si>
  <si>
    <t>神(央セ)第１－２９９号有限会社大野サービス</t>
  </si>
  <si>
    <t>神(央セ)第１－３００号有限会社フロンティアサービス</t>
  </si>
  <si>
    <t>神(央セ)第１－３０１号三共リース株式会社</t>
  </si>
  <si>
    <t>神(央セ)第１－３０３号有限会社長栄電機</t>
  </si>
  <si>
    <t>神(央セ)第１－３０５号有限会社サガミ空圧設備</t>
  </si>
  <si>
    <t>神(央セ)第１－３０７号有限会社エム.ワイ設備</t>
  </si>
  <si>
    <t>神(央セ)第１－３０８号株式会社チネン空調・設備</t>
  </si>
  <si>
    <t>神(央セ)第１－３０９号有限会社クリック</t>
  </si>
  <si>
    <t>神(央セ)第１－３１１号有限会社豊栄電建</t>
  </si>
  <si>
    <t>神(央セ)第１－３１５号星が丘エンジニアリング　成田　昌勝</t>
  </si>
  <si>
    <t>神(央セ)第１－３１６号有限会社市来空調</t>
  </si>
  <si>
    <t>神(央セ)第１－３１７号有限会社三興設備機器</t>
  </si>
  <si>
    <t>神(央セ)第１－３１８号有限会社洞門</t>
  </si>
  <si>
    <t>神(央セ)第１－３２５号神奈川空調サービス</t>
  </si>
  <si>
    <t>神(央セ)第１－３２６号株式会社宮本住宅総合サービス</t>
  </si>
  <si>
    <t>神(央セ)第１－３２７号有限会社エアコンシステム</t>
  </si>
  <si>
    <t>神(央セ)第１－３２８号関東商亊株式会社</t>
  </si>
  <si>
    <t>神(央セ)第１－３３３号有限会社ハシコウ</t>
  </si>
  <si>
    <t>神(央セ)第１－３３５号有限会社オオチ</t>
  </si>
  <si>
    <t>神(央セ)第１－３３７号有限会社阿部エンジニアリング</t>
  </si>
  <si>
    <t>神(央セ)第１－３３８号株式会社協同商店</t>
  </si>
  <si>
    <t>神(央セ)第１－３４３号株式会社清和サービス</t>
  </si>
  <si>
    <t>神(央セ)第１－３４４号日本環境設備株式会社</t>
  </si>
  <si>
    <t>神(央セ)第１－３４６号諏訪冷機</t>
  </si>
  <si>
    <t>神(央セ)第１－３４９号有限会社クールサービス</t>
  </si>
  <si>
    <t>神(央セ)第１－３５０号横浜金属商事株式会社　神奈川事業所</t>
  </si>
  <si>
    <t>神(央セ)第１－３５１号株式会社チーフプライド</t>
  </si>
  <si>
    <t>神(央セ)第１－３５２号愛甲産業株式会社</t>
  </si>
  <si>
    <t>神(央セ)第１－３５４号有限会社オーエヌ企業</t>
  </si>
  <si>
    <t>神(央セ)第１－３５６号久島エンジニアリング有限会社</t>
  </si>
  <si>
    <t>神(央セ)第１－３５７号ＵＮＩガス設備</t>
  </si>
  <si>
    <t>神(央セ)第１－３５９号三友プラントサービス株式会社</t>
  </si>
  <si>
    <t>神(央セ)第１－３６０号株式会社イージーエフ</t>
  </si>
  <si>
    <t>神(央セ)第１－３６１号株式会社相栄空調</t>
  </si>
  <si>
    <t>神(央セ)第１－３６２号株式会社モアエンタープライス</t>
  </si>
  <si>
    <t>神(央セ)第１－３６３号千野工業</t>
  </si>
  <si>
    <t>神(央セ)第１－３６４号株式会社フェニックス　大和営業所</t>
  </si>
  <si>
    <t>神(央セ)第１－３６６号鈴木冷熱工業</t>
  </si>
  <si>
    <t>神(央セ)第１－３６７号株式会社西武</t>
  </si>
  <si>
    <t>神(央セ)第１－３６８号株式会社ＴＲＫ</t>
  </si>
  <si>
    <t>神(央セ)第１－３７０号株式会社ホンマ電機</t>
  </si>
  <si>
    <t>神(央セ)第１－３７１号株式会社ＩＳサービス</t>
  </si>
  <si>
    <t>神(央セ)第１－３７２号有限会社隆志興業</t>
  </si>
  <si>
    <t>神(央セ)第１－３７４号湘南コントロール株式会社</t>
  </si>
  <si>
    <t>神(央セ)第１－３７６号有限会社池野空調工業</t>
  </si>
  <si>
    <t>神(央セ)第１－３７７号株式会社平吾設備</t>
  </si>
  <si>
    <t>神(央セ)第１－３７８号有限会社石井空調</t>
  </si>
  <si>
    <t>神(央セ)第１－３７９号有限会社相武冷熱工業</t>
  </si>
  <si>
    <t>神(央セ)第１－３８０号穂久斗工業株式会社</t>
  </si>
  <si>
    <t>神(央セ)第１－３８３号有限会社アルク企画</t>
  </si>
  <si>
    <t>神(央セ)第１－３８５号合同会社大和エアコンサービス</t>
  </si>
  <si>
    <t>神(央セ)第１－３８７号株式会社電商相模</t>
  </si>
  <si>
    <t>神(央セ)第１－３８８号浜園　猛</t>
  </si>
  <si>
    <t>神(央セ)第１－３８９号株式会社六盛社</t>
  </si>
  <si>
    <t>神(央セ)第１－３９０号株式会社ＫＳＴ</t>
  </si>
  <si>
    <t>神(央セ)第１－３９４号株式会社綾西空調</t>
  </si>
  <si>
    <t>神(央セ)第１－３９５号株式会社ＩＭＡＲＩＳＥ</t>
  </si>
  <si>
    <t>神(央セ)第１－３９６号一般財団法人日本空調冷凍研究所</t>
  </si>
  <si>
    <t>神(央セ)第１－３９７号有限会社三穂冷機</t>
  </si>
  <si>
    <t>神(央セ)第１－３９８号株式会社川原テクノサービス</t>
  </si>
  <si>
    <t>神(央セ)第１－３９９号株式会社フジ・エーシー</t>
  </si>
  <si>
    <t>神(央セ)第１－４０２号有限会社森井空調</t>
  </si>
  <si>
    <t>神(央セ)第１－４０３号千葉電気株式会社</t>
  </si>
  <si>
    <t>神(央セ)第１－４０４号株式会社三興冷設</t>
  </si>
  <si>
    <t>神(央セ)第１－４０５号神奈川コールド</t>
  </si>
  <si>
    <t>神(央セ)第１－４０７号ＡＴＣ株式会社　相模原支店</t>
  </si>
  <si>
    <t>神(央セ)第１－４０９号株式会社関東設備管理</t>
  </si>
  <si>
    <t>神(央セ)第１－４１１号株式会社Ｙ－ｚｅｎ</t>
  </si>
  <si>
    <t>神(央セ)第１－４１３号エム・テック</t>
  </si>
  <si>
    <t>神(央セ)第１－４１５号有限会社サガミエンジニアリング</t>
  </si>
  <si>
    <t>神(央セ)第１－４１６号株式会社ＡＥＳ</t>
  </si>
  <si>
    <t>神(央セ)第１－４１６号株式会社ＡＥＳ　田名事務所</t>
  </si>
  <si>
    <t>神(央セ)第１－４１７号大丸設備</t>
  </si>
  <si>
    <t>神(央セ)第１－４１８号橋本空調</t>
  </si>
  <si>
    <t>神(央セ)第１－４１９号有限会社アキテックサービス</t>
  </si>
  <si>
    <t>神(央セ)第１－４２０号株式会社ダイヤビルメンテナンス</t>
  </si>
  <si>
    <t>神(央セ)第１－４２２号有限会社神奈川電装サービス</t>
  </si>
  <si>
    <t>神(央セ)第１－４２３号株式会社カンセー</t>
  </si>
  <si>
    <t>神(央セ)第１－４２４号株式会社レジェンド</t>
  </si>
  <si>
    <t>神(央セ)第１－４２５号株式会社協立設備</t>
  </si>
  <si>
    <t>神(央セ)第１－４２６号ナカムラ電器設備</t>
  </si>
  <si>
    <t>神(央セ)第１－４２７号ヤマテック</t>
  </si>
  <si>
    <t>神(央セ)第１－４２８号クール株式会社</t>
  </si>
  <si>
    <t>神(央セ)第１－４２９号ＡＲＳ</t>
  </si>
  <si>
    <t>神(央セ)第１－４３０号有限会社八千代冷熱</t>
  </si>
  <si>
    <t>神(央セ)第１－４３１号株式会社インテック</t>
  </si>
  <si>
    <t>神(央セ)第１－４３２号Ｌｉｎｏ　ＬｉＦＥ　ＳＥＲＶｉＣＥ</t>
  </si>
  <si>
    <t>神(央セ)第１－４３３号有限会社グロー</t>
  </si>
  <si>
    <t>神(央セ)第１－４３４号株式会社日管</t>
  </si>
  <si>
    <t>神(央セ)第１－４３５号サンハーツテクノサービス</t>
  </si>
  <si>
    <t>神(央セ)第１－４３６号キオラテクノサービス</t>
  </si>
  <si>
    <t>神(央セ)第１－４３８号株式会社梶野空調設備</t>
  </si>
  <si>
    <t>神(央セ)第１－４３９号有限会社橋口空調設備</t>
  </si>
  <si>
    <t>神(央セ)第１－４４０号株式会社ティーエス空調メンテナンス</t>
  </si>
  <si>
    <t>神(央セ)第１－４４２号株式会社恒和</t>
  </si>
  <si>
    <t>神(央セ)第１－４４３号株式会社藤田空調設備</t>
  </si>
  <si>
    <t>神(央セ)第１－４４７号有限会社ユーケイ冷熱</t>
  </si>
  <si>
    <t>神(央セ)第１－４５０号株式会社ジェイシーイー</t>
  </si>
  <si>
    <t>神(央セ)第１－４５１号Ｉｎｓｆｉｃ（インスフィック）</t>
  </si>
  <si>
    <t>神(央セ)第１－４５４号株式会社オカモト</t>
  </si>
  <si>
    <t>神(央セ)第１－４５５号株式会社タカデン</t>
  </si>
  <si>
    <t>神(央セ)第１－４５６号木村　直人</t>
  </si>
  <si>
    <t>神(央セ)第１－４５７号エフレ</t>
  </si>
  <si>
    <t>神(央セ)第１－４５８号ＭＩＹＡＤＡＩ空調</t>
  </si>
  <si>
    <t>神(央セ)第１－４５９号株式会社ＳＡＬＬＹ’Ｓ</t>
  </si>
  <si>
    <t>神(央セ)第１－４６０号株式会社メニュー</t>
  </si>
  <si>
    <t>神(央セ)第１－４６１号株式会社ユニバーサルサービス</t>
  </si>
  <si>
    <t>神(央セ)第１－４６２号株式会社ＴＳＲ</t>
  </si>
  <si>
    <t>神(央セ)第１－４６３号ＭＫＳ株式会社</t>
  </si>
  <si>
    <t>神(央セ)第１－４６４号株式会社エスアール</t>
  </si>
  <si>
    <t>神(央セ)第１－４６５号ソニックエレクトロニクス株式会社</t>
  </si>
  <si>
    <t>神(央セ)第１－４６６号プランテック株式会社</t>
  </si>
  <si>
    <t>神(央セ)第１－４６７号株式会社ダイレイ</t>
  </si>
  <si>
    <t>神(央セ)第１－４７１号ｅサービス</t>
  </si>
  <si>
    <t>神(央セ)第１－４７２号株式会社ｒｅ－フロンティア【橋本営業所・資材センター】</t>
  </si>
  <si>
    <t>神(央セ)第１－４７３号株式会社三弘電気冷暖房</t>
  </si>
  <si>
    <t>神(央セ)第１－４７４号株式会社ＦＵＬＬ　ＧＡＳ</t>
  </si>
  <si>
    <t>神(央セ)第１－４７５号株式会社ＲＴＭ</t>
  </si>
  <si>
    <t>神(央セ)第１－４７６号Ｋ空調株式会社</t>
  </si>
  <si>
    <t>神(央セ)第１－４７７号曽根設備</t>
  </si>
  <si>
    <t>神(央セ)第１－４７８号有限会社サガミデンキサービス</t>
  </si>
  <si>
    <t>神(央セ)第１－４７９号上村　仁志</t>
  </si>
  <si>
    <t>神(央セ)第１－４８０号綜建工業株式会社</t>
  </si>
  <si>
    <t>神(央セ)第１－４８１号株式会社光</t>
  </si>
  <si>
    <t>神(央セ)第１－４８２号株式会社朱紋工業</t>
  </si>
  <si>
    <t>神(央セ)第１－４８３号坂本ラジオ商会</t>
  </si>
  <si>
    <t>神(央セ)第１－４８４号有限会社コスモス電子</t>
  </si>
  <si>
    <t>神(央セ)第１－４８５号合同会社山村電機</t>
  </si>
  <si>
    <t>神(央セ)第１－４８６号Ｒｅｅｆ株式会社</t>
  </si>
  <si>
    <t>神(央セ)第１－４８７号奥山電設</t>
  </si>
  <si>
    <t>神(央セ)第１－４８８号松田冷設株式会社</t>
  </si>
  <si>
    <t>神(央セ)第１－４８９号光設備</t>
  </si>
  <si>
    <t>神(央セ)第１－４９０号ユタカ設備</t>
  </si>
  <si>
    <t>神(央セ)第１－４９１号関東設備</t>
  </si>
  <si>
    <t>神(央セ)第１－４９２号株式会社メンテナンスファクトリー海老名</t>
  </si>
  <si>
    <t>神(央セ)第１－４９３号株式会社厚木エアーサービス</t>
  </si>
  <si>
    <t>神(央セ)第１－４９４号株式会社ケーシード</t>
  </si>
  <si>
    <t>神(央セ)第１－４９５号株式会社ジェイサポート</t>
  </si>
  <si>
    <t>神(央セ)第１－４９６号有限会社井上電気</t>
  </si>
  <si>
    <t>神(央セ)第１－４９７号株式会社西商</t>
  </si>
  <si>
    <t>神(央セ)第１－４９８号林設備</t>
  </si>
  <si>
    <t>神(央セ)第１－４９９号有限会社玉野空調設備</t>
  </si>
  <si>
    <t>神(央セ)第１－５００号有限会社親興</t>
  </si>
  <si>
    <t>神(央セ)第１－５０１号株式会社三幸テックス</t>
  </si>
  <si>
    <t>神(央セ)第１－５０２号株式会社ＮＥＸＴ　ＩＭＰＡＣＴ</t>
  </si>
  <si>
    <t>神(央セ)第１－５０３号ティーエスエンバイロ株式会社</t>
  </si>
  <si>
    <t>神(央セ)第１－５０４号キューエステクノ</t>
  </si>
  <si>
    <t>神(央セ)第１－５０６号株式会社高揚</t>
  </si>
  <si>
    <t>神(央セ)第１－５０７号シカノエアサービス</t>
  </si>
  <si>
    <t>神(央セ)第１－５０８号株式会社鼓冷機</t>
  </si>
  <si>
    <t>神(央セ)第１－５０９号綾和空調有限会社　本社</t>
  </si>
  <si>
    <t>神(央セ)第１－５０９号綾和空調有限会社　大和営業所</t>
  </si>
  <si>
    <t>神(央セ)第１－５１０号株式会社フォーテック・コーポレーション</t>
  </si>
  <si>
    <t>神(央セ)第１－５１１号有限会社木村冷熱</t>
  </si>
  <si>
    <t>神(央セ)第１－５１２号Ｈ・Ｋ・Ａ株式会社</t>
  </si>
  <si>
    <t>神(央セ)第１－５１３号株式会社石井空調</t>
  </si>
  <si>
    <t>神(央セ)第１－５１４号内堀空調</t>
  </si>
  <si>
    <t>神(央セ)第１－５１５号株式会社メイシンマテリアル</t>
  </si>
  <si>
    <t>神(央セ)第１－５１６号ラソス株式会社</t>
  </si>
  <si>
    <t>神(央セ)第１－５１７号株式会社オリジナル</t>
  </si>
  <si>
    <t>神(央セ)第１－５１８号株式会社Ｌ＆ＣＥ</t>
  </si>
  <si>
    <t>神(央セ)第１－５１９号株式会社直悠設備</t>
  </si>
  <si>
    <t>神(央セ)第１－５２０号株式会社カノウ冷機</t>
  </si>
  <si>
    <t>神(央セ)第１－５２１号株式会社ケー・ディー・エス　本社事業所</t>
  </si>
  <si>
    <t>神(央セ)第１－５２２号翔栄設備</t>
  </si>
  <si>
    <t>神(央セ)第１－５２３号有限会社桜井電気商会</t>
  </si>
  <si>
    <t>神(央セ)第１－５２４号長崎電設</t>
  </si>
  <si>
    <t>神(央セ)第１－５２５号株式会社アローウェッジ</t>
  </si>
  <si>
    <t>神(央セ)第１－５２６号株式会社エアーリンクス</t>
  </si>
  <si>
    <t>神(央セ)第１－５２７号有限会社ＳＵＣＣＥＳＳ</t>
  </si>
  <si>
    <t>神(央セ)第１－５２８号株式会社谷口設備</t>
  </si>
  <si>
    <t>神(央セ)第１－５２９号株式会社茜空調</t>
  </si>
  <si>
    <t>神(央セ)第１－５３０号株式会社プロテクトハウス</t>
  </si>
  <si>
    <t>神(央セ)第１－５３１号Ｂｒｅｚｚａ</t>
  </si>
  <si>
    <t>神(央セ)第１－５３２号鈴木総業</t>
  </si>
  <si>
    <t>神(央セ)第１－５３３号株式会社ケーオーワン</t>
  </si>
  <si>
    <t>神(央セ)第１－５３４号設備のキタムラ</t>
  </si>
  <si>
    <t>神(央セ)第１－５３６号ヒロ・エフォートサービス</t>
  </si>
  <si>
    <t>神(央セ)第１－５３７号株式会社高田商店</t>
  </si>
  <si>
    <t>神(央セ)第１－５３８号有限会社電化プラザやまと</t>
  </si>
  <si>
    <t>神(央セ)第１－５３９号ＫＴＳ</t>
  </si>
  <si>
    <t>神(央セ)第１－５４０号サンビーム株式会社　相模原営業所</t>
  </si>
  <si>
    <t>神(央セ)第１－５４１号株式会社ゼロエス</t>
  </si>
  <si>
    <t>神(央セ)第１－５４２号神奈川エアテック株式会社</t>
  </si>
  <si>
    <t>神(央セ)第１－５４３号株式会社ＩＭＳＥＰＴ</t>
  </si>
  <si>
    <t>神(央セ)第１－５４４号Ｉｃｅ　Ａｉｒ　Ｔｅｃｈ株式会社</t>
  </si>
  <si>
    <t>神(央セ)第１－５４５号圏央空調工業株式会社</t>
  </si>
  <si>
    <t>神(央セ)第１－５４６号株式会社千代田冷熱システム</t>
  </si>
  <si>
    <t>第１－５４６号</t>
  </si>
  <si>
    <t>神(央セ)第１－５４７号ＧＥＭＩＮＩ－ＡＩＲ株式会社</t>
  </si>
  <si>
    <t>神(央セ)第１－５４８号株式会社イキナリデンキ</t>
  </si>
  <si>
    <t>神(湘セ)第１－１号株式会社新栄冷熱</t>
  </si>
  <si>
    <t>神(湘セ)第１－２号有限会社平塚冷機</t>
  </si>
  <si>
    <t>神(湘セ)第１－６号有限会社アイ・エス・イー</t>
  </si>
  <si>
    <t>神(湘セ)第１－１１号有限会社泉商会</t>
  </si>
  <si>
    <t>神(湘セ)第１－１５号オゾンセーブ株式会社</t>
  </si>
  <si>
    <t>神(湘セ)第１－２０号有限会社湯浅ポンプ</t>
  </si>
  <si>
    <t>神(湘セ)第１－３１号有限会社稲村モータース</t>
  </si>
  <si>
    <t>神(湘セ)第１－３９号フドー冷熱株式会社</t>
  </si>
  <si>
    <t>神(湘セ)第１－４１号鈴木空調設備</t>
  </si>
  <si>
    <t>神(湘セ)第１－４６号株式会社政和</t>
  </si>
  <si>
    <t>神(湘セ)第１－５０号有限会社相和</t>
  </si>
  <si>
    <t>神(湘セ)第１－５１号有限会社平成工業</t>
  </si>
  <si>
    <t>神(湘セ)第１－５２号株式会社サンエーサンクス</t>
  </si>
  <si>
    <t>神(湘セ)第１－５５号有限会社湘南エレテック</t>
  </si>
  <si>
    <t>神(湘セ)第１－５６号有限会社田村空調</t>
  </si>
  <si>
    <t>神(湘セ)第１－５７号川口金属株式会社</t>
  </si>
  <si>
    <t>神(湘セ)第１－６０号長田電気設備</t>
  </si>
  <si>
    <t>神(湘セ)第１－６２号株式会社ありがとう</t>
  </si>
  <si>
    <t>神(湘セ)第１－６５号株式会社永沢興業</t>
  </si>
  <si>
    <t>神(湘セ)第１－６７号明立工業株式会社</t>
  </si>
  <si>
    <t>神(湘セ)第１－７０号山王総合株式会社</t>
  </si>
  <si>
    <t>神(湘セ)第１－８０号日電技術株式会社</t>
  </si>
  <si>
    <t>神(湘セ)第１－８９号株式会社イイダ　第二事業所</t>
  </si>
  <si>
    <t>神(湘セ)第１－９０号有限会社レフコ</t>
  </si>
  <si>
    <t>神(湘セ)第１－９１号有限会社テクノ神奈川</t>
  </si>
  <si>
    <t>神(湘セ)第１－９６号有限会社ワイズエー</t>
  </si>
  <si>
    <t>神(湘セ)第１－９８号力石電機サービス</t>
  </si>
  <si>
    <t>神(湘セ)第１－１０１号ケイティジー株式会社</t>
  </si>
  <si>
    <t>神(湘セ)第１－１０４号藤栄電機設備有限会社</t>
  </si>
  <si>
    <t>神(湘セ)第１－１０７号佐野商事株式会社</t>
  </si>
  <si>
    <t>神(湘セ)第１－１１０号株式会社フリーテム</t>
  </si>
  <si>
    <t>神(湘セ)第１－１１２号有限会社ライト</t>
  </si>
  <si>
    <t>神(湘セ)第１－１１３号株式会社インフ・テクノ</t>
  </si>
  <si>
    <t>神(湘セ)第１－１１５号山羽工業株式会社</t>
  </si>
  <si>
    <t>神(湘セ)第１－１１８号杉﨑　正勝（塚本冷熱サービス工業所）</t>
  </si>
  <si>
    <t>神(湘セ)第１－１１９号有限会社ケイ・ワン・サービス</t>
  </si>
  <si>
    <t>神(湘セ)第１－１２２号淡島空調株式会社</t>
  </si>
  <si>
    <t>神(湘セ)第１－１２４号株式会社サガミ空調設備</t>
  </si>
  <si>
    <t>神(湘セ)第１－１２６号有限会社電湘工業</t>
  </si>
  <si>
    <t>神(湘セ)第１－１２８号アネック株式会社</t>
  </si>
  <si>
    <t>神(湘セ)第１－１３３号株式会社阿賀野商事</t>
  </si>
  <si>
    <t>神(湘セ)第１－１３５号相模冷電</t>
  </si>
  <si>
    <t>神(湘セ)第１－１３７号Ohana空調サービス</t>
  </si>
  <si>
    <t>神(湘セ)第１－１３８号RS電化サービス</t>
  </si>
  <si>
    <t>神(湘セ)第１－１４０号西村空調</t>
  </si>
  <si>
    <t>神(湘セ)第１－１４１号河野電気</t>
  </si>
  <si>
    <t>神(湘セ)第１－１４３号堀内電機</t>
  </si>
  <si>
    <t>神(湘セ)第１－１４６号フジサービス株式会社</t>
  </si>
  <si>
    <t>神(湘セ)第１－１５０号リネックス有限会社　大磯リサイクルセンター</t>
  </si>
  <si>
    <t>神(湘セ)第１－１５０号リネックス有限会社　寒川リサイクルセンター</t>
  </si>
  <si>
    <t>神(湘セ)第１－１５４号アステックジャパン株式会社</t>
  </si>
  <si>
    <t>神(湘セ)第１－１５６号エアーワークス</t>
  </si>
  <si>
    <t>神(湘セ)第１－１５８号有限会社湘南エアシステム</t>
  </si>
  <si>
    <t>神(湘セ)第１－１６０号有限会社協栄工業</t>
  </si>
  <si>
    <t>神(湘セ)第１－１６４号有限会社ＧＯ－ＭＡＣ</t>
  </si>
  <si>
    <t>神(湘セ)第１－１６６号株式会社山本電工</t>
  </si>
  <si>
    <t>神(湘セ)第１－１７１号有限会社祐和空調</t>
  </si>
  <si>
    <t>神(湘セ)第１－１７２号有限会社青木商店本社</t>
  </si>
  <si>
    <t>神(湘セ)第１－１７２号吉沢営業所</t>
  </si>
  <si>
    <t>神(湘セ)第１－１７５号株式会社レイダン</t>
  </si>
  <si>
    <t>神(湘セ)第１－１８２号ヤンテック株式会社</t>
  </si>
  <si>
    <t>神(湘セ)第１－１８８号株式会社ブルーゲージ</t>
  </si>
  <si>
    <t>神(湘セ)第１－１９１号エタナル設備</t>
  </si>
  <si>
    <t>神(湘セ)第１－１９３号マルシン空調株式会社</t>
  </si>
  <si>
    <t>神(湘セ)第１－１９６号大野設備工業株式会社</t>
  </si>
  <si>
    <t>神(湘セ)第１－１９７号株式会社大湘</t>
  </si>
  <si>
    <t>神(湘セ)第１－１９８号神鋼商事株式会社</t>
  </si>
  <si>
    <t>神(湘セ)第１－２０１号株式会社三觜設備</t>
  </si>
  <si>
    <t>神(湘セ)第１－２０４号エスケイ電工株式会社　本社営業所</t>
  </si>
  <si>
    <t>神(湘セ)第１－２０５号有限会社サクマ</t>
  </si>
  <si>
    <t>神(湘セ)第１－２０７号湘南エアコン株式会社</t>
  </si>
  <si>
    <t>神(湘セ)第１－２０８号有限会社佐藤設備サービス</t>
  </si>
  <si>
    <t>神(湘セ)第１－２０９号小島メンテナンス</t>
  </si>
  <si>
    <t>神(湘セ)第１－２１１号丹設備</t>
  </si>
  <si>
    <t>神(湘セ)第１－２１２号米山メンテナンス</t>
  </si>
  <si>
    <t>神(湘セ)第１－２１４号有限会社プラスエンジニア</t>
  </si>
  <si>
    <t>神(湘セ)第１－２１５号宮内設備有限会社</t>
  </si>
  <si>
    <t>神(湘セ)第１－２１７号有限会社ワイズ</t>
  </si>
  <si>
    <t>神(湘セ)第１－２２１号有限会社丸良商事</t>
  </si>
  <si>
    <t>神(湘セ)第１－２２２号株式会社サウンドテクニカ</t>
  </si>
  <si>
    <t>神(湘セ)第１－２２７号株式会社金子電機空調</t>
  </si>
  <si>
    <t>神(湘セ)第１－２２８号有限会社岩崎電機</t>
  </si>
  <si>
    <t>神(湘セ)第１－２３１号株式会社リード</t>
  </si>
  <si>
    <t>神(湘セ)第１－２３４号株式会社美波</t>
  </si>
  <si>
    <t>神(湘セ)第１－２３８号扶桑工業株式会社</t>
  </si>
  <si>
    <t>神(湘セ)第１－２４２号株式会社郵生</t>
  </si>
  <si>
    <t>神(湘セ)第１－２４４号株式会社Ｂ－ＴＥＣＨ</t>
  </si>
  <si>
    <t>神(湘セ)第１－２４５号株式会社熊谷空調設備</t>
  </si>
  <si>
    <t>神(湘セ)第１－２４９号有限会社ＮＤＳ</t>
  </si>
  <si>
    <t>神(湘セ)第１－２５１号株式会社アイハラ　本社・工場</t>
  </si>
  <si>
    <t>神(湘セ)第１－２５６号株式会社松田空調</t>
  </si>
  <si>
    <t>神(湘セ)第１－２５７号有限会社タワー技研</t>
  </si>
  <si>
    <t>神(湘セ)第１－２５８号有限会社エム・テック</t>
  </si>
  <si>
    <t>神(湘セ)第１－２６０号株式会社奥野空調</t>
  </si>
  <si>
    <t>神(湘セ)第１－２６１号有限会社西山空調サービス</t>
  </si>
  <si>
    <t>神(湘セ)第１－２６２号ひまわり設備株式会社</t>
  </si>
  <si>
    <t>神(湘セ)第１－２６３号株式会社豊福空調</t>
  </si>
  <si>
    <t>神(湘セ)第１－２６４号株式会社Ｔ’ｓ　ＦＡＣＴＯＲＹ</t>
  </si>
  <si>
    <t>神(湘セ)第１－２６５号茅ヶ崎空調サービス</t>
  </si>
  <si>
    <t>神(湘セ)第１－２６６号有限会社湘南技建</t>
  </si>
  <si>
    <t>神(湘セ)第１－２６７号設備リフォーム株式会社</t>
  </si>
  <si>
    <t>神(湘セ)第１－２６９号ユニコン工業株式会社</t>
  </si>
  <si>
    <t>神(湘セ)第１－２７１号有限会社大栄冷熱</t>
  </si>
  <si>
    <t>神(湘セ)第１－２７２号株式会社アスカ湘南テクノ</t>
  </si>
  <si>
    <t>神(湘セ)第１－２７３号湘南デンキサービス株式会社</t>
  </si>
  <si>
    <t>神(湘セ)第１－２７４号株式会社Ｃｏｚｙ　Ｐｌｕｓ　Ｉｎｃｏｒｐｏｒａｔｅ</t>
  </si>
  <si>
    <t>神(湘セ)第１－２７５号宝永産業</t>
  </si>
  <si>
    <t>神(湘セ)第１－２７８号株式会社祐川電気商会</t>
  </si>
  <si>
    <t>神(湘セ)第１－２８０号株式会社橋本空調サービス</t>
  </si>
  <si>
    <t>神(湘セ)第１－２８１号スガイ設備株式会社</t>
  </si>
  <si>
    <t>神(湘セ)第１－２８２号有限会社正木空調工業</t>
  </si>
  <si>
    <t>神(湘セ)第１－２８３号有限会社大石空調</t>
  </si>
  <si>
    <t>神(湘セ)第１－２８４号株式会社岸空調</t>
  </si>
  <si>
    <t>神(湘セ)第１－２８６号株式会社湘南ブレーキセンター</t>
  </si>
  <si>
    <t>神(湘セ)第１－２８８号有限会社田原空調サービス</t>
  </si>
  <si>
    <t>神(湘セ)第１－２８９号勝又冷凍機商会</t>
  </si>
  <si>
    <t>神(湘セ)第１－２９０号有限会社セントラルハウスサービス</t>
  </si>
  <si>
    <t>神(湘セ)第１－２９３号株式会社下田商会</t>
  </si>
  <si>
    <t>神(湘セ)第１－２９４号相模工設株式会社</t>
  </si>
  <si>
    <t>神(湘セ)第１－２９５号ナカジマ空調</t>
  </si>
  <si>
    <t>神(湘セ)第１－２９６号日向ラインサービス</t>
  </si>
  <si>
    <t>神(湘セ)第１－２９８号株式会社本田空調設備</t>
  </si>
  <si>
    <t>神(湘セ)第１－２９９号フジデン</t>
  </si>
  <si>
    <t>神(湘セ)第１－３００号株式会社SYSTEM0103</t>
  </si>
  <si>
    <t>神(湘セ)第１－３０１号有限会社ヤナセ冷機</t>
  </si>
  <si>
    <t>神(湘セ)第１－３０４号斎藤電気</t>
  </si>
  <si>
    <t>神(湘セ)第１－３０６号エコシステム</t>
  </si>
  <si>
    <t>神(湘セ)第１－３０８号渡辺エンジニアリング</t>
  </si>
  <si>
    <t>神(湘セ)第１－３１３号アイシーアイ　ＩＣＩ</t>
  </si>
  <si>
    <t>神(湘セ)第１－３１４号株式会社ライズ</t>
  </si>
  <si>
    <t>神(湘セ)第１－３１５号湘南空調</t>
  </si>
  <si>
    <t>神(湘セ)第１－３１６号有限会社Ｔ．ＴＲＹ</t>
  </si>
  <si>
    <t>神(湘セ)第１－３１７号山健設備</t>
  </si>
  <si>
    <t>神(湘セ)第１－３１８号江成電工</t>
  </si>
  <si>
    <t>神(湘セ)第１－３１９号武内冷電</t>
  </si>
  <si>
    <t>神(湘セ)第１－３２０号株式会社ＴＴＩ</t>
  </si>
  <si>
    <t>神(湘セ)第１－３２１号有限会社Ｓ．Ｙコーポレーション</t>
  </si>
  <si>
    <t>神(湘セ)第１－３２２号テクノプライム株式会社</t>
  </si>
  <si>
    <t>神(湘セ)第１－３２３号湘南エクシア株式会社</t>
  </si>
  <si>
    <t>神(湘セ)第１－３２４号新青設備株式会社</t>
  </si>
  <si>
    <t>神(湘セ)第１－３２５号有限会社サンクリーン</t>
  </si>
  <si>
    <t>神(湘セ)第１－３２６号ブレスド</t>
  </si>
  <si>
    <t>神(湘セ)第１－３２７号株式会社小林冷設</t>
  </si>
  <si>
    <t>神(湘セ)第１－３２８号株式会社滝山工業</t>
  </si>
  <si>
    <t>神(湘セ)第１－３２９号株式会社久保機械設備工業</t>
  </si>
  <si>
    <t>神(湘セ)第１－３３０号有限会社二見電気商会</t>
  </si>
  <si>
    <t>神(湘セ)第１－３３１号株式会社Ｄ－ＲＩＳＥ　Ｃｏｒｐｏｒａｔｉｏｎ</t>
  </si>
  <si>
    <t>神(湘セ)第１－３３３号Ｎ－Ｆａｃｉｌｉｔｙ株式会社</t>
  </si>
  <si>
    <t>神(湘セ)第１－３３４号株式会社湘洋エンジニアリング</t>
  </si>
  <si>
    <t>神(湘セ)第１－３３５号株式会社石井空調</t>
  </si>
  <si>
    <t>神(湘セ)第１－３３６号後藤総業</t>
  </si>
  <si>
    <t>神(湘セ)第１－３３７号株式会社児玉通信</t>
  </si>
  <si>
    <t>神(湘セ)第１－３３８号有限会社しょうなん空調</t>
  </si>
  <si>
    <t>神(湘セ)第１－３３９号合同会社ＦＣＫ</t>
  </si>
  <si>
    <t>神(湘セ)第１－３４０号沼里空調</t>
  </si>
  <si>
    <t>神(湘セ)第１－３４１号ライフライン湘南株式会社</t>
  </si>
  <si>
    <t>神(湘セ)第１－３４２号つちや空調</t>
  </si>
  <si>
    <t>神(湘セ)第１－３４３号ベアテック</t>
  </si>
  <si>
    <t>神(湘セ)第１－３４４号株式会社三興</t>
  </si>
  <si>
    <t>神(湘セ)第１－３４５号トーエイ空調株式会社</t>
  </si>
  <si>
    <t>神(湘セ)第１－３４６号ホームサポート　秦野</t>
  </si>
  <si>
    <t>神(湘セ)第１－３４７号株式会社ケー・アイル</t>
  </si>
  <si>
    <t>神(湘セ)第１－３４８号イーアイプランニング株式会社</t>
  </si>
  <si>
    <t>神(湘セ)第１－３４９号三陽リペア株式会社</t>
  </si>
  <si>
    <t>神(湘セ)第１－３５０号株式会社湘南エアソリューション</t>
  </si>
  <si>
    <t>神(湘セ)第１－３５１号河西空調株式会社</t>
  </si>
  <si>
    <t>神(湘セ)第１－３５２号ＴＡＭＡＴＥＣ</t>
  </si>
  <si>
    <t>神(湘セ)第１－３５３号アクト</t>
  </si>
  <si>
    <t>神(湘セ)第１－３５４号ケイエス電業株式会社</t>
  </si>
  <si>
    <t>神(湘セ)第１－３５５号ＡＬＭＡＴＥＣ</t>
  </si>
  <si>
    <t>神(湘セ)第１－３５６号エステックサ_x000D_ービス</t>
  </si>
  <si>
    <t>神(湘セ)第１－３５７号株式会社弘立</t>
  </si>
  <si>
    <t>神(湘セ)第１－３５８号ティーエレック</t>
  </si>
  <si>
    <t>神(湘セ)第１－３５９号株式会社丹野設備工業所</t>
  </si>
  <si>
    <t>神(湘セ)第１－３６０号株式会社神工冷熱</t>
  </si>
  <si>
    <t>神(湘セ)第１－３６１号株式会社ＡＩＲ　ＲＩＳＥ</t>
  </si>
  <si>
    <t>神(湘セ)第１－３６２号株式会社幸和</t>
  </si>
  <si>
    <t>神(湘セ)第１－３６３号ＫＭＥ株式会社</t>
  </si>
  <si>
    <t>神(湘セ)第１－３６４号Ｙ’ｍ　Ｓｅｒｖｉｃｅ合同会社</t>
  </si>
  <si>
    <t>神(湘セ)第１－３６５号有限会社岸谷電気</t>
  </si>
  <si>
    <t>神(湘セ)第１－３６６号株式会社添田工務所</t>
  </si>
  <si>
    <t>神(湘セ)第１－３６８号石田空調</t>
  </si>
  <si>
    <t>神(湘セ)第１－３６９号ヒールドヒール</t>
  </si>
  <si>
    <t>神(湘セ)第１－３７０号武田電気</t>
  </si>
  <si>
    <t>神(湘セ)第１－３７１号ツヅキ工業株式会社</t>
  </si>
  <si>
    <t>神(湘セ)第１－３７２号株式会社協林</t>
  </si>
  <si>
    <t>神(湘セ)第１－３７３号有限会社平電気企画</t>
  </si>
  <si>
    <t>神(湘セ)第１－３７４号ＨＫ　Ｓｅｒｖｉｃｅ</t>
  </si>
  <si>
    <t>神(湘セ)第１－３７５号株式会社エステック</t>
  </si>
  <si>
    <t>神(湘セ)第１－３７６号株式会社ＡＬＭＡＴＥＣ</t>
  </si>
  <si>
    <t>神(湘セ)第１－３７７号株式会社ＮＥＸ</t>
  </si>
  <si>
    <t>神(湘セ)第１－３７８号有限会社ＴＡＫコンサルティング</t>
  </si>
  <si>
    <t>神(湘セ)第１－３７９号合同会社ＳＫＹ</t>
  </si>
  <si>
    <t>神(湘セ)第１－３８０号株式会社高須工房</t>
  </si>
  <si>
    <t>神(湘セ)第１－３８１号株式会社いすゞテクノ</t>
  </si>
  <si>
    <t>神(湘セ)第１－３８２号有限会社英光電気</t>
  </si>
  <si>
    <t>神(湘セ)第１－３８３号さくら空調設備</t>
  </si>
  <si>
    <t>神(湘セ)第１－３８４号株式会社湘南ライフテクノ</t>
  </si>
  <si>
    <t>神(湘セ)第１－３８５号株式会社ＫＩ空調</t>
  </si>
  <si>
    <t>神(湘セ)第１－３８６号Ｆｌｅｘ　Ｆｌｅｅｔ　Ｔｒｅａｄｉｎｇ</t>
  </si>
  <si>
    <t>神(湘セ)第１－３８８号株式会社Ｆａｃｔ</t>
  </si>
  <si>
    <t>神(湘セ)第１－３８９号飯田電器</t>
  </si>
  <si>
    <t>神(湘セ)第１－３９０号株式会社Ｐｅｎｅｔｒａｔｅ</t>
  </si>
  <si>
    <t>神(湘セ)第１－３９１号渡部空調</t>
  </si>
  <si>
    <t>神(湘セ)第１－３９２号ニコットホームサービス株式会社</t>
  </si>
  <si>
    <t>神(湘セ)第１－３９３号前田空調</t>
  </si>
  <si>
    <t>神(湘セ)第１－３９４号株式会社ＫＲ</t>
  </si>
  <si>
    <t>神(湘セ)第１－３９５号有限会社エスケーエスサービス</t>
  </si>
  <si>
    <t>神(湘セ)第１－３９６号株式会社エビス　本店事業所</t>
  </si>
  <si>
    <t>神(湘セ)第１－３９７号ＤＫＲ　ｃｏｍｐａｎｙ</t>
  </si>
  <si>
    <t>神(湘セ)第１－３９８号株式会社ＬＶ－ＣＯＮ</t>
  </si>
  <si>
    <t>神(湘セ)第１－３９９号株式会社勇心空設</t>
  </si>
  <si>
    <t>神(西セ)第１－１号株式会社平沼商店</t>
  </si>
  <si>
    <t>神(西セ)第１－２号アソー熱工業株式会社</t>
  </si>
  <si>
    <t>神(西セ)第１－４号小田原冷機工業株式会社</t>
  </si>
  <si>
    <t>神(西セ)第１－５号有限会社信和冷機工業所</t>
  </si>
  <si>
    <t>神(西セ)第１－６号株式会社ＫＲＳ</t>
  </si>
  <si>
    <t>神(西セ)第１－１２号湯河原冷凍機株式会社</t>
  </si>
  <si>
    <t>神(西セ)第１－１５号株式会社西湘冷熱</t>
  </si>
  <si>
    <t>神(西セ)第１－１６号有限会社デイ設備</t>
  </si>
  <si>
    <t>神(西セ)第１－１７号有限会社昭和温調</t>
  </si>
  <si>
    <t>神(西セ)第１－２２号タナカ冷熱工業</t>
  </si>
  <si>
    <t>神(西セ)第１－２５号有限会社ユニオン商会</t>
  </si>
  <si>
    <t>神(西セ)第１－２７号有限会社福住工業</t>
  </si>
  <si>
    <t>神(西セ)第１－３０号株式会社ハイ・テツク</t>
  </si>
  <si>
    <t>神(西セ)第１－３６号有限会社エーシーエスプランナー</t>
  </si>
  <si>
    <t>神(西セ)第１－３７号有限会社ナミフサ設備</t>
  </si>
  <si>
    <t>神(西セ)第１－３８号有限会社高村空調設備</t>
  </si>
  <si>
    <t>神(西セ)第１－４０号有限会社箱根美掃</t>
  </si>
  <si>
    <t>神(西セ)第１－４３号開成テクニカル</t>
  </si>
  <si>
    <t>神(西セ)第１－４４号ＬＥＣ’Ｓアトム</t>
  </si>
  <si>
    <t>神(西セ)第１－４５号日進工業</t>
  </si>
  <si>
    <t>神(西セ)第１－４６号新陽冷熱工業株式会社</t>
  </si>
  <si>
    <t>神(西セ)第１－４７号石本空設</t>
  </si>
  <si>
    <t>神(西セ)第１－５０号株式会社フジ・ベンテック</t>
  </si>
  <si>
    <t>神(西セ)第１－５１号松本冷凍機</t>
  </si>
  <si>
    <t>神(西セ)第１－５３号アライ・リステム株式会社　山北工場</t>
  </si>
  <si>
    <t>神(西セ)第１－５４号布施冷熱</t>
  </si>
  <si>
    <t>神(西セ)第１－５５号有限会社伝々設備工業</t>
  </si>
  <si>
    <t>神(西セ)第１－５６号株式会社三宅電気工業所</t>
  </si>
  <si>
    <t>神(西セ)第１－５９号有限会社田中冷凍機</t>
  </si>
  <si>
    <t>神(西セ)第１－６１号久保寺冷熱工業</t>
  </si>
  <si>
    <t>神(西セ)第１－６３号株式会社東海設備工業</t>
  </si>
  <si>
    <t>神(西セ)第１－６４号株式会社ハイブリテック</t>
  </si>
  <si>
    <t>神(西セ)第１－６７号株式会社ケーアイシステム</t>
  </si>
  <si>
    <t>神(西セ)第１－６８号有限会社榎本電気商会</t>
  </si>
  <si>
    <t>神(西セ)第１－７０号株式会社ライフテック</t>
  </si>
  <si>
    <t>神(西セ)第１－７４号アルプス設備株式会社</t>
  </si>
  <si>
    <t>神(西セ)第１－７５号有限会社ミナミ設備</t>
  </si>
  <si>
    <t>神(西セ)第１－７７号有限会社バリテック</t>
  </si>
  <si>
    <t>神(西セ)第１－７８号有限会社アンツ工業</t>
  </si>
  <si>
    <t>神(西セ)第１－７９号有限会社川口冷熱</t>
  </si>
  <si>
    <t>神(西セ)第１－８１号開成温調</t>
  </si>
  <si>
    <t>神(西セ)第１－８２号有限会社タクミス湘南</t>
  </si>
  <si>
    <t>神(西セ)第１－８４号株式会社明治エンジニヤリング</t>
  </si>
  <si>
    <t>神(西セ)第１－８５号株式会社ＡＩＲＷＡＶＥ</t>
  </si>
  <si>
    <t>神(西セ)第１－８７号株式会社ＹＵＫトータルサービス</t>
  </si>
  <si>
    <t>神(西セ)第１－８８号清凌電設株式会社</t>
  </si>
  <si>
    <t>神(西セ)第１－８９号有限会社菊地電機</t>
  </si>
  <si>
    <t>神(西セ)第１－９１号大共冷熱</t>
  </si>
  <si>
    <t>神(西セ)第１－９２号株式会社三和商会</t>
  </si>
  <si>
    <t>神(西セ)第１－９３号有限会社小田原自動車電機工業</t>
  </si>
  <si>
    <t>神(西セ)第１－９４号有限会社山口電業社</t>
  </si>
  <si>
    <t>神(西セ)第１－９５号株式会社東海エアコンポ</t>
  </si>
  <si>
    <t>神(西セ)第１－９６号株式会社ＯＫＳ</t>
  </si>
  <si>
    <t>神(西セ)第１－９７号株式会社進和工業</t>
  </si>
  <si>
    <t>神(西セ)第１－９８号株式会社ニッショー熱工業</t>
  </si>
  <si>
    <t>神(西セ)第１－９９号富士フイルムエンジニアリング株式会社　エンジニアリング事業部</t>
  </si>
  <si>
    <t>神(西セ)第１－１００号佐々木冷熱株式会社</t>
  </si>
  <si>
    <t>神(西セ)第１－１０１号株式会社協大工業</t>
  </si>
  <si>
    <t>神(西セ)第１－１０２号有限会社穂坂商店</t>
  </si>
  <si>
    <t>神(西セ)第１－１０３号株式会社商永</t>
  </si>
  <si>
    <t>神(西セ)第１－１０４号株式会社川西設備</t>
  </si>
  <si>
    <t>神(西セ)第１－１０５号株式会社エコ・アール・カネダ　別堀営業所</t>
  </si>
  <si>
    <t>神(西セ)第１－１０６号石澤空調</t>
  </si>
  <si>
    <t>神(西セ)第１－１０７号株式会社ＲＯＢＩＮ</t>
  </si>
  <si>
    <t>神(西セ)第１－１０８号株式会社大相環境サービス</t>
  </si>
  <si>
    <t>神(西セ)第１－１０９号株式会社会津</t>
  </si>
  <si>
    <t>神(西セ)第１－１１０号株式会社会津</t>
  </si>
  <si>
    <t>神(西セ)第１－１１１号アイテクト株式会社</t>
  </si>
  <si>
    <t>中央4-2-2</t>
  </si>
  <si>
    <t>神奈川区新浦島町1-1-25　GRC横浜ベイリサーチパーク　16階</t>
  </si>
  <si>
    <t>恵比寿一丁目8番14-420号</t>
  </si>
  <si>
    <t>葛󠄀飾区</t>
  </si>
  <si>
    <t>東立石一丁目19番2号</t>
  </si>
  <si>
    <t>048-288-5855</t>
  </si>
  <si>
    <t>株式会社エスディ・メンテナンス　首都圏支店</t>
  </si>
  <si>
    <t>泉区住吉台西1丁目12-2</t>
  </si>
  <si>
    <t>日本キヤリア株式会社　神奈川サービスエンジニアリングセンター</t>
  </si>
  <si>
    <t>旭区さちが丘18-1</t>
  </si>
  <si>
    <t>日本キヤリア株式会社　東京サービスエンジニアリングセンター</t>
  </si>
  <si>
    <t>小石川3丁目38番13号</t>
  </si>
  <si>
    <t>ＵＳエアコンサービス</t>
  </si>
  <si>
    <t>保塚町9-24</t>
  </si>
  <si>
    <t>神奈川区鶴屋町二丁目21番1号ﾀﾞｲﾔﾋﾞﾙ7階</t>
  </si>
  <si>
    <t>西日暮里2-31-5</t>
  </si>
  <si>
    <t>中区不老町1-1-5　横浜東芝ビル7F</t>
  </si>
  <si>
    <t>中央2-4-8　ニコービル5F</t>
  </si>
  <si>
    <t>上目黒3-2-3　りそな中目黒ビル　5階</t>
  </si>
  <si>
    <t>新栄1丁目7番地5</t>
  </si>
  <si>
    <t>金沢区釜利谷西1丁目31番26号</t>
  </si>
  <si>
    <t>株式会社ビックロジサービス　建設工事部</t>
  </si>
  <si>
    <t>越野2-19　A-103</t>
  </si>
  <si>
    <t>東上野一丁目14番10号　WIS BLDG.4F</t>
  </si>
  <si>
    <t>西蒲田8-2-1-201</t>
  </si>
  <si>
    <t>03-3734-5654</t>
  </si>
  <si>
    <t>旭区白根八丁目6番3号　ミサキハイツ1F</t>
  </si>
  <si>
    <t>東品川4丁目12番3号</t>
  </si>
  <si>
    <t>株式会社メトリ　山形本社工場</t>
  </si>
  <si>
    <t>株式会社メトリ　川崎オフィス</t>
  </si>
  <si>
    <t>株式会社メトリ　岡山工場</t>
  </si>
  <si>
    <t>株式会社シンミテクノ</t>
  </si>
  <si>
    <t>佐太中町7-2-16</t>
  </si>
  <si>
    <t>06-6904-8545</t>
  </si>
  <si>
    <t>080-4222-7479</t>
  </si>
  <si>
    <t>株式会社ＢＲＡＶＥ</t>
  </si>
  <si>
    <t>早稲田7-20-1ライフペリエ三郷503</t>
  </si>
  <si>
    <t>小泉9-26-3</t>
  </si>
  <si>
    <t>前野町4-1-2</t>
  </si>
  <si>
    <t>神奈川区新浦島町二丁目2番地1-1107</t>
  </si>
  <si>
    <t>045-567-2167</t>
  </si>
  <si>
    <t>青葉区鴨志田町50-C</t>
  </si>
  <si>
    <t>西新井本町2-6-16</t>
  </si>
  <si>
    <t>中央4-12-20</t>
  </si>
  <si>
    <t>多摩区菅馬場2-5-3</t>
  </si>
  <si>
    <t>多摩平六丁目8番地25号</t>
  </si>
  <si>
    <t>清水区大坪1-7-26</t>
  </si>
  <si>
    <t>保土ケ谷区狩場町26-45</t>
  </si>
  <si>
    <t>東葛西二丁目29番8号</t>
  </si>
  <si>
    <t>ＮＥＣフィールディング株式会社　技術サービス統括部　技術教育グループ</t>
  </si>
  <si>
    <t>高根沢町宝石台3-2-1</t>
  </si>
  <si>
    <t>第１－４５３９号</t>
  </si>
  <si>
    <t>株式会社ＪＰＮ</t>
  </si>
  <si>
    <t>第１－４５４０号</t>
  </si>
  <si>
    <t>合同会社　レジェンドシップ</t>
  </si>
  <si>
    <t>合同会社レジェンドシップ</t>
  </si>
  <si>
    <t>南青山2-2-15</t>
  </si>
  <si>
    <t>第１－４５４１号</t>
  </si>
  <si>
    <t>計装システム　株式会社</t>
  </si>
  <si>
    <t>計装システム株式会社</t>
  </si>
  <si>
    <t>吉沢町149</t>
  </si>
  <si>
    <t>第１－４５４２号</t>
  </si>
  <si>
    <t>シャープワンストップサービス　株式会社</t>
  </si>
  <si>
    <t>シャープワンストップサービス株式会社　横浜サービスセンター</t>
  </si>
  <si>
    <t>第１－４５４３号</t>
  </si>
  <si>
    <t>株式会社　Ａ　ＳＴＹＬＥ</t>
  </si>
  <si>
    <t>株式会社Ａ　ＳＴＹＬＥ</t>
  </si>
  <si>
    <t>若松町5-10-3</t>
  </si>
  <si>
    <t>第１－４５４４号</t>
  </si>
  <si>
    <t>緑区中尾110-25</t>
  </si>
  <si>
    <t>第１－４５４５号</t>
  </si>
  <si>
    <t>株式会社　エス・アイ設備</t>
  </si>
  <si>
    <t>株式会社エス・アイ設備</t>
  </si>
  <si>
    <t>欠真間2-20-8</t>
  </si>
  <si>
    <t>第１－４５４６号</t>
  </si>
  <si>
    <t>第１－４５４７号</t>
  </si>
  <si>
    <t>株式会社　泉空調</t>
  </si>
  <si>
    <t>株式会社泉空調</t>
  </si>
  <si>
    <t>嵩山町字尾曽根127番地2</t>
  </si>
  <si>
    <t>第１－４５４８号</t>
  </si>
  <si>
    <t>伊吹　隆司</t>
  </si>
  <si>
    <t>ＲＹＵ　ＳＥＮ設備工業</t>
  </si>
  <si>
    <t>池上七丁目10番2号　プリマカーサ303</t>
  </si>
  <si>
    <t>第１－４５４９号</t>
  </si>
  <si>
    <t>さくら空調　株式会社</t>
  </si>
  <si>
    <t>さくら空調株式会社</t>
  </si>
  <si>
    <t>さくら市</t>
  </si>
  <si>
    <t>馬場790番地1</t>
  </si>
  <si>
    <t>第１－４５５０号</t>
  </si>
  <si>
    <t>アイリスコ　合同会社</t>
  </si>
  <si>
    <t>アイリスコ合同会社</t>
  </si>
  <si>
    <t>中丸二丁目202番地</t>
  </si>
  <si>
    <t>第１－４５５１号</t>
  </si>
  <si>
    <t>有限会社　ライフ空調</t>
  </si>
  <si>
    <t>有限会社ライフ空調</t>
  </si>
  <si>
    <t>東大泉6-32-16　ハイブリッヂ大泉1F</t>
  </si>
  <si>
    <t>第１－４５５２号</t>
  </si>
  <si>
    <t>ＳＴＲＩＶＥＳ　株式会社</t>
  </si>
  <si>
    <t>ＳＴＲＩＶＥＳ株式会社</t>
  </si>
  <si>
    <t>戸塚区汲沢町219-2</t>
  </si>
  <si>
    <t>第１－４５５３号</t>
  </si>
  <si>
    <t>佐野　洋史</t>
  </si>
  <si>
    <t>佐野空調</t>
  </si>
  <si>
    <t>中区曙町4-60-1-202</t>
  </si>
  <si>
    <t>第１－４５５４号</t>
  </si>
  <si>
    <t>株式会社　ＢＥＬＬＤＥＥＲ</t>
  </si>
  <si>
    <t>株式会社ＢＥＬＬＤＥＥＲ</t>
  </si>
  <si>
    <t>神奈川区松見町3-4-5-306</t>
  </si>
  <si>
    <t>第１－４５５５号</t>
  </si>
  <si>
    <t>第１－４５５６号</t>
  </si>
  <si>
    <t>嶋田　哲治</t>
  </si>
  <si>
    <t>嶋田哲治</t>
  </si>
  <si>
    <t>中央区幸二丁目52-10</t>
  </si>
  <si>
    <t>第１－４５５７号</t>
  </si>
  <si>
    <t>第１－４５５８号</t>
  </si>
  <si>
    <t>西品川1-11-5</t>
  </si>
  <si>
    <t>第１－４５５９号</t>
  </si>
  <si>
    <t>株式会社　ヤマダ技研</t>
  </si>
  <si>
    <t>株式会社ヤマダ技研</t>
  </si>
  <si>
    <t>若林区鶴代町2番48号</t>
  </si>
  <si>
    <t>第１－４５６０号</t>
  </si>
  <si>
    <t>古谷　竜二</t>
  </si>
  <si>
    <t>古谷商店</t>
  </si>
  <si>
    <t>栄区本郷台3-12-19</t>
  </si>
  <si>
    <t>第１－４５６１号</t>
  </si>
  <si>
    <t>株式会社　ＡＫＧ</t>
  </si>
  <si>
    <t>株式会社ＡＫＧ</t>
  </si>
  <si>
    <t>新堀1-4-10</t>
  </si>
  <si>
    <t>第１－４５６２号</t>
  </si>
  <si>
    <t>株式会社　タンキュウデンキ</t>
  </si>
  <si>
    <t>株式会社タンキュウデンキ</t>
  </si>
  <si>
    <t>戸塚区汲沢6-5-14　森店舗B102号</t>
  </si>
  <si>
    <t>第１－４５６３号</t>
  </si>
  <si>
    <t>大屋　翔</t>
  </si>
  <si>
    <t>ＡＩＲ　ＲＩＳＥ</t>
  </si>
  <si>
    <t>川崎区大島5-12-5-305</t>
  </si>
  <si>
    <t>第１－４５６４号</t>
  </si>
  <si>
    <t>都筑区折本町1170番28</t>
  </si>
  <si>
    <t>第１－４５６５号</t>
  </si>
  <si>
    <t>株式会社　Ａｉｒｅａ</t>
  </si>
  <si>
    <t>株式会社Ａｉｒｅａ</t>
  </si>
  <si>
    <t>栄三丁目175番地1</t>
  </si>
  <si>
    <t>第１－４５６６号</t>
  </si>
  <si>
    <t>東日本ビルテクノサービス　株式会社</t>
  </si>
  <si>
    <t>東日本ビルテクノサービス株式会社　二俣川営業所</t>
  </si>
  <si>
    <t>東日本ビルテクノサービス株式会社　厚木営業所</t>
  </si>
  <si>
    <t>東日本ビルテクノサービス株式会社　藤沢営業所</t>
  </si>
  <si>
    <t>東日本ビルテクノサービス株式会社　小田原営業所</t>
  </si>
  <si>
    <t>第１－４５６７号</t>
  </si>
  <si>
    <t>誠人空調設備　株式会社</t>
  </si>
  <si>
    <t>誠人空調設備株式会社</t>
  </si>
  <si>
    <t>港南区野庭町581番地10</t>
  </si>
  <si>
    <t>第１－４５６８号</t>
  </si>
  <si>
    <t>ダイヤ冷熱　株式会社</t>
  </si>
  <si>
    <t>ダイヤ冷熱株式会社</t>
  </si>
  <si>
    <t>金杉四丁目2番10号</t>
  </si>
  <si>
    <t>第１－４５６９号</t>
  </si>
  <si>
    <t>有限会社　上石</t>
  </si>
  <si>
    <t>有限会社上石</t>
  </si>
  <si>
    <t>多摩区中野島6-25-10</t>
  </si>
  <si>
    <t>第１－４５７０号</t>
  </si>
  <si>
    <t>株式会社　アイレス</t>
  </si>
  <si>
    <t>株式会社アイレス</t>
  </si>
  <si>
    <t>善ヶ島1261-9</t>
  </si>
  <si>
    <t>第１－４５７１号</t>
  </si>
  <si>
    <t>日成施設　株式会社</t>
  </si>
  <si>
    <t>日成施設株式会社</t>
  </si>
  <si>
    <t>太白区中田町字法地南22番地の1</t>
  </si>
  <si>
    <t>第１－４５７２号</t>
  </si>
  <si>
    <t>株式会社　藤工設備</t>
  </si>
  <si>
    <t>株式会社藤工設備</t>
  </si>
  <si>
    <t>第１－４５７３号</t>
  </si>
  <si>
    <t>株式会社　北怜</t>
  </si>
  <si>
    <t>株式会社北怜</t>
  </si>
  <si>
    <t>多摩区長沢4-37-17　テラス長沢E</t>
  </si>
  <si>
    <t>第１－４５７４号</t>
  </si>
  <si>
    <t>株式会社　桜空調</t>
  </si>
  <si>
    <t>株式会社桜空調</t>
  </si>
  <si>
    <t>伊奈町栄3-15-1-102</t>
  </si>
  <si>
    <t>第１－４５７５号</t>
  </si>
  <si>
    <t>第１－４５７６号</t>
  </si>
  <si>
    <t>株式会社　インフィルコーポレーション</t>
  </si>
  <si>
    <t>株式会社インフィルコーポレーション</t>
  </si>
  <si>
    <t>第１－４５７７号</t>
  </si>
  <si>
    <t>小堀　拓海</t>
  </si>
  <si>
    <t>大希冷熱</t>
  </si>
  <si>
    <t>鹿浜5-16-2</t>
  </si>
  <si>
    <t>第１－４５７８号</t>
  </si>
  <si>
    <t>山崎計装電設　株式会社</t>
  </si>
  <si>
    <t>山崎計装電設株式会社</t>
  </si>
  <si>
    <t>荒川沖西二丁目3番3号</t>
  </si>
  <si>
    <t>第１－４５７９号</t>
  </si>
  <si>
    <t>松本　朋久</t>
  </si>
  <si>
    <t>Ｌｉｎｋ</t>
  </si>
  <si>
    <t>磯子区洋光台6-40-36　フレグランスⅡ-101</t>
  </si>
  <si>
    <t>第１－４５８０号</t>
  </si>
  <si>
    <t>株式会社　真翔空調設備</t>
  </si>
  <si>
    <t>株式会社真翔空調設備</t>
  </si>
  <si>
    <t>下香貫八重148-5</t>
  </si>
  <si>
    <t>第１－４５８１号</t>
  </si>
  <si>
    <t>加賀谷　達郎</t>
  </si>
  <si>
    <t>加賀谷設備</t>
  </si>
  <si>
    <t>牛沼179-31</t>
  </si>
  <si>
    <t>第１－４５８２号</t>
  </si>
  <si>
    <t>株式会社　ＪＡＰＡＮホワイト</t>
  </si>
  <si>
    <t>株式会社ＪＡＰＡＮホワイト　京都南営業所</t>
  </si>
  <si>
    <t>久世郡</t>
  </si>
  <si>
    <t>久御山町島田堤外22-1-5</t>
  </si>
  <si>
    <t>第１－４５８３号</t>
  </si>
  <si>
    <t>共栄産業　株式会社</t>
  </si>
  <si>
    <t>共栄産業株式会社</t>
  </si>
  <si>
    <t>港南区日野中央2-36-25</t>
  </si>
  <si>
    <t>第１－４５８４号</t>
  </si>
  <si>
    <t>株式会社　メンテナンスファクトリー八王子</t>
  </si>
  <si>
    <t>株式会社メンテナンスファクトリー八王子</t>
  </si>
  <si>
    <t>松木35-16</t>
  </si>
  <si>
    <t>第１－４５８５号</t>
  </si>
  <si>
    <t>株式会社　テクノパルネット</t>
  </si>
  <si>
    <t>株式会社テクノパルネット</t>
  </si>
  <si>
    <t>南品川2-1-5</t>
  </si>
  <si>
    <t>第１－４５８６号</t>
  </si>
  <si>
    <t>株式会社　Ｍ－ＴＥＫ</t>
  </si>
  <si>
    <t>株式会社Ｍ－ＴＥＫ</t>
  </si>
  <si>
    <t>都筑区東山田1-33-21,301号</t>
  </si>
  <si>
    <t>第１－４５８７号</t>
  </si>
  <si>
    <t>株式会社　テクノトータル</t>
  </si>
  <si>
    <t>株式会社テクノトータル</t>
  </si>
  <si>
    <t>立花町4-10-3</t>
  </si>
  <si>
    <t>第１－４５８８号</t>
  </si>
  <si>
    <t>古川　翼</t>
  </si>
  <si>
    <t>天道中設</t>
  </si>
  <si>
    <t>瀬谷区相沢5-54-4</t>
  </si>
  <si>
    <t>第１－４５８９号</t>
  </si>
  <si>
    <t>有限会社　Ｒカンパニー</t>
  </si>
  <si>
    <t>有限会社Ｒカンパニー</t>
  </si>
  <si>
    <t>第１－４５９０号</t>
  </si>
  <si>
    <t>株式会社　Ａｌｉｃｅ</t>
  </si>
  <si>
    <t>株式会社Ａｌｉｃｅ</t>
  </si>
  <si>
    <t>戸塚区平戸町401-282</t>
  </si>
  <si>
    <t>第１－４５９１号</t>
  </si>
  <si>
    <t>株式会社　電空</t>
  </si>
  <si>
    <t>株式会社電空</t>
  </si>
  <si>
    <t>永福3-34-12-101</t>
  </si>
  <si>
    <t>第１－４５９２号</t>
  </si>
  <si>
    <t>ＦＴＣ　株式会社</t>
  </si>
  <si>
    <t>ＦＴＣ株式会社</t>
  </si>
  <si>
    <t>落川67-32</t>
  </si>
  <si>
    <t>第１－４５９３号</t>
  </si>
  <si>
    <t>株式会社　ファーストカインド</t>
  </si>
  <si>
    <t>株式会社ファーストカインド</t>
  </si>
  <si>
    <t>神田三崎町3-4-4　グラン水道橋2階</t>
  </si>
  <si>
    <t>第１－４５９４号</t>
  </si>
  <si>
    <t>玉置工業　株式会社</t>
  </si>
  <si>
    <t>玉置工業株式会社</t>
  </si>
  <si>
    <t>清水区三保101-6</t>
  </si>
  <si>
    <t>第１－４５９５号</t>
  </si>
  <si>
    <t>髙橋　紀行</t>
  </si>
  <si>
    <t>瀬谷区南瀬谷1-69-3</t>
  </si>
  <si>
    <t>大矢部5丁目21番4号　藤荘508</t>
  </si>
  <si>
    <t>090-3505-1590</t>
  </si>
  <si>
    <t>七里ガ浜東三丁目5番8号</t>
  </si>
  <si>
    <t>090-3209-5040</t>
  </si>
  <si>
    <t>大矢部2丁目13番16-1号</t>
  </si>
  <si>
    <t>046-845-9338</t>
  </si>
  <si>
    <t>緑区下九沢611番地11</t>
  </si>
  <si>
    <t>株式会社　ＲＥＴＩＣＥ</t>
  </si>
  <si>
    <t>株式会社　ノジマ</t>
  </si>
  <si>
    <t>株式会社ノジマ　大黒商品センター</t>
  </si>
  <si>
    <t>鶴見区大黒町5-24</t>
  </si>
  <si>
    <t>第１－５５０号</t>
  </si>
  <si>
    <t>筒井　岳彦</t>
  </si>
  <si>
    <t>筒井空調設備</t>
  </si>
  <si>
    <t>中央区上矢部5-18-2クラベジーナ202</t>
  </si>
  <si>
    <t>株式会社　Ｆｉｖｅ　Ａｉｒ</t>
  </si>
  <si>
    <t>株式会社Ｆｉｖｅ　Ａｉｒ</t>
  </si>
  <si>
    <t>早川2161番地8</t>
  </si>
  <si>
    <t>株式会社　ミクマリ工業</t>
  </si>
  <si>
    <t>株式会社ミクマリ工業</t>
  </si>
  <si>
    <t>片岡688番地の4</t>
  </si>
  <si>
    <t>有限会社　神奈川クリーナー</t>
  </si>
  <si>
    <t>有限会社神奈川クリーナー</t>
  </si>
  <si>
    <t>南金目892番地の6</t>
  </si>
  <si>
    <t>湯河原町中央一丁目6番地18</t>
  </si>
  <si>
    <t>0465-25-4709</t>
  </si>
  <si>
    <t>上中　章弘</t>
  </si>
  <si>
    <t>カミチュー冷熱エアコンシステムズ</t>
  </si>
  <si>
    <t>曽我光海11番地の1</t>
  </si>
  <si>
    <t>エバスペヒャーミクニクライメットコントロールシステムズ株式会社</t>
  </si>
  <si>
    <t>久野2480番地</t>
  </si>
  <si>
    <t>照喜名　克</t>
  </si>
  <si>
    <t>ＴＫＨｖａｃ</t>
  </si>
  <si>
    <t>神(気水)第１－１２３５号株式会社エイリイ・エンジニアリング</t>
  </si>
  <si>
    <t>神(気水)第１－１２３８号丸石テクノ株式会社　東京支店</t>
  </si>
  <si>
    <t>神(気水)第１－１８１９号株式会社エスディ・メンテナンス　首都圏支店</t>
  </si>
  <si>
    <t>神(気水)第１－１８８０号株式会社ユーアイ・テクノス</t>
  </si>
  <si>
    <t>神(気水)第１－１８８１号創意</t>
  </si>
  <si>
    <t>神(気水)第１－１８８３号トプレック株式会社　厚木サービスセンター</t>
  </si>
  <si>
    <t>神(気水)第１－１８８４号商品化技術株式会社</t>
  </si>
  <si>
    <t>神(気水)第１－１８８５号東洋電興株式会社</t>
  </si>
  <si>
    <t>神(気水)第１－１８８６号株式会社ホクセイ冷熱</t>
  </si>
  <si>
    <t>神(気水)第１－１８８７号株式会社ナック</t>
  </si>
  <si>
    <t>神(気水)第１－１８８８号有限会社レーケン足立営業所</t>
  </si>
  <si>
    <t>神(気水)第１－１８９１号有限会社ファーストプランニング</t>
  </si>
  <si>
    <t>神(気水)第１－２２５２号日本キヤリア株式会社　神奈川サービスエンジニアリングセンター</t>
  </si>
  <si>
    <t>神(気水)第１－２２５２号日本キヤリア株式会社　東京サービスエンジニアリングセンター</t>
  </si>
  <si>
    <t>神(気水)第１－２４０３号株式会社メック</t>
  </si>
  <si>
    <t>神(気水)第１－２４０５号英和商工株式会社　東京事業本部</t>
  </si>
  <si>
    <t>神(気水)第１－２４０６号ＵＳエアコンサービス</t>
  </si>
  <si>
    <t>神(気水)第１－２４０７号株式会社ＳＨＩＮＫＯ</t>
  </si>
  <si>
    <t>神(気水)第１－２４０８号ＳＴＡＲ　ＷＡＶＥ株式会社</t>
  </si>
  <si>
    <t>神(気水)第１－２４０９号株式会社スリーアイ</t>
  </si>
  <si>
    <t>神(気水)第１－２４１０号株式会社猪野設備工業</t>
  </si>
  <si>
    <t>神(気水)第１－２４１１号株式会社シャインエアー</t>
  </si>
  <si>
    <t>神(気水)第１－２４１５号株式会社浅見工業</t>
  </si>
  <si>
    <t>神(気水)第１－２４３８号株式会社ビックロジサービス　建設工事部</t>
  </si>
  <si>
    <t>神(気水)第１－３４５５号ホシザキ東京株式会社</t>
  </si>
  <si>
    <t>神(気水)第１－３４５９号株式会社メトリ　山形本社工場</t>
  </si>
  <si>
    <t>神(気水)第１－３４５９号株式会社メトリ　川崎オフィス</t>
  </si>
  <si>
    <t>神(気水)第１－３４５９号株式会社メトリ　岡山工場</t>
  </si>
  <si>
    <t>神(気水)第１－３４７０号株式会社エフリンク</t>
  </si>
  <si>
    <t>神(気水)第１－３４７４号株式会社シンミテクノ</t>
  </si>
  <si>
    <t>神(気水)第１－３４７６号株式会社アイディ・ブレイン</t>
  </si>
  <si>
    <t>神(気水)第１－３４７７号タカフジ空調合同会社</t>
  </si>
  <si>
    <t>神(気水)第１－３４７９号株式会社ＢＲＡＶＥ</t>
  </si>
  <si>
    <t>神(気水)第１－３４８０号榎戸空調</t>
  </si>
  <si>
    <t>神(気水)第１－３４８２号株式会社インサイド</t>
  </si>
  <si>
    <t>神(気水)第１－３４８４号有限会社ＲＥＩＤＡＮ</t>
  </si>
  <si>
    <t>神(気水)第１－３４８７号有限会社新幸重設</t>
  </si>
  <si>
    <t>神(気水)第１－４１６７号ＮＥＣフィールディング株式会社　技術サービス統括部　技術教育グループ</t>
  </si>
  <si>
    <t>神(気水)第１－４５３９号株式会社ＪＰＮ</t>
  </si>
  <si>
    <t>神(気水)第１－４５４０号合同会社レジェンドシップ</t>
  </si>
  <si>
    <t>神(気水)第１－４５４１号計装システム株式会社</t>
  </si>
  <si>
    <t>神(気水)第１－４５４２号シャープワンストップサービス株式会社　横浜サービスセンター</t>
  </si>
  <si>
    <t>神(気水)第１－４５４３号株式会社Ａ　ＳＴＹＬＥ</t>
  </si>
  <si>
    <t>神(気水)第１－４５４４号株式会社サンエス</t>
  </si>
  <si>
    <t>神(気水)第１－４５４５号株式会社エス・アイ設備</t>
  </si>
  <si>
    <t>神(気水)第１－４５４６号三誠ジューキ株式会社</t>
  </si>
  <si>
    <t>神(気水)第１－４５４７号株式会社泉空調</t>
  </si>
  <si>
    <t>神(気水)第１－４５４８号ＲＹＵ　ＳＥＮ設備工業</t>
  </si>
  <si>
    <t>神(気水)第１－４５４９号さくら空調株式会社</t>
  </si>
  <si>
    <t>神(気水)第１－４５５０号アイリスコ合同会社</t>
  </si>
  <si>
    <t>神(気水)第１－４５５１号有限会社ライフ空調</t>
  </si>
  <si>
    <t>神(気水)第１－４５５２号ＳＴＲＩＶＥＳ株式会社</t>
  </si>
  <si>
    <t>神(気水)第１－４５５３号佐野空調</t>
  </si>
  <si>
    <t>神(気水)第１－４５５４号株式会社ＢＥＬＬＤＥＥＲ</t>
  </si>
  <si>
    <t>神(気水)第１－４５５５号株式会社レグルス</t>
  </si>
  <si>
    <t>神(気水)第１－４５５６号嶋田哲治</t>
  </si>
  <si>
    <t>神(気水)第１－４５５７号有限会社ライズ</t>
  </si>
  <si>
    <t>神(気水)第１－４５５８号株式会社松田空調</t>
  </si>
  <si>
    <t>神(気水)第１－４５５９号株式会社ヤマダ技研</t>
  </si>
  <si>
    <t>神(気水)第１－４５６０号古谷商店</t>
  </si>
  <si>
    <t>神(気水)第１－４５６１号株式会社ＡＫＧ</t>
  </si>
  <si>
    <t>神(気水)第１－４５６２号株式会社タンキュウデンキ</t>
  </si>
  <si>
    <t>神(気水)第１－４５６３号ＡＩＲ　ＲＩＳＥ</t>
  </si>
  <si>
    <t>神(気水)第１－４５６４号有限会社豊空調設備</t>
  </si>
  <si>
    <t>神(気水)第１－４５６５号株式会社Ａｉｒｅａ</t>
  </si>
  <si>
    <t>神(気水)第１－４５６６号東日本ビルテクノサービス株式会社　二俣川営業所</t>
  </si>
  <si>
    <t>神(気水)第１－４５６６号東日本ビルテクノサービス株式会社　厚木営業所</t>
  </si>
  <si>
    <t>神(気水)第１－４５６６号東日本ビルテクノサービス株式会社　藤沢営業所</t>
  </si>
  <si>
    <t>神(気水)第１－４５６６号東日本ビルテクノサービス株式会社　小田原営業所</t>
  </si>
  <si>
    <t>神(気水)第１－４５６７号誠人空調設備株式会社</t>
  </si>
  <si>
    <t>神(気水)第１－４５６８号ダイヤ冷熱株式会社</t>
  </si>
  <si>
    <t>神(気水)第１－４５６９号有限会社上石</t>
  </si>
  <si>
    <t>神(気水)第１－４５７０号株式会社アイレス</t>
  </si>
  <si>
    <t>神(気水)第１－４５７１号日成施設株式会社</t>
  </si>
  <si>
    <t>神(気水)第１－４５７２号株式会社藤工設備</t>
  </si>
  <si>
    <t>神(気水)第１－４５７３号株式会社北怜</t>
  </si>
  <si>
    <t>神(気水)第１－４５７４号株式会社桜空調</t>
  </si>
  <si>
    <t>神(気水)第１－４５７５号株式会社ソルテクノ</t>
  </si>
  <si>
    <t>神(気水)第１－４５７６号株式会社インフィルコーポレーション</t>
  </si>
  <si>
    <t>神(気水)第１－４５７７号大希冷熱</t>
  </si>
  <si>
    <t>神(気水)第１－４５７８号山崎計装電設株式会社</t>
  </si>
  <si>
    <t>神(気水)第１－４５７９号Ｌｉｎｋ</t>
  </si>
  <si>
    <t>神(気水)第１－４５８０号株式会社真翔空調設備</t>
  </si>
  <si>
    <t>神(気水)第１－４５８１号加賀谷設備</t>
  </si>
  <si>
    <t>神(気水)第１－４５８２号株式会社ＪＡＰＡＮホワイト　京都南営業所</t>
  </si>
  <si>
    <t>神(気水)第１－４５８３号共栄産業株式会社</t>
  </si>
  <si>
    <t>神(気水)第１－４５８４号株式会社メンテナンスファクトリー八王子</t>
  </si>
  <si>
    <t>神(気水)第１－４５８５号株式会社テクノパルネット</t>
  </si>
  <si>
    <t>神(気水)第１－４５８６号株式会社Ｍ－ＴＥＫ</t>
  </si>
  <si>
    <t>神(気水)第１－４５８７号株式会社テクノトータル</t>
  </si>
  <si>
    <t>神(気水)第１－４５８８号天道中設</t>
  </si>
  <si>
    <t>神(気水)第１－４５８９号有限会社Ｒカンパニー</t>
  </si>
  <si>
    <t>神(気水)第１－４５９０号株式会社Ａｌｉｃｅ</t>
  </si>
  <si>
    <t>神(気水)第１－４５９１号株式会社電空</t>
  </si>
  <si>
    <t>神(気水)第１－４５９２号ＦＴＣ株式会社</t>
  </si>
  <si>
    <t>神(気水)第１－４５９３号株式会社ファーストカインド</t>
  </si>
  <si>
    <t>神(気水)第１－４５９４号玉置工業株式会社</t>
  </si>
  <si>
    <t>神(気水)第１－４５９５号髙橋空調サービス</t>
  </si>
  <si>
    <t>神(横セ)第１－５６号株式会社アイ・システムズ</t>
  </si>
  <si>
    <t>神(横セ)第１－９５号有限会社三好空調</t>
  </si>
  <si>
    <t>神(央セ)第１－１７８号有限会社レイ電化サービス</t>
  </si>
  <si>
    <t>神(央セ)第１－１８３号有限会社平和総合商事</t>
  </si>
  <si>
    <t>神(央セ)第１－１９３号有限会社美保工業</t>
  </si>
  <si>
    <t>神(央セ)第１－２５５号有限会社大和エアーサービス</t>
  </si>
  <si>
    <t>神(央セ)第１－４００号有限会社昌本商事</t>
  </si>
  <si>
    <t>神(央セ)第１－４６９号ツネテック</t>
  </si>
  <si>
    <t>神(央セ)第１－５０５号株式会社ＲＥＴＩＣＥ</t>
  </si>
  <si>
    <t>神(央セ)第１－５４９号株式会社ノジマ　大黒商品センター</t>
  </si>
  <si>
    <t>神(央セ)第１－５５０号筒井空調設備</t>
  </si>
  <si>
    <t>神(央セ)第１－５５１号株式会社Ｆｉｖｅ　Ａｉｒ</t>
  </si>
  <si>
    <t>神(湘セ)第１－４００号株式会社ミクマリ工業</t>
  </si>
  <si>
    <t>神(湘セ)第１－４０１号有限会社神奈川クリーナー</t>
  </si>
  <si>
    <t>神(西セ)第１－１１２号カミチュー冷熱エアコンシステムズ</t>
  </si>
  <si>
    <t>神(西セ)第１－１１３号エバスペヒャーミクニクライメットコントロールシステムズ株式会社</t>
  </si>
  <si>
    <t>神(西セ)第１－１１４号ＴＫＨｖａｃ</t>
  </si>
  <si>
    <t>三浦具</t>
    <rPh sb="0" eb="2">
      <t>ミウラ</t>
    </rPh>
    <rPh sb="2" eb="3">
      <t>グ</t>
    </rPh>
    <phoneticPr fontId="2"/>
  </si>
  <si>
    <t>葉山町上山口3014-1</t>
    <rPh sb="0" eb="3">
      <t>ハヤママチ</t>
    </rPh>
    <rPh sb="3" eb="6">
      <t>カミヤマグチ</t>
    </rPh>
    <phoneticPr fontId="2"/>
  </si>
  <si>
    <t>大矢部三丁目23番9号</t>
    <rPh sb="8" eb="9">
      <t>バン</t>
    </rPh>
    <rPh sb="10" eb="11">
      <t>ゴウ</t>
    </rPh>
    <phoneticPr fontId="2"/>
  </si>
  <si>
    <t>長沢6丁目5番3号</t>
    <rPh sb="0" eb="2">
      <t>ナガサワ</t>
    </rPh>
    <rPh sb="3" eb="5">
      <t>チョウメ</t>
    </rPh>
    <rPh sb="6" eb="7">
      <t>バン</t>
    </rPh>
    <rPh sb="8" eb="9">
      <t>ゴウ</t>
    </rPh>
    <phoneticPr fontId="2"/>
  </si>
  <si>
    <t>第１－１７２号</t>
    <phoneticPr fontId="2"/>
  </si>
  <si>
    <t>有限会社　海栄電気</t>
    <rPh sb="0" eb="2">
      <t>ユウゲン</t>
    </rPh>
    <rPh sb="2" eb="4">
      <t>カイシャ</t>
    </rPh>
    <rPh sb="5" eb="6">
      <t>ウミ</t>
    </rPh>
    <rPh sb="6" eb="7">
      <t>サカエ</t>
    </rPh>
    <rPh sb="7" eb="9">
      <t>デンキ</t>
    </rPh>
    <phoneticPr fontId="7"/>
  </si>
  <si>
    <t>三浦市</t>
    <phoneticPr fontId="2"/>
  </si>
  <si>
    <t>三崎3丁目10番5号</t>
    <rPh sb="3" eb="5">
      <t>チョウメ</t>
    </rPh>
    <rPh sb="7" eb="8">
      <t>バン</t>
    </rPh>
    <rPh sb="9" eb="10">
      <t>ゴウ</t>
    </rPh>
    <phoneticPr fontId="2"/>
  </si>
  <si>
    <t>第１－１７３号</t>
    <phoneticPr fontId="2"/>
  </si>
  <si>
    <t>仲田　裕一</t>
    <rPh sb="0" eb="2">
      <t>ナカダ</t>
    </rPh>
    <rPh sb="3" eb="5">
      <t>ユウイチ</t>
    </rPh>
    <phoneticPr fontId="7"/>
  </si>
  <si>
    <t>NKD</t>
    <phoneticPr fontId="2"/>
  </si>
  <si>
    <t>佐野町１丁目21番地57</t>
    <rPh sb="0" eb="2">
      <t>サノ</t>
    </rPh>
    <rPh sb="4" eb="6">
      <t>チョウメ</t>
    </rPh>
    <rPh sb="8" eb="9">
      <t>バン</t>
    </rPh>
    <rPh sb="9" eb="10">
      <t>チ</t>
    </rPh>
    <phoneticPr fontId="2"/>
  </si>
  <si>
    <t>第１－４０１号</t>
    <phoneticPr fontId="2"/>
  </si>
  <si>
    <t>厚木市</t>
    <phoneticPr fontId="2"/>
  </si>
  <si>
    <t>下荻野644番地</t>
    <rPh sb="0" eb="1">
      <t>シモ</t>
    </rPh>
    <rPh sb="1" eb="3">
      <t>オギノ</t>
    </rPh>
    <rPh sb="6" eb="8">
      <t>バンチ</t>
    </rPh>
    <phoneticPr fontId="2"/>
  </si>
  <si>
    <t>046-241-3403</t>
    <phoneticPr fontId="2"/>
  </si>
  <si>
    <t>緑区原宿南二丁目41番地2</t>
    <rPh sb="0" eb="1">
      <t>ミドリ</t>
    </rPh>
    <rPh sb="2" eb="4">
      <t>ハラジュク</t>
    </rPh>
    <rPh sb="4" eb="5">
      <t>ミナミ</t>
    </rPh>
    <rPh sb="5" eb="8">
      <t>ニチョウメ</t>
    </rPh>
    <rPh sb="10" eb="12">
      <t>バンチ</t>
    </rPh>
    <phoneticPr fontId="2"/>
  </si>
  <si>
    <t>第１－５５３号</t>
    <phoneticPr fontId="2"/>
  </si>
  <si>
    <t>株式会社　菜波</t>
    <rPh sb="0" eb="2">
      <t>カブシキ</t>
    </rPh>
    <rPh sb="2" eb="4">
      <t>カイシャ</t>
    </rPh>
    <phoneticPr fontId="4"/>
  </si>
  <si>
    <t>2030/1/29</t>
    <phoneticPr fontId="2"/>
  </si>
  <si>
    <t>海老名市</t>
    <rPh sb="0" eb="4">
      <t>エビナシ</t>
    </rPh>
    <phoneticPr fontId="4"/>
  </si>
  <si>
    <t>本郷2678-1</t>
    <rPh sb="0" eb="2">
      <t>ホンゴウ</t>
    </rPh>
    <phoneticPr fontId="4"/>
  </si>
  <si>
    <t>046-237-4177</t>
    <phoneticPr fontId="4"/>
  </si>
  <si>
    <t>神(央セ)</t>
    <phoneticPr fontId="2"/>
  </si>
  <si>
    <t>第１－１０９７号</t>
    <phoneticPr fontId="2"/>
  </si>
  <si>
    <t>日本空調サービス　株式会社</t>
    <phoneticPr fontId="2"/>
  </si>
  <si>
    <t>上桑島町774</t>
    <rPh sb="0" eb="1">
      <t>ウエ</t>
    </rPh>
    <rPh sb="1" eb="2">
      <t>クワ</t>
    </rPh>
    <rPh sb="2" eb="3">
      <t>シマ</t>
    </rPh>
    <rPh sb="3" eb="4">
      <t>マチ</t>
    </rPh>
    <phoneticPr fontId="2"/>
  </si>
  <si>
    <t>六木2-4-17</t>
    <rPh sb="0" eb="1">
      <t>ロク</t>
    </rPh>
    <rPh sb="1" eb="2">
      <t>キ</t>
    </rPh>
    <phoneticPr fontId="2"/>
  </si>
  <si>
    <t>073-499-7920</t>
  </si>
  <si>
    <t>045-253-9288</t>
  </si>
  <si>
    <t>045-373-0512</t>
  </si>
  <si>
    <t>080-4336-3152</t>
  </si>
  <si>
    <t>042-798-7773</t>
  </si>
  <si>
    <t>03-6784-3001</t>
  </si>
  <si>
    <t>0479-82-7146</t>
  </si>
  <si>
    <t>0422-34-7660</t>
  </si>
  <si>
    <t>049-298-8244</t>
  </si>
  <si>
    <t>044-750-0182</t>
  </si>
  <si>
    <t>080-3466-5154</t>
  </si>
  <si>
    <t>047-387-3173</t>
  </si>
  <si>
    <t>047-316-2864</t>
  </si>
  <si>
    <t>044-588-5074</t>
  </si>
  <si>
    <t>080-6815-4935</t>
  </si>
  <si>
    <t>03-5926-8541</t>
  </si>
  <si>
    <t>045-987-1680</t>
  </si>
  <si>
    <t>045-349-8898</t>
  </si>
  <si>
    <t>03-5291-5401</t>
  </si>
  <si>
    <t>055-921-3557</t>
  </si>
  <si>
    <t>028-612-2511</t>
  </si>
  <si>
    <t>03-5888-7967</t>
  </si>
  <si>
    <t>03-3742-5525</t>
  </si>
  <si>
    <t>044-978-0072</t>
  </si>
  <si>
    <t>048-788-1980</t>
  </si>
  <si>
    <t>027-393-6590</t>
  </si>
  <si>
    <t>090-4016-0771</t>
  </si>
  <si>
    <t>090-2482-0121</t>
  </si>
  <si>
    <t>03-6658-5085</t>
  </si>
  <si>
    <t>049-298-5429</t>
  </si>
  <si>
    <t>03-6661-3338</t>
  </si>
  <si>
    <t>044-244-9722</t>
  </si>
  <si>
    <t>090-7241-9667</t>
  </si>
  <si>
    <t>0725-92-8206</t>
  </si>
  <si>
    <t>03-3399-2446</t>
  </si>
  <si>
    <t>048-973-7937</t>
  </si>
  <si>
    <t>03-6328-9657</t>
  </si>
  <si>
    <t>042-854-8444</t>
  </si>
  <si>
    <t>048-873-1013</t>
  </si>
  <si>
    <t>03-3384-5057</t>
  </si>
  <si>
    <t>045-573-7794</t>
  </si>
  <si>
    <t>052-938-9304</t>
  </si>
  <si>
    <t>フロン類の充塡量が
50kg以上の製品</t>
    <rPh sb="3" eb="4">
      <t>ﾙｲ</t>
    </rPh>
    <rPh sb="5" eb="7">
      <t>ｼﾞｭｳﾃﾝ</t>
    </rPh>
    <rPh sb="7" eb="8">
      <t>ﾘｮｳ</t>
    </rPh>
    <rPh sb="14" eb="16">
      <t>ｲｼﾞｮｳ</t>
    </rPh>
    <rPh sb="17" eb="19">
      <t>ｾｲﾋﾝ</t>
    </rPh>
    <phoneticPr fontId="3" type="noConversion"/>
  </si>
  <si>
    <t>東芝コンシューママーケティング　株式会社</t>
    <phoneticPr fontId="2"/>
  </si>
  <si>
    <t>有限会社　深澤商店</t>
    <phoneticPr fontId="2"/>
  </si>
  <si>
    <t>046-834-6770</t>
    <phoneticPr fontId="2"/>
  </si>
  <si>
    <t>相模原市</t>
    <phoneticPr fontId="2"/>
  </si>
  <si>
    <t>中央区田名3133-6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12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b/>
      <sz val="11"/>
      <name val="ＭＳ Ｐゴシック"/>
      <family val="3"/>
      <charset val="128"/>
    </font>
    <font>
      <sz val="11"/>
      <color rgb="FFFF0000"/>
      <name val="游ゴシック"/>
      <family val="2"/>
      <scheme val="minor"/>
    </font>
    <font>
      <b/>
      <sz val="8"/>
      <name val="ＭＳ Ｐゴシック"/>
      <family val="3"/>
      <charset val="128"/>
    </font>
    <font>
      <b/>
      <sz val="7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5" fillId="0" borderId="0"/>
    <xf numFmtId="38" fontId="1" fillId="0" borderId="0" applyFont="0" applyFill="0" applyBorder="0" applyAlignment="0" applyProtection="0">
      <alignment vertical="center"/>
    </xf>
  </cellStyleXfs>
  <cellXfs count="24">
    <xf numFmtId="0" fontId="0" fillId="0" borderId="0" xfId="0">
      <alignment vertical="center"/>
    </xf>
    <xf numFmtId="0" fontId="6" fillId="2" borderId="2" xfId="1" applyFont="1" applyFill="1" applyBorder="1" applyAlignment="1">
      <alignment vertical="center" wrapText="1"/>
    </xf>
    <xf numFmtId="0" fontId="6" fillId="2" borderId="1" xfId="1" applyFont="1" applyFill="1" applyBorder="1" applyAlignment="1">
      <alignment vertical="center" wrapText="1"/>
    </xf>
    <xf numFmtId="0" fontId="6" fillId="2" borderId="1" xfId="2" applyFont="1" applyFill="1" applyBorder="1" applyAlignment="1">
      <alignment vertical="center" wrapText="1"/>
    </xf>
    <xf numFmtId="176" fontId="6" fillId="2" borderId="1" xfId="0" applyNumberFormat="1" applyFont="1" applyFill="1" applyBorder="1" applyAlignment="1">
      <alignment vertical="center" wrapText="1"/>
    </xf>
    <xf numFmtId="38" fontId="6" fillId="2" borderId="1" xfId="3" applyFont="1" applyFill="1" applyBorder="1" applyAlignment="1">
      <alignment horizontal="left" vertical="center" wrapText="1"/>
    </xf>
    <xf numFmtId="0" fontId="6" fillId="2" borderId="1" xfId="0" applyFont="1" applyFill="1" applyBorder="1" applyAlignment="1">
      <alignment vertical="center" wrapText="1"/>
    </xf>
    <xf numFmtId="176" fontId="6" fillId="2" borderId="1" xfId="0" quotePrefix="1" applyNumberFormat="1" applyFont="1" applyFill="1" applyBorder="1" applyAlignment="1">
      <alignment horizontal="right" vertical="center" wrapText="1"/>
    </xf>
    <xf numFmtId="0" fontId="8" fillId="3" borderId="1" xfId="1" applyFont="1" applyFill="1" applyBorder="1" applyAlignment="1" applyProtection="1">
      <alignment horizontal="center" vertical="center" shrinkToFit="1"/>
    </xf>
    <xf numFmtId="0" fontId="6" fillId="2" borderId="1" xfId="0" applyFont="1" applyFill="1" applyBorder="1" applyAlignment="1">
      <alignment vertical="center"/>
    </xf>
    <xf numFmtId="0" fontId="6" fillId="2" borderId="1" xfId="0" applyFont="1" applyFill="1" applyBorder="1" applyAlignment="1">
      <alignment horizontal="center" vertical="center"/>
    </xf>
    <xf numFmtId="0" fontId="0" fillId="2" borderId="1" xfId="0" applyFill="1" applyBorder="1" applyAlignment="1">
      <alignment vertical="center"/>
    </xf>
    <xf numFmtId="0" fontId="9" fillId="2" borderId="1" xfId="0" applyFont="1" applyFill="1" applyBorder="1" applyAlignment="1">
      <alignment vertical="center"/>
    </xf>
    <xf numFmtId="0" fontId="8" fillId="3" borderId="1" xfId="1" applyFont="1" applyFill="1" applyBorder="1" applyAlignment="1">
      <alignment horizontal="center" vertical="center" shrinkToFit="1"/>
    </xf>
    <xf numFmtId="0" fontId="8" fillId="3" borderId="1" xfId="1" applyFont="1" applyFill="1" applyBorder="1" applyAlignment="1">
      <alignment horizontal="center" vertical="center"/>
    </xf>
    <xf numFmtId="0" fontId="11" fillId="3" borderId="1" xfId="1" applyFont="1" applyFill="1" applyBorder="1" applyAlignment="1">
      <alignment horizontal="center" vertical="center"/>
    </xf>
    <xf numFmtId="0" fontId="10" fillId="3" borderId="1" xfId="1" applyFont="1" applyFill="1" applyBorder="1" applyAlignment="1">
      <alignment horizontal="center" vertical="center"/>
    </xf>
    <xf numFmtId="0" fontId="11" fillId="3" borderId="1" xfId="1" applyFont="1" applyFill="1" applyBorder="1" applyAlignment="1">
      <alignment horizontal="center" vertical="center" wrapText="1" shrinkToFit="1"/>
    </xf>
    <xf numFmtId="0" fontId="8" fillId="3" borderId="1" xfId="1" applyFont="1" applyFill="1" applyBorder="1" applyAlignment="1">
      <alignment horizontal="center" vertical="center" wrapText="1"/>
    </xf>
    <xf numFmtId="0" fontId="8" fillId="3" borderId="1" xfId="1" applyFont="1" applyFill="1" applyBorder="1" applyAlignment="1">
      <alignment horizontal="center" vertical="center" wrapText="1" shrinkToFit="1"/>
    </xf>
    <xf numFmtId="176" fontId="8" fillId="3" borderId="1" xfId="1" applyNumberFormat="1" applyFont="1" applyFill="1" applyBorder="1" applyAlignment="1">
      <alignment horizontal="center" vertical="center" wrapText="1" shrinkToFit="1"/>
    </xf>
    <xf numFmtId="58" fontId="8" fillId="3" borderId="1" xfId="1" applyNumberFormat="1" applyFont="1" applyFill="1" applyBorder="1" applyAlignment="1">
      <alignment horizontal="center" vertical="center" wrapText="1" shrinkToFit="1"/>
    </xf>
    <xf numFmtId="176" fontId="6" fillId="2" borderId="1" xfId="0" applyNumberFormat="1" applyFont="1" applyFill="1" applyBorder="1" applyAlignment="1" applyProtection="1">
      <alignment vertical="center" wrapText="1"/>
    </xf>
    <xf numFmtId="14" fontId="6" fillId="2" borderId="1" xfId="0" applyNumberFormat="1" applyFont="1" applyFill="1" applyBorder="1" applyAlignment="1">
      <alignment vertical="center" wrapText="1"/>
    </xf>
  </cellXfs>
  <cellStyles count="4">
    <cellStyle name="桁区切り" xfId="3" builtinId="6"/>
    <cellStyle name="標準" xfId="0" builtinId="0"/>
    <cellStyle name="標準 2" xfId="1"/>
    <cellStyle name="標準_Sheet1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3785"/>
  <sheetViews>
    <sheetView tabSelected="1" view="pageBreakPreview" topLeftCell="B1" zoomScale="60" zoomScaleNormal="100" workbookViewId="0">
      <selection activeCell="B3770" sqref="A3770:XFD3770"/>
    </sheetView>
  </sheetViews>
  <sheetFormatPr defaultColWidth="9" defaultRowHeight="13" x14ac:dyDescent="0.2"/>
  <cols>
    <col min="1" max="1" width="69.4140625" style="9" hidden="1" customWidth="1"/>
    <col min="2" max="2" width="8.08203125" style="9" customWidth="1"/>
    <col min="3" max="3" width="12.83203125" style="9" customWidth="1"/>
    <col min="4" max="4" width="33.1640625" style="6" customWidth="1"/>
    <col min="5" max="5" width="15.6640625" style="4" customWidth="1"/>
    <col min="6" max="6" width="16" style="23" customWidth="1"/>
    <col min="7" max="7" width="40.1640625" style="6" customWidth="1"/>
    <col min="8" max="8" width="9" style="6"/>
    <col min="9" max="9" width="13.4140625" style="6" customWidth="1"/>
    <col min="10" max="10" width="39.6640625" style="6" customWidth="1"/>
    <col min="11" max="11" width="15.5" style="9" customWidth="1"/>
    <col min="12" max="17" width="4.08203125" style="10" customWidth="1"/>
    <col min="18" max="20" width="4.58203125" style="10" customWidth="1"/>
    <col min="21" max="26" width="4.08203125" style="10" customWidth="1"/>
    <col min="27" max="16384" width="9" style="9"/>
  </cols>
  <sheetData>
    <row r="1" spans="1:26" s="1" customFormat="1" ht="22.5" customHeight="1" x14ac:dyDescent="0.2">
      <c r="B1" s="13" t="s">
        <v>0</v>
      </c>
      <c r="C1" s="13"/>
      <c r="D1" s="19" t="s">
        <v>1</v>
      </c>
      <c r="E1" s="20" t="s">
        <v>2</v>
      </c>
      <c r="F1" s="21" t="s">
        <v>3</v>
      </c>
      <c r="G1" s="19" t="s">
        <v>4</v>
      </c>
      <c r="H1" s="18" t="s">
        <v>5</v>
      </c>
      <c r="I1" s="18"/>
      <c r="J1" s="18"/>
      <c r="K1" s="13" t="s">
        <v>6</v>
      </c>
      <c r="L1" s="14" t="s">
        <v>7</v>
      </c>
      <c r="M1" s="14"/>
      <c r="N1" s="14"/>
      <c r="O1" s="14"/>
      <c r="P1" s="14"/>
      <c r="Q1" s="14"/>
      <c r="R1" s="14"/>
      <c r="S1" s="14"/>
      <c r="T1" s="14"/>
      <c r="U1" s="14" t="s">
        <v>8</v>
      </c>
      <c r="V1" s="14"/>
      <c r="W1" s="14"/>
      <c r="X1" s="14"/>
      <c r="Y1" s="14"/>
      <c r="Z1" s="14"/>
    </row>
    <row r="2" spans="1:26" s="2" customFormat="1" ht="31.25" customHeight="1" x14ac:dyDescent="0.2">
      <c r="B2" s="13"/>
      <c r="C2" s="13"/>
      <c r="D2" s="19"/>
      <c r="E2" s="20"/>
      <c r="F2" s="21"/>
      <c r="G2" s="19"/>
      <c r="H2" s="18"/>
      <c r="I2" s="18"/>
      <c r="J2" s="18"/>
      <c r="K2" s="13"/>
      <c r="L2" s="15" t="s">
        <v>9</v>
      </c>
      <c r="M2" s="15"/>
      <c r="N2" s="15"/>
      <c r="O2" s="16" t="s">
        <v>10</v>
      </c>
      <c r="P2" s="16"/>
      <c r="Q2" s="16"/>
      <c r="R2" s="17" t="s">
        <v>21421</v>
      </c>
      <c r="S2" s="17"/>
      <c r="T2" s="17"/>
      <c r="U2" s="15" t="s">
        <v>9</v>
      </c>
      <c r="V2" s="15"/>
      <c r="W2" s="15"/>
      <c r="X2" s="16" t="s">
        <v>10</v>
      </c>
      <c r="Y2" s="16"/>
      <c r="Z2" s="16"/>
    </row>
    <row r="3" spans="1:26" s="2" customFormat="1" ht="22.5" customHeight="1" x14ac:dyDescent="0.2">
      <c r="B3" s="13"/>
      <c r="C3" s="13"/>
      <c r="D3" s="19"/>
      <c r="E3" s="20"/>
      <c r="F3" s="21"/>
      <c r="G3" s="19"/>
      <c r="H3" s="18"/>
      <c r="I3" s="18"/>
      <c r="J3" s="18"/>
      <c r="K3" s="13"/>
      <c r="L3" s="8" t="s">
        <v>11</v>
      </c>
      <c r="M3" s="8" t="s">
        <v>12</v>
      </c>
      <c r="N3" s="8" t="s">
        <v>13</v>
      </c>
      <c r="O3" s="8" t="s">
        <v>11</v>
      </c>
      <c r="P3" s="8" t="s">
        <v>12</v>
      </c>
      <c r="Q3" s="8" t="s">
        <v>13</v>
      </c>
      <c r="R3" s="8" t="s">
        <v>11</v>
      </c>
      <c r="S3" s="8" t="s">
        <v>12</v>
      </c>
      <c r="T3" s="8" t="s">
        <v>13</v>
      </c>
      <c r="U3" s="8" t="s">
        <v>11</v>
      </c>
      <c r="V3" s="8" t="s">
        <v>12</v>
      </c>
      <c r="W3" s="8" t="s">
        <v>13</v>
      </c>
      <c r="X3" s="8" t="s">
        <v>11</v>
      </c>
      <c r="Y3" s="8" t="s">
        <v>12</v>
      </c>
      <c r="Z3" s="8" t="s">
        <v>13</v>
      </c>
    </row>
    <row r="4" spans="1:26" ht="24" customHeight="1" x14ac:dyDescent="0.2">
      <c r="A4" s="9" t="s">
        <v>17281</v>
      </c>
      <c r="B4" s="9" t="s">
        <v>14</v>
      </c>
      <c r="C4" s="9" t="s">
        <v>15</v>
      </c>
      <c r="D4" s="6" t="s">
        <v>16</v>
      </c>
      <c r="E4" s="22">
        <v>44570</v>
      </c>
      <c r="F4" s="22">
        <v>46395</v>
      </c>
      <c r="G4" s="6" t="s">
        <v>17</v>
      </c>
      <c r="H4" s="6" t="s">
        <v>18</v>
      </c>
      <c r="I4" s="6" t="s">
        <v>19</v>
      </c>
      <c r="J4" s="6" t="s">
        <v>20</v>
      </c>
      <c r="K4" s="9" t="s">
        <v>21</v>
      </c>
      <c r="L4" s="10" t="s">
        <v>22</v>
      </c>
      <c r="M4" s="10" t="s">
        <v>22</v>
      </c>
      <c r="N4" s="10" t="s">
        <v>22</v>
      </c>
      <c r="O4" s="10" t="s">
        <v>22</v>
      </c>
      <c r="P4" s="10" t="s">
        <v>22</v>
      </c>
      <c r="Q4" s="10" t="s">
        <v>22</v>
      </c>
      <c r="R4" s="10" t="s">
        <v>22</v>
      </c>
      <c r="S4" s="10" t="s">
        <v>22</v>
      </c>
      <c r="T4" s="10" t="s">
        <v>22</v>
      </c>
      <c r="U4" s="10" t="s">
        <v>22</v>
      </c>
      <c r="V4" s="10" t="s">
        <v>22</v>
      </c>
      <c r="W4" s="10" t="s">
        <v>22</v>
      </c>
      <c r="X4" s="10" t="s">
        <v>22</v>
      </c>
      <c r="Y4" s="10" t="s">
        <v>22</v>
      </c>
      <c r="Z4" s="10" t="s">
        <v>22</v>
      </c>
    </row>
    <row r="5" spans="1:26" ht="24" customHeight="1" x14ac:dyDescent="0.2">
      <c r="A5" s="9" t="s">
        <v>17282</v>
      </c>
      <c r="B5" s="9" t="s">
        <v>14</v>
      </c>
      <c r="C5" s="9" t="s">
        <v>23</v>
      </c>
      <c r="D5" s="6" t="s">
        <v>24</v>
      </c>
      <c r="E5" s="22">
        <v>44570</v>
      </c>
      <c r="F5" s="22">
        <v>46395</v>
      </c>
      <c r="G5" s="6" t="s">
        <v>25</v>
      </c>
      <c r="H5" s="6" t="s">
        <v>18</v>
      </c>
      <c r="I5" s="6" t="s">
        <v>26</v>
      </c>
      <c r="J5" s="6" t="s">
        <v>27</v>
      </c>
      <c r="K5" s="9" t="s">
        <v>28</v>
      </c>
      <c r="L5" s="10" t="s">
        <v>22</v>
      </c>
      <c r="M5" s="10" t="s">
        <v>22</v>
      </c>
      <c r="N5" s="10" t="s">
        <v>22</v>
      </c>
      <c r="O5" s="10" t="s">
        <v>22</v>
      </c>
      <c r="P5" s="10" t="s">
        <v>22</v>
      </c>
      <c r="Q5" s="10" t="s">
        <v>22</v>
      </c>
      <c r="R5" s="10" t="s">
        <v>22</v>
      </c>
      <c r="S5" s="10" t="s">
        <v>22</v>
      </c>
      <c r="T5" s="10" t="s">
        <v>22</v>
      </c>
      <c r="U5" s="10" t="s">
        <v>22</v>
      </c>
      <c r="V5" s="10" t="s">
        <v>22</v>
      </c>
      <c r="W5" s="10" t="s">
        <v>22</v>
      </c>
      <c r="X5" s="10" t="s">
        <v>22</v>
      </c>
      <c r="Y5" s="10" t="s">
        <v>22</v>
      </c>
      <c r="Z5" s="10" t="s">
        <v>22</v>
      </c>
    </row>
    <row r="6" spans="1:26" ht="24" customHeight="1" x14ac:dyDescent="0.2">
      <c r="A6" s="9" t="s">
        <v>17283</v>
      </c>
      <c r="B6" s="9" t="s">
        <v>14</v>
      </c>
      <c r="C6" s="9" t="s">
        <v>29</v>
      </c>
      <c r="D6" s="6" t="s">
        <v>30</v>
      </c>
      <c r="E6" s="22">
        <v>44570</v>
      </c>
      <c r="F6" s="22">
        <v>46395</v>
      </c>
      <c r="G6" s="6" t="s">
        <v>31</v>
      </c>
      <c r="H6" s="6" t="s">
        <v>18</v>
      </c>
      <c r="I6" s="6" t="s">
        <v>19</v>
      </c>
      <c r="J6" s="6" t="s">
        <v>32</v>
      </c>
      <c r="K6" s="9" t="s">
        <v>33</v>
      </c>
      <c r="L6" s="10" t="s">
        <v>22</v>
      </c>
      <c r="M6" s="10" t="s">
        <v>22</v>
      </c>
      <c r="N6" s="10" t="s">
        <v>22</v>
      </c>
      <c r="O6" s="10" t="s">
        <v>22</v>
      </c>
      <c r="P6" s="10" t="s">
        <v>22</v>
      </c>
      <c r="Q6" s="10" t="s">
        <v>22</v>
      </c>
      <c r="R6" s="10" t="s">
        <v>22</v>
      </c>
      <c r="S6" s="10" t="s">
        <v>22</v>
      </c>
      <c r="T6" s="10" t="s">
        <v>22</v>
      </c>
    </row>
    <row r="7" spans="1:26" ht="24" customHeight="1" x14ac:dyDescent="0.2">
      <c r="A7" s="9" t="s">
        <v>17284</v>
      </c>
      <c r="B7" s="9" t="s">
        <v>14</v>
      </c>
      <c r="C7" s="9" t="s">
        <v>34</v>
      </c>
      <c r="D7" s="6" t="s">
        <v>35</v>
      </c>
      <c r="E7" s="22">
        <v>44570</v>
      </c>
      <c r="F7" s="22">
        <v>46395</v>
      </c>
      <c r="G7" s="6" t="s">
        <v>36</v>
      </c>
      <c r="H7" s="6" t="s">
        <v>18</v>
      </c>
      <c r="I7" s="6" t="s">
        <v>19</v>
      </c>
      <c r="J7" s="6" t="s">
        <v>37</v>
      </c>
      <c r="K7" s="9" t="s">
        <v>38</v>
      </c>
      <c r="L7" s="10" t="s">
        <v>22</v>
      </c>
      <c r="M7" s="10" t="s">
        <v>22</v>
      </c>
      <c r="N7" s="10" t="s">
        <v>22</v>
      </c>
      <c r="O7" s="10" t="s">
        <v>22</v>
      </c>
      <c r="P7" s="10" t="s">
        <v>22</v>
      </c>
      <c r="Q7" s="10" t="s">
        <v>22</v>
      </c>
      <c r="U7" s="10" t="s">
        <v>22</v>
      </c>
      <c r="V7" s="10" t="s">
        <v>22</v>
      </c>
      <c r="W7" s="10" t="s">
        <v>22</v>
      </c>
      <c r="X7" s="10" t="s">
        <v>22</v>
      </c>
      <c r="Y7" s="10" t="s">
        <v>22</v>
      </c>
      <c r="Z7" s="10" t="s">
        <v>22</v>
      </c>
    </row>
    <row r="8" spans="1:26" ht="24" customHeight="1" x14ac:dyDescent="0.2">
      <c r="A8" s="9" t="s">
        <v>17285</v>
      </c>
      <c r="B8" s="9" t="s">
        <v>14</v>
      </c>
      <c r="C8" s="9" t="s">
        <v>39</v>
      </c>
      <c r="D8" s="6" t="s">
        <v>40</v>
      </c>
      <c r="E8" s="22">
        <v>44570</v>
      </c>
      <c r="F8" s="22">
        <v>46395</v>
      </c>
      <c r="G8" s="6" t="s">
        <v>41</v>
      </c>
      <c r="H8" s="6" t="s">
        <v>18</v>
      </c>
      <c r="I8" s="6" t="s">
        <v>19</v>
      </c>
      <c r="J8" s="6" t="s">
        <v>42</v>
      </c>
      <c r="K8" s="9" t="s">
        <v>43</v>
      </c>
      <c r="L8" s="10" t="s">
        <v>22</v>
      </c>
      <c r="M8" s="10" t="s">
        <v>22</v>
      </c>
      <c r="N8" s="10" t="s">
        <v>22</v>
      </c>
      <c r="O8" s="10" t="s">
        <v>22</v>
      </c>
      <c r="P8" s="10" t="s">
        <v>22</v>
      </c>
      <c r="Q8" s="10" t="s">
        <v>22</v>
      </c>
      <c r="R8" s="10" t="s">
        <v>22</v>
      </c>
      <c r="S8" s="10" t="s">
        <v>22</v>
      </c>
      <c r="T8" s="10" t="s">
        <v>22</v>
      </c>
      <c r="U8" s="10" t="s">
        <v>22</v>
      </c>
      <c r="V8" s="10" t="s">
        <v>22</v>
      </c>
      <c r="W8" s="10" t="s">
        <v>22</v>
      </c>
      <c r="X8" s="10" t="s">
        <v>22</v>
      </c>
      <c r="Y8" s="10" t="s">
        <v>22</v>
      </c>
      <c r="Z8" s="10" t="s">
        <v>22</v>
      </c>
    </row>
    <row r="9" spans="1:26" ht="24" customHeight="1" x14ac:dyDescent="0.2">
      <c r="A9" s="9" t="s">
        <v>17286</v>
      </c>
      <c r="B9" s="9" t="s">
        <v>14</v>
      </c>
      <c r="C9" s="9" t="s">
        <v>44</v>
      </c>
      <c r="D9" s="6" t="s">
        <v>45</v>
      </c>
      <c r="E9" s="22">
        <v>44570</v>
      </c>
      <c r="F9" s="22">
        <v>46395</v>
      </c>
      <c r="G9" s="6" t="s">
        <v>46</v>
      </c>
      <c r="H9" s="6" t="s">
        <v>18</v>
      </c>
      <c r="I9" s="6" t="s">
        <v>19</v>
      </c>
      <c r="J9" s="6" t="s">
        <v>47</v>
      </c>
      <c r="K9" s="9" t="s">
        <v>48</v>
      </c>
      <c r="L9" s="10" t="s">
        <v>22</v>
      </c>
      <c r="M9" s="10" t="s">
        <v>22</v>
      </c>
      <c r="N9" s="10" t="s">
        <v>22</v>
      </c>
      <c r="O9" s="10" t="s">
        <v>22</v>
      </c>
      <c r="P9" s="10" t="s">
        <v>22</v>
      </c>
      <c r="Q9" s="10" t="s">
        <v>22</v>
      </c>
      <c r="R9" s="10" t="s">
        <v>22</v>
      </c>
      <c r="S9" s="10" t="s">
        <v>22</v>
      </c>
      <c r="T9" s="10" t="s">
        <v>22</v>
      </c>
      <c r="U9" s="10" t="s">
        <v>22</v>
      </c>
      <c r="V9" s="10" t="s">
        <v>22</v>
      </c>
      <c r="W9" s="10" t="s">
        <v>22</v>
      </c>
      <c r="X9" s="10" t="s">
        <v>22</v>
      </c>
      <c r="Y9" s="10" t="s">
        <v>22</v>
      </c>
      <c r="Z9" s="10" t="s">
        <v>22</v>
      </c>
    </row>
    <row r="10" spans="1:26" ht="24" customHeight="1" x14ac:dyDescent="0.2">
      <c r="A10" s="9" t="s">
        <v>17287</v>
      </c>
      <c r="B10" s="9" t="s">
        <v>14</v>
      </c>
      <c r="C10" s="9" t="s">
        <v>49</v>
      </c>
      <c r="D10" s="6" t="s">
        <v>50</v>
      </c>
      <c r="E10" s="22">
        <v>44570</v>
      </c>
      <c r="F10" s="22">
        <v>46395</v>
      </c>
      <c r="G10" s="6" t="s">
        <v>51</v>
      </c>
      <c r="H10" s="6" t="s">
        <v>18</v>
      </c>
      <c r="I10" s="6" t="s">
        <v>26</v>
      </c>
      <c r="J10" s="6" t="s">
        <v>52</v>
      </c>
      <c r="K10" s="9" t="s">
        <v>53</v>
      </c>
      <c r="L10" s="10" t="s">
        <v>22</v>
      </c>
      <c r="M10" s="10" t="s">
        <v>22</v>
      </c>
      <c r="N10" s="10" t="s">
        <v>22</v>
      </c>
      <c r="O10" s="10" t="s">
        <v>22</v>
      </c>
      <c r="P10" s="10" t="s">
        <v>22</v>
      </c>
      <c r="Q10" s="10" t="s">
        <v>22</v>
      </c>
      <c r="R10" s="10" t="s">
        <v>22</v>
      </c>
      <c r="S10" s="10" t="s">
        <v>22</v>
      </c>
      <c r="T10" s="10" t="s">
        <v>22</v>
      </c>
      <c r="U10" s="10" t="s">
        <v>22</v>
      </c>
      <c r="V10" s="10" t="s">
        <v>22</v>
      </c>
      <c r="W10" s="10" t="s">
        <v>22</v>
      </c>
      <c r="X10" s="10" t="s">
        <v>22</v>
      </c>
      <c r="Y10" s="10" t="s">
        <v>22</v>
      </c>
      <c r="Z10" s="10" t="s">
        <v>22</v>
      </c>
    </row>
    <row r="11" spans="1:26" ht="24" customHeight="1" x14ac:dyDescent="0.2">
      <c r="A11" s="9" t="s">
        <v>17288</v>
      </c>
      <c r="B11" s="9" t="s">
        <v>14</v>
      </c>
      <c r="C11" s="9" t="s">
        <v>54</v>
      </c>
      <c r="D11" s="6" t="s">
        <v>55</v>
      </c>
      <c r="E11" s="22">
        <v>44570</v>
      </c>
      <c r="F11" s="22">
        <v>46395</v>
      </c>
      <c r="G11" s="6" t="s">
        <v>56</v>
      </c>
      <c r="H11" s="6" t="s">
        <v>18</v>
      </c>
      <c r="I11" s="6" t="s">
        <v>26</v>
      </c>
      <c r="J11" s="6" t="s">
        <v>57</v>
      </c>
      <c r="K11" s="9" t="s">
        <v>58</v>
      </c>
      <c r="L11" s="10" t="s">
        <v>22</v>
      </c>
      <c r="M11" s="10" t="s">
        <v>22</v>
      </c>
      <c r="N11" s="10" t="s">
        <v>22</v>
      </c>
      <c r="O11" s="10" t="s">
        <v>22</v>
      </c>
      <c r="P11" s="10" t="s">
        <v>22</v>
      </c>
      <c r="Q11" s="10" t="s">
        <v>22</v>
      </c>
      <c r="R11" s="10" t="s">
        <v>22</v>
      </c>
      <c r="S11" s="10" t="s">
        <v>22</v>
      </c>
      <c r="T11" s="10" t="s">
        <v>22</v>
      </c>
      <c r="U11" s="10" t="s">
        <v>22</v>
      </c>
      <c r="V11" s="10" t="s">
        <v>22</v>
      </c>
      <c r="W11" s="10" t="s">
        <v>22</v>
      </c>
      <c r="X11" s="10" t="s">
        <v>22</v>
      </c>
      <c r="Y11" s="10" t="s">
        <v>22</v>
      </c>
      <c r="Z11" s="10" t="s">
        <v>22</v>
      </c>
    </row>
    <row r="12" spans="1:26" ht="24" customHeight="1" x14ac:dyDescent="0.2">
      <c r="A12" s="9" t="s">
        <v>17289</v>
      </c>
      <c r="B12" s="9" t="s">
        <v>14</v>
      </c>
      <c r="C12" s="9" t="s">
        <v>59</v>
      </c>
      <c r="D12" s="6" t="s">
        <v>60</v>
      </c>
      <c r="E12" s="22">
        <v>44570</v>
      </c>
      <c r="F12" s="22">
        <v>46395</v>
      </c>
      <c r="G12" s="6" t="s">
        <v>61</v>
      </c>
      <c r="H12" s="6" t="s">
        <v>62</v>
      </c>
      <c r="I12" s="6" t="s">
        <v>63</v>
      </c>
      <c r="J12" s="6" t="s">
        <v>64</v>
      </c>
      <c r="K12" s="9" t="s">
        <v>65</v>
      </c>
      <c r="L12" s="10" t="s">
        <v>22</v>
      </c>
      <c r="M12" s="10" t="s">
        <v>22</v>
      </c>
      <c r="N12" s="10" t="s">
        <v>22</v>
      </c>
      <c r="O12" s="10" t="s">
        <v>22</v>
      </c>
      <c r="P12" s="10" t="s">
        <v>22</v>
      </c>
      <c r="Q12" s="10" t="s">
        <v>22</v>
      </c>
      <c r="U12" s="10" t="s">
        <v>22</v>
      </c>
      <c r="V12" s="10" t="s">
        <v>22</v>
      </c>
      <c r="W12" s="10" t="s">
        <v>22</v>
      </c>
      <c r="X12" s="10" t="s">
        <v>22</v>
      </c>
      <c r="Y12" s="10" t="s">
        <v>22</v>
      </c>
      <c r="Z12" s="10" t="s">
        <v>22</v>
      </c>
    </row>
    <row r="13" spans="1:26" ht="24" customHeight="1" x14ac:dyDescent="0.2">
      <c r="A13" s="9" t="s">
        <v>17290</v>
      </c>
      <c r="B13" s="9" t="s">
        <v>14</v>
      </c>
      <c r="C13" s="9" t="s">
        <v>59</v>
      </c>
      <c r="D13" s="6" t="s">
        <v>60</v>
      </c>
      <c r="E13" s="22">
        <v>44570</v>
      </c>
      <c r="F13" s="22">
        <v>46395</v>
      </c>
      <c r="G13" s="6" t="s">
        <v>66</v>
      </c>
      <c r="H13" s="6" t="s">
        <v>18</v>
      </c>
      <c r="I13" s="6" t="s">
        <v>67</v>
      </c>
      <c r="J13" s="6" t="s">
        <v>68</v>
      </c>
      <c r="K13" s="9" t="s">
        <v>69</v>
      </c>
      <c r="L13" s="10" t="s">
        <v>22</v>
      </c>
      <c r="M13" s="10" t="s">
        <v>22</v>
      </c>
      <c r="N13" s="10" t="s">
        <v>22</v>
      </c>
      <c r="O13" s="10" t="s">
        <v>22</v>
      </c>
      <c r="P13" s="10" t="s">
        <v>22</v>
      </c>
      <c r="Q13" s="10" t="s">
        <v>22</v>
      </c>
      <c r="S13" s="10" t="s">
        <v>22</v>
      </c>
      <c r="U13" s="10" t="s">
        <v>22</v>
      </c>
      <c r="V13" s="10" t="s">
        <v>22</v>
      </c>
      <c r="W13" s="10" t="s">
        <v>22</v>
      </c>
      <c r="X13" s="10" t="s">
        <v>22</v>
      </c>
      <c r="Y13" s="10" t="s">
        <v>22</v>
      </c>
      <c r="Z13" s="10" t="s">
        <v>22</v>
      </c>
    </row>
    <row r="14" spans="1:26" ht="24" customHeight="1" x14ac:dyDescent="0.2">
      <c r="A14" s="9" t="s">
        <v>17291</v>
      </c>
      <c r="B14" s="9" t="s">
        <v>14</v>
      </c>
      <c r="C14" s="9" t="s">
        <v>70</v>
      </c>
      <c r="D14" s="6" t="s">
        <v>71</v>
      </c>
      <c r="E14" s="22">
        <v>44570</v>
      </c>
      <c r="F14" s="22">
        <v>46395</v>
      </c>
      <c r="G14" s="6" t="s">
        <v>72</v>
      </c>
      <c r="H14" s="6" t="s">
        <v>62</v>
      </c>
      <c r="I14" s="6" t="s">
        <v>73</v>
      </c>
      <c r="J14" s="6" t="s">
        <v>74</v>
      </c>
      <c r="K14" s="9" t="s">
        <v>75</v>
      </c>
      <c r="L14" s="10" t="s">
        <v>22</v>
      </c>
      <c r="M14" s="10" t="s">
        <v>22</v>
      </c>
      <c r="N14" s="10" t="s">
        <v>22</v>
      </c>
      <c r="O14" s="10" t="s">
        <v>22</v>
      </c>
      <c r="P14" s="10" t="s">
        <v>22</v>
      </c>
      <c r="Q14" s="10" t="s">
        <v>22</v>
      </c>
      <c r="R14" s="10" t="s">
        <v>22</v>
      </c>
      <c r="S14" s="10" t="s">
        <v>22</v>
      </c>
      <c r="T14" s="10" t="s">
        <v>22</v>
      </c>
    </row>
    <row r="15" spans="1:26" ht="24" customHeight="1" x14ac:dyDescent="0.2">
      <c r="A15" s="9" t="s">
        <v>17292</v>
      </c>
      <c r="B15" s="9" t="s">
        <v>14</v>
      </c>
      <c r="C15" s="9" t="s">
        <v>76</v>
      </c>
      <c r="D15" s="6" t="s">
        <v>77</v>
      </c>
      <c r="E15" s="22">
        <v>44571</v>
      </c>
      <c r="F15" s="22">
        <v>46396</v>
      </c>
      <c r="G15" s="6" t="s">
        <v>78</v>
      </c>
      <c r="H15" s="6" t="s">
        <v>18</v>
      </c>
      <c r="I15" s="6" t="s">
        <v>19</v>
      </c>
      <c r="J15" s="6" t="s">
        <v>79</v>
      </c>
      <c r="K15" s="9" t="s">
        <v>80</v>
      </c>
      <c r="L15" s="10" t="s">
        <v>22</v>
      </c>
      <c r="M15" s="10" t="s">
        <v>22</v>
      </c>
      <c r="N15" s="10" t="s">
        <v>22</v>
      </c>
      <c r="O15" s="10" t="s">
        <v>22</v>
      </c>
      <c r="P15" s="10" t="s">
        <v>22</v>
      </c>
      <c r="Q15" s="10" t="s">
        <v>22</v>
      </c>
      <c r="R15" s="10" t="s">
        <v>22</v>
      </c>
      <c r="S15" s="10" t="s">
        <v>22</v>
      </c>
      <c r="T15" s="10" t="s">
        <v>22</v>
      </c>
      <c r="U15" s="10" t="s">
        <v>22</v>
      </c>
      <c r="V15" s="10" t="s">
        <v>22</v>
      </c>
      <c r="W15" s="10" t="s">
        <v>22</v>
      </c>
      <c r="X15" s="10" t="s">
        <v>22</v>
      </c>
      <c r="Y15" s="10" t="s">
        <v>22</v>
      </c>
      <c r="Z15" s="10" t="s">
        <v>22</v>
      </c>
    </row>
    <row r="16" spans="1:26" ht="24" customHeight="1" x14ac:dyDescent="0.2">
      <c r="A16" s="9" t="s">
        <v>17293</v>
      </c>
      <c r="B16" s="9" t="s">
        <v>14</v>
      </c>
      <c r="C16" s="9" t="s">
        <v>81</v>
      </c>
      <c r="D16" s="6" t="s">
        <v>82</v>
      </c>
      <c r="E16" s="22">
        <v>44571</v>
      </c>
      <c r="F16" s="22">
        <v>46396</v>
      </c>
      <c r="G16" s="6" t="s">
        <v>83</v>
      </c>
      <c r="H16" s="6" t="s">
        <v>18</v>
      </c>
      <c r="I16" s="6" t="s">
        <v>84</v>
      </c>
      <c r="J16" s="6" t="s">
        <v>85</v>
      </c>
      <c r="K16" s="9" t="s">
        <v>86</v>
      </c>
      <c r="L16" s="10" t="s">
        <v>22</v>
      </c>
      <c r="M16" s="10" t="s">
        <v>22</v>
      </c>
      <c r="N16" s="10" t="s">
        <v>22</v>
      </c>
      <c r="O16" s="10" t="s">
        <v>22</v>
      </c>
      <c r="P16" s="10" t="s">
        <v>22</v>
      </c>
      <c r="Q16" s="10" t="s">
        <v>22</v>
      </c>
      <c r="R16" s="10" t="s">
        <v>22</v>
      </c>
      <c r="S16" s="10" t="s">
        <v>22</v>
      </c>
      <c r="T16" s="10" t="s">
        <v>22</v>
      </c>
      <c r="U16" s="10" t="s">
        <v>22</v>
      </c>
      <c r="V16" s="10" t="s">
        <v>22</v>
      </c>
      <c r="W16" s="10" t="s">
        <v>22</v>
      </c>
      <c r="X16" s="10" t="s">
        <v>22</v>
      </c>
      <c r="Y16" s="10" t="s">
        <v>22</v>
      </c>
      <c r="Z16" s="10" t="s">
        <v>22</v>
      </c>
    </row>
    <row r="17" spans="1:26" ht="24" customHeight="1" x14ac:dyDescent="0.2">
      <c r="A17" s="9" t="s">
        <v>17294</v>
      </c>
      <c r="B17" s="9" t="s">
        <v>14</v>
      </c>
      <c r="C17" s="9" t="s">
        <v>87</v>
      </c>
      <c r="D17" s="6" t="s">
        <v>88</v>
      </c>
      <c r="E17" s="22">
        <v>44573</v>
      </c>
      <c r="F17" s="22">
        <v>46398</v>
      </c>
      <c r="G17" s="6" t="s">
        <v>89</v>
      </c>
      <c r="H17" s="6" t="s">
        <v>18</v>
      </c>
      <c r="I17" s="6" t="s">
        <v>19</v>
      </c>
      <c r="J17" s="6" t="s">
        <v>90</v>
      </c>
      <c r="K17" s="9" t="s">
        <v>91</v>
      </c>
      <c r="L17" s="10" t="s">
        <v>22</v>
      </c>
      <c r="M17" s="10" t="s">
        <v>22</v>
      </c>
      <c r="N17" s="10" t="s">
        <v>22</v>
      </c>
      <c r="O17" s="10" t="s">
        <v>22</v>
      </c>
      <c r="P17" s="10" t="s">
        <v>22</v>
      </c>
      <c r="Q17" s="10" t="s">
        <v>22</v>
      </c>
      <c r="R17" s="10" t="s">
        <v>22</v>
      </c>
      <c r="S17" s="10" t="s">
        <v>22</v>
      </c>
      <c r="T17" s="10" t="s">
        <v>22</v>
      </c>
      <c r="U17" s="10" t="s">
        <v>22</v>
      </c>
      <c r="V17" s="10" t="s">
        <v>22</v>
      </c>
      <c r="W17" s="10" t="s">
        <v>22</v>
      </c>
      <c r="X17" s="10" t="s">
        <v>22</v>
      </c>
      <c r="Y17" s="10" t="s">
        <v>22</v>
      </c>
      <c r="Z17" s="10" t="s">
        <v>22</v>
      </c>
    </row>
    <row r="18" spans="1:26" ht="24" customHeight="1" x14ac:dyDescent="0.2">
      <c r="A18" s="9" t="s">
        <v>17295</v>
      </c>
      <c r="B18" s="9" t="s">
        <v>14</v>
      </c>
      <c r="C18" s="9" t="s">
        <v>92</v>
      </c>
      <c r="D18" s="6" t="s">
        <v>93</v>
      </c>
      <c r="E18" s="22">
        <v>44573</v>
      </c>
      <c r="F18" s="22">
        <v>46398</v>
      </c>
      <c r="G18" s="6" t="s">
        <v>94</v>
      </c>
      <c r="H18" s="6" t="s">
        <v>18</v>
      </c>
      <c r="I18" s="6" t="s">
        <v>19</v>
      </c>
      <c r="J18" s="6" t="s">
        <v>95</v>
      </c>
      <c r="K18" s="9" t="s">
        <v>96</v>
      </c>
      <c r="L18" s="10" t="s">
        <v>22</v>
      </c>
      <c r="M18" s="10" t="s">
        <v>22</v>
      </c>
      <c r="N18" s="10" t="s">
        <v>22</v>
      </c>
      <c r="O18" s="10" t="s">
        <v>22</v>
      </c>
      <c r="P18" s="10" t="s">
        <v>22</v>
      </c>
      <c r="Q18" s="10" t="s">
        <v>22</v>
      </c>
      <c r="S18" s="10" t="s">
        <v>22</v>
      </c>
      <c r="T18" s="10" t="s">
        <v>22</v>
      </c>
      <c r="U18" s="10" t="s">
        <v>22</v>
      </c>
      <c r="V18" s="10" t="s">
        <v>22</v>
      </c>
      <c r="W18" s="10" t="s">
        <v>22</v>
      </c>
      <c r="X18" s="10" t="s">
        <v>22</v>
      </c>
      <c r="Y18" s="10" t="s">
        <v>22</v>
      </c>
      <c r="Z18" s="10" t="s">
        <v>22</v>
      </c>
    </row>
    <row r="19" spans="1:26" ht="24" customHeight="1" x14ac:dyDescent="0.2">
      <c r="A19" s="9" t="s">
        <v>17296</v>
      </c>
      <c r="B19" s="9" t="s">
        <v>14</v>
      </c>
      <c r="C19" s="9" t="s">
        <v>97</v>
      </c>
      <c r="D19" s="6" t="s">
        <v>98</v>
      </c>
      <c r="E19" s="22">
        <v>44573</v>
      </c>
      <c r="F19" s="22">
        <v>46398</v>
      </c>
      <c r="G19" s="6" t="s">
        <v>99</v>
      </c>
      <c r="H19" s="6" t="s">
        <v>18</v>
      </c>
      <c r="I19" s="6" t="s">
        <v>19</v>
      </c>
      <c r="J19" s="6" t="s">
        <v>100</v>
      </c>
      <c r="L19" s="10" t="s">
        <v>22</v>
      </c>
      <c r="M19" s="10" t="s">
        <v>22</v>
      </c>
      <c r="N19" s="10" t="s">
        <v>22</v>
      </c>
      <c r="O19" s="10" t="s">
        <v>22</v>
      </c>
      <c r="P19" s="10" t="s">
        <v>22</v>
      </c>
      <c r="Q19" s="10" t="s">
        <v>22</v>
      </c>
      <c r="S19" s="10" t="s">
        <v>22</v>
      </c>
      <c r="T19" s="10" t="s">
        <v>22</v>
      </c>
    </row>
    <row r="20" spans="1:26" ht="24" customHeight="1" x14ac:dyDescent="0.2">
      <c r="A20" s="9" t="s">
        <v>17297</v>
      </c>
      <c r="B20" s="9" t="s">
        <v>14</v>
      </c>
      <c r="C20" s="9" t="s">
        <v>101</v>
      </c>
      <c r="D20" s="6" t="s">
        <v>102</v>
      </c>
      <c r="E20" s="22">
        <v>44573</v>
      </c>
      <c r="F20" s="22">
        <v>46398</v>
      </c>
      <c r="G20" s="6" t="s">
        <v>103</v>
      </c>
      <c r="H20" s="6" t="s">
        <v>18</v>
      </c>
      <c r="I20" s="6" t="s">
        <v>19</v>
      </c>
      <c r="J20" s="6" t="s">
        <v>104</v>
      </c>
      <c r="K20" s="9" t="s">
        <v>105</v>
      </c>
      <c r="L20" s="10" t="s">
        <v>22</v>
      </c>
      <c r="M20" s="10" t="s">
        <v>22</v>
      </c>
      <c r="N20" s="10" t="s">
        <v>22</v>
      </c>
      <c r="O20" s="10" t="s">
        <v>22</v>
      </c>
      <c r="P20" s="10" t="s">
        <v>22</v>
      </c>
      <c r="Q20" s="10" t="s">
        <v>22</v>
      </c>
      <c r="R20" s="10" t="s">
        <v>22</v>
      </c>
      <c r="S20" s="10" t="s">
        <v>22</v>
      </c>
      <c r="T20" s="10" t="s">
        <v>22</v>
      </c>
      <c r="U20" s="10" t="s">
        <v>22</v>
      </c>
      <c r="V20" s="10" t="s">
        <v>22</v>
      </c>
      <c r="W20" s="10" t="s">
        <v>22</v>
      </c>
      <c r="X20" s="10" t="s">
        <v>22</v>
      </c>
      <c r="Y20" s="10" t="s">
        <v>22</v>
      </c>
      <c r="Z20" s="10" t="s">
        <v>22</v>
      </c>
    </row>
    <row r="21" spans="1:26" ht="24" customHeight="1" x14ac:dyDescent="0.2">
      <c r="A21" s="9" t="s">
        <v>17298</v>
      </c>
      <c r="B21" s="9" t="s">
        <v>14</v>
      </c>
      <c r="C21" s="9" t="s">
        <v>106</v>
      </c>
      <c r="D21" s="6" t="s">
        <v>107</v>
      </c>
      <c r="E21" s="22">
        <v>44573</v>
      </c>
      <c r="F21" s="22">
        <v>46398</v>
      </c>
      <c r="G21" s="6" t="s">
        <v>108</v>
      </c>
      <c r="H21" s="6" t="s">
        <v>18</v>
      </c>
      <c r="I21" s="6" t="s">
        <v>26</v>
      </c>
      <c r="J21" s="6" t="s">
        <v>109</v>
      </c>
      <c r="K21" s="9" t="s">
        <v>110</v>
      </c>
      <c r="L21" s="10" t="s">
        <v>22</v>
      </c>
      <c r="M21" s="10" t="s">
        <v>22</v>
      </c>
      <c r="N21" s="10" t="s">
        <v>22</v>
      </c>
      <c r="O21" s="10" t="s">
        <v>22</v>
      </c>
      <c r="P21" s="10" t="s">
        <v>22</v>
      </c>
      <c r="Q21" s="10" t="s">
        <v>22</v>
      </c>
      <c r="R21" s="10" t="s">
        <v>22</v>
      </c>
      <c r="S21" s="10" t="s">
        <v>22</v>
      </c>
      <c r="T21" s="10" t="s">
        <v>22</v>
      </c>
      <c r="U21" s="10" t="s">
        <v>22</v>
      </c>
      <c r="V21" s="10" t="s">
        <v>22</v>
      </c>
      <c r="W21" s="10" t="s">
        <v>22</v>
      </c>
      <c r="X21" s="10" t="s">
        <v>22</v>
      </c>
      <c r="Y21" s="10" t="s">
        <v>22</v>
      </c>
      <c r="Z21" s="10" t="s">
        <v>22</v>
      </c>
    </row>
    <row r="22" spans="1:26" ht="24" customHeight="1" x14ac:dyDescent="0.2">
      <c r="A22" s="9" t="s">
        <v>17299</v>
      </c>
      <c r="B22" s="9" t="s">
        <v>14</v>
      </c>
      <c r="C22" s="9" t="s">
        <v>111</v>
      </c>
      <c r="D22" s="6" t="s">
        <v>112</v>
      </c>
      <c r="E22" s="22">
        <v>44573</v>
      </c>
      <c r="F22" s="22">
        <v>46398</v>
      </c>
      <c r="G22" s="6" t="s">
        <v>113</v>
      </c>
      <c r="H22" s="6" t="s">
        <v>18</v>
      </c>
      <c r="I22" s="6" t="s">
        <v>19</v>
      </c>
      <c r="J22" s="6" t="s">
        <v>114</v>
      </c>
      <c r="K22" s="9" t="s">
        <v>115</v>
      </c>
      <c r="L22" s="10" t="s">
        <v>22</v>
      </c>
      <c r="M22" s="10" t="s">
        <v>22</v>
      </c>
      <c r="N22" s="10" t="s">
        <v>22</v>
      </c>
      <c r="O22" s="10" t="s">
        <v>22</v>
      </c>
      <c r="P22" s="10" t="s">
        <v>22</v>
      </c>
      <c r="Q22" s="10" t="s">
        <v>22</v>
      </c>
      <c r="S22" s="10" t="s">
        <v>22</v>
      </c>
      <c r="T22" s="10" t="s">
        <v>22</v>
      </c>
      <c r="U22" s="10" t="s">
        <v>22</v>
      </c>
      <c r="V22" s="10" t="s">
        <v>22</v>
      </c>
      <c r="W22" s="10" t="s">
        <v>22</v>
      </c>
      <c r="X22" s="10" t="s">
        <v>22</v>
      </c>
      <c r="Y22" s="10" t="s">
        <v>22</v>
      </c>
      <c r="Z22" s="10" t="s">
        <v>22</v>
      </c>
    </row>
    <row r="23" spans="1:26" ht="24" customHeight="1" x14ac:dyDescent="0.2">
      <c r="A23" s="9" t="s">
        <v>17300</v>
      </c>
      <c r="B23" s="9" t="s">
        <v>14</v>
      </c>
      <c r="C23" s="9" t="s">
        <v>116</v>
      </c>
      <c r="D23" s="6" t="s">
        <v>117</v>
      </c>
      <c r="E23" s="22">
        <v>44573</v>
      </c>
      <c r="F23" s="22">
        <v>46398</v>
      </c>
      <c r="G23" s="6" t="s">
        <v>118</v>
      </c>
      <c r="H23" s="6" t="s">
        <v>18</v>
      </c>
      <c r="I23" s="6" t="s">
        <v>19</v>
      </c>
      <c r="J23" s="6" t="s">
        <v>119</v>
      </c>
      <c r="K23" s="9" t="s">
        <v>120</v>
      </c>
      <c r="L23" s="10" t="s">
        <v>22</v>
      </c>
      <c r="M23" s="10" t="s">
        <v>22</v>
      </c>
      <c r="N23" s="10" t="s">
        <v>22</v>
      </c>
      <c r="O23" s="10" t="s">
        <v>22</v>
      </c>
      <c r="P23" s="10" t="s">
        <v>22</v>
      </c>
      <c r="Q23" s="10" t="s">
        <v>22</v>
      </c>
      <c r="R23" s="10" t="s">
        <v>22</v>
      </c>
      <c r="S23" s="10" t="s">
        <v>22</v>
      </c>
      <c r="T23" s="10" t="s">
        <v>22</v>
      </c>
      <c r="U23" s="10" t="s">
        <v>22</v>
      </c>
      <c r="V23" s="10" t="s">
        <v>22</v>
      </c>
      <c r="W23" s="10" t="s">
        <v>22</v>
      </c>
      <c r="X23" s="10" t="s">
        <v>22</v>
      </c>
      <c r="Y23" s="10" t="s">
        <v>22</v>
      </c>
      <c r="Z23" s="10" t="s">
        <v>22</v>
      </c>
    </row>
    <row r="24" spans="1:26" ht="24" customHeight="1" x14ac:dyDescent="0.2">
      <c r="A24" s="9" t="s">
        <v>17301</v>
      </c>
      <c r="B24" s="9" t="s">
        <v>14</v>
      </c>
      <c r="C24" s="9" t="s">
        <v>121</v>
      </c>
      <c r="D24" s="6" t="s">
        <v>122</v>
      </c>
      <c r="E24" s="22">
        <v>44573</v>
      </c>
      <c r="F24" s="22">
        <v>46398</v>
      </c>
      <c r="G24" s="6" t="s">
        <v>123</v>
      </c>
      <c r="H24" s="6" t="s">
        <v>18</v>
      </c>
      <c r="I24" s="6" t="s">
        <v>19</v>
      </c>
      <c r="J24" s="6" t="s">
        <v>124</v>
      </c>
      <c r="K24" s="9" t="s">
        <v>125</v>
      </c>
      <c r="L24" s="10" t="s">
        <v>22</v>
      </c>
      <c r="M24" s="10" t="s">
        <v>22</v>
      </c>
      <c r="N24" s="10" t="s">
        <v>22</v>
      </c>
      <c r="O24" s="10" t="s">
        <v>22</v>
      </c>
      <c r="P24" s="10" t="s">
        <v>22</v>
      </c>
      <c r="Q24" s="10" t="s">
        <v>22</v>
      </c>
      <c r="R24" s="10" t="s">
        <v>22</v>
      </c>
      <c r="S24" s="10" t="s">
        <v>22</v>
      </c>
      <c r="T24" s="10" t="s">
        <v>22</v>
      </c>
      <c r="U24" s="10" t="s">
        <v>22</v>
      </c>
      <c r="V24" s="10" t="s">
        <v>22</v>
      </c>
      <c r="W24" s="10" t="s">
        <v>22</v>
      </c>
      <c r="X24" s="10" t="s">
        <v>22</v>
      </c>
      <c r="Y24" s="10" t="s">
        <v>22</v>
      </c>
      <c r="Z24" s="10" t="s">
        <v>22</v>
      </c>
    </row>
    <row r="25" spans="1:26" ht="24" customHeight="1" x14ac:dyDescent="0.2">
      <c r="A25" s="9" t="s">
        <v>17302</v>
      </c>
      <c r="B25" s="9" t="s">
        <v>14</v>
      </c>
      <c r="C25" s="9" t="s">
        <v>126</v>
      </c>
      <c r="D25" s="6" t="s">
        <v>127</v>
      </c>
      <c r="E25" s="22">
        <v>44573</v>
      </c>
      <c r="F25" s="22">
        <v>46398</v>
      </c>
      <c r="G25" s="6" t="s">
        <v>128</v>
      </c>
      <c r="H25" s="6" t="s">
        <v>18</v>
      </c>
      <c r="I25" s="6" t="s">
        <v>19</v>
      </c>
      <c r="J25" s="6" t="s">
        <v>129</v>
      </c>
      <c r="K25" s="9" t="s">
        <v>130</v>
      </c>
      <c r="L25" s="10" t="s">
        <v>22</v>
      </c>
      <c r="M25" s="10" t="s">
        <v>22</v>
      </c>
      <c r="N25" s="10" t="s">
        <v>22</v>
      </c>
      <c r="O25" s="10" t="s">
        <v>22</v>
      </c>
      <c r="P25" s="10" t="s">
        <v>22</v>
      </c>
      <c r="Q25" s="10" t="s">
        <v>22</v>
      </c>
      <c r="R25" s="10" t="s">
        <v>22</v>
      </c>
      <c r="S25" s="10" t="s">
        <v>22</v>
      </c>
      <c r="T25" s="10" t="s">
        <v>22</v>
      </c>
      <c r="U25" s="10" t="s">
        <v>22</v>
      </c>
      <c r="V25" s="10" t="s">
        <v>22</v>
      </c>
      <c r="W25" s="10" t="s">
        <v>22</v>
      </c>
      <c r="X25" s="10" t="s">
        <v>22</v>
      </c>
      <c r="Y25" s="10" t="s">
        <v>22</v>
      </c>
      <c r="Z25" s="10" t="s">
        <v>22</v>
      </c>
    </row>
    <row r="26" spans="1:26" ht="24" customHeight="1" x14ac:dyDescent="0.2">
      <c r="A26" s="9" t="s">
        <v>17303</v>
      </c>
      <c r="B26" s="9" t="s">
        <v>14</v>
      </c>
      <c r="C26" s="9" t="s">
        <v>131</v>
      </c>
      <c r="D26" s="6" t="s">
        <v>132</v>
      </c>
      <c r="E26" s="22">
        <v>44573</v>
      </c>
      <c r="F26" s="22">
        <v>46398</v>
      </c>
      <c r="G26" s="6" t="s">
        <v>133</v>
      </c>
      <c r="H26" s="6" t="s">
        <v>18</v>
      </c>
      <c r="I26" s="6" t="s">
        <v>19</v>
      </c>
      <c r="J26" s="6" t="s">
        <v>134</v>
      </c>
      <c r="K26" s="9" t="s">
        <v>135</v>
      </c>
      <c r="L26" s="10" t="s">
        <v>22</v>
      </c>
      <c r="M26" s="10" t="s">
        <v>22</v>
      </c>
      <c r="N26" s="10" t="s">
        <v>22</v>
      </c>
      <c r="O26" s="10" t="s">
        <v>22</v>
      </c>
      <c r="P26" s="10" t="s">
        <v>22</v>
      </c>
      <c r="Q26" s="10" t="s">
        <v>22</v>
      </c>
      <c r="S26" s="10" t="s">
        <v>22</v>
      </c>
      <c r="T26" s="10" t="s">
        <v>22</v>
      </c>
      <c r="U26" s="10" t="s">
        <v>22</v>
      </c>
      <c r="V26" s="10" t="s">
        <v>22</v>
      </c>
      <c r="W26" s="10" t="s">
        <v>22</v>
      </c>
      <c r="X26" s="10" t="s">
        <v>22</v>
      </c>
      <c r="Y26" s="10" t="s">
        <v>22</v>
      </c>
      <c r="Z26" s="10" t="s">
        <v>22</v>
      </c>
    </row>
    <row r="27" spans="1:26" ht="24" customHeight="1" x14ac:dyDescent="0.2">
      <c r="A27" s="9" t="s">
        <v>17304</v>
      </c>
      <c r="B27" s="9" t="s">
        <v>14</v>
      </c>
      <c r="C27" s="9" t="s">
        <v>136</v>
      </c>
      <c r="D27" s="6" t="s">
        <v>137</v>
      </c>
      <c r="E27" s="22">
        <v>44573</v>
      </c>
      <c r="F27" s="22">
        <v>46398</v>
      </c>
      <c r="G27" s="6" t="s">
        <v>138</v>
      </c>
      <c r="H27" s="6" t="s">
        <v>18</v>
      </c>
      <c r="I27" s="6" t="s">
        <v>19</v>
      </c>
      <c r="J27" s="6" t="s">
        <v>139</v>
      </c>
      <c r="K27" s="9" t="s">
        <v>140</v>
      </c>
      <c r="L27" s="10" t="s">
        <v>22</v>
      </c>
      <c r="M27" s="10" t="s">
        <v>22</v>
      </c>
      <c r="N27" s="10" t="s">
        <v>22</v>
      </c>
      <c r="O27" s="10" t="s">
        <v>22</v>
      </c>
      <c r="P27" s="10" t="s">
        <v>22</v>
      </c>
      <c r="Q27" s="10" t="s">
        <v>22</v>
      </c>
      <c r="S27" s="10" t="s">
        <v>22</v>
      </c>
      <c r="T27" s="10" t="s">
        <v>22</v>
      </c>
      <c r="V27" s="10" t="s">
        <v>22</v>
      </c>
      <c r="W27" s="10" t="s">
        <v>22</v>
      </c>
      <c r="Y27" s="10" t="s">
        <v>22</v>
      </c>
      <c r="Z27" s="10" t="s">
        <v>22</v>
      </c>
    </row>
    <row r="28" spans="1:26" ht="24" customHeight="1" x14ac:dyDescent="0.2">
      <c r="A28" s="9" t="s">
        <v>17305</v>
      </c>
      <c r="B28" s="9" t="s">
        <v>14</v>
      </c>
      <c r="C28" s="9" t="s">
        <v>141</v>
      </c>
      <c r="D28" s="6" t="s">
        <v>142</v>
      </c>
      <c r="E28" s="22">
        <v>44573</v>
      </c>
      <c r="F28" s="22">
        <v>46398</v>
      </c>
      <c r="G28" s="6" t="s">
        <v>143</v>
      </c>
      <c r="H28" s="6" t="s">
        <v>18</v>
      </c>
      <c r="I28" s="6" t="s">
        <v>19</v>
      </c>
      <c r="J28" s="6" t="s">
        <v>144</v>
      </c>
      <c r="K28" s="9" t="s">
        <v>145</v>
      </c>
      <c r="L28" s="10" t="s">
        <v>22</v>
      </c>
      <c r="M28" s="10" t="s">
        <v>22</v>
      </c>
      <c r="N28" s="10" t="s">
        <v>22</v>
      </c>
      <c r="O28" s="10" t="s">
        <v>22</v>
      </c>
      <c r="P28" s="10" t="s">
        <v>22</v>
      </c>
      <c r="Q28" s="10" t="s">
        <v>22</v>
      </c>
      <c r="R28" s="10" t="s">
        <v>22</v>
      </c>
      <c r="S28" s="10" t="s">
        <v>22</v>
      </c>
      <c r="T28" s="10" t="s">
        <v>22</v>
      </c>
      <c r="U28" s="10" t="s">
        <v>22</v>
      </c>
      <c r="V28" s="10" t="s">
        <v>22</v>
      </c>
      <c r="W28" s="10" t="s">
        <v>22</v>
      </c>
      <c r="X28" s="10" t="s">
        <v>22</v>
      </c>
      <c r="Y28" s="10" t="s">
        <v>22</v>
      </c>
      <c r="Z28" s="10" t="s">
        <v>22</v>
      </c>
    </row>
    <row r="29" spans="1:26" ht="24" customHeight="1" x14ac:dyDescent="0.2">
      <c r="A29" s="9" t="s">
        <v>17306</v>
      </c>
      <c r="B29" s="9" t="s">
        <v>14</v>
      </c>
      <c r="C29" s="9" t="s">
        <v>146</v>
      </c>
      <c r="D29" s="6" t="s">
        <v>147</v>
      </c>
      <c r="E29" s="22">
        <v>44573</v>
      </c>
      <c r="F29" s="22">
        <v>46398</v>
      </c>
      <c r="G29" s="6" t="s">
        <v>148</v>
      </c>
      <c r="H29" s="6" t="s">
        <v>18</v>
      </c>
      <c r="I29" s="6" t="s">
        <v>19</v>
      </c>
      <c r="J29" s="6" t="s">
        <v>149</v>
      </c>
      <c r="K29" s="9" t="s">
        <v>150</v>
      </c>
      <c r="L29" s="10" t="s">
        <v>22</v>
      </c>
      <c r="M29" s="10" t="s">
        <v>22</v>
      </c>
      <c r="N29" s="10" t="s">
        <v>22</v>
      </c>
      <c r="O29" s="10" t="s">
        <v>22</v>
      </c>
      <c r="P29" s="10" t="s">
        <v>22</v>
      </c>
      <c r="Q29" s="10" t="s">
        <v>22</v>
      </c>
      <c r="S29" s="10" t="s">
        <v>22</v>
      </c>
      <c r="T29" s="10" t="s">
        <v>22</v>
      </c>
      <c r="U29" s="10" t="s">
        <v>22</v>
      </c>
      <c r="V29" s="10" t="s">
        <v>22</v>
      </c>
      <c r="W29" s="10" t="s">
        <v>22</v>
      </c>
      <c r="X29" s="10" t="s">
        <v>22</v>
      </c>
      <c r="Y29" s="10" t="s">
        <v>22</v>
      </c>
      <c r="Z29" s="10" t="s">
        <v>22</v>
      </c>
    </row>
    <row r="30" spans="1:26" ht="24" customHeight="1" x14ac:dyDescent="0.2">
      <c r="A30" s="9" t="s">
        <v>17307</v>
      </c>
      <c r="B30" s="9" t="s">
        <v>14</v>
      </c>
      <c r="C30" s="9" t="s">
        <v>151</v>
      </c>
      <c r="D30" s="6" t="s">
        <v>152</v>
      </c>
      <c r="E30" s="22">
        <v>44573</v>
      </c>
      <c r="F30" s="22">
        <v>46398</v>
      </c>
      <c r="G30" s="6" t="s">
        <v>153</v>
      </c>
      <c r="H30" s="6" t="s">
        <v>18</v>
      </c>
      <c r="I30" s="6" t="s">
        <v>19</v>
      </c>
      <c r="J30" s="6" t="s">
        <v>154</v>
      </c>
      <c r="K30" s="9" t="s">
        <v>155</v>
      </c>
      <c r="L30" s="10" t="s">
        <v>22</v>
      </c>
      <c r="M30" s="10" t="s">
        <v>22</v>
      </c>
      <c r="N30" s="10" t="s">
        <v>22</v>
      </c>
      <c r="O30" s="10" t="s">
        <v>22</v>
      </c>
      <c r="P30" s="10" t="s">
        <v>22</v>
      </c>
      <c r="Q30" s="10" t="s">
        <v>22</v>
      </c>
      <c r="R30" s="10" t="s">
        <v>22</v>
      </c>
      <c r="S30" s="10" t="s">
        <v>22</v>
      </c>
      <c r="T30" s="10" t="s">
        <v>22</v>
      </c>
      <c r="U30" s="10" t="s">
        <v>22</v>
      </c>
      <c r="V30" s="10" t="s">
        <v>22</v>
      </c>
      <c r="W30" s="10" t="s">
        <v>22</v>
      </c>
      <c r="X30" s="10" t="s">
        <v>22</v>
      </c>
      <c r="Y30" s="10" t="s">
        <v>22</v>
      </c>
      <c r="Z30" s="10" t="s">
        <v>22</v>
      </c>
    </row>
    <row r="31" spans="1:26" ht="24" customHeight="1" x14ac:dyDescent="0.2">
      <c r="A31" s="9" t="s">
        <v>17308</v>
      </c>
      <c r="B31" s="9" t="s">
        <v>14</v>
      </c>
      <c r="C31" s="9" t="s">
        <v>156</v>
      </c>
      <c r="D31" s="6" t="s">
        <v>157</v>
      </c>
      <c r="E31" s="22">
        <v>44573</v>
      </c>
      <c r="F31" s="22">
        <v>46398</v>
      </c>
      <c r="G31" s="6" t="s">
        <v>158</v>
      </c>
      <c r="H31" s="6" t="s">
        <v>18</v>
      </c>
      <c r="I31" s="6" t="s">
        <v>26</v>
      </c>
      <c r="J31" s="6" t="s">
        <v>159</v>
      </c>
      <c r="K31" s="9" t="s">
        <v>160</v>
      </c>
      <c r="L31" s="10" t="s">
        <v>22</v>
      </c>
      <c r="M31" s="10" t="s">
        <v>22</v>
      </c>
      <c r="N31" s="10" t="s">
        <v>22</v>
      </c>
      <c r="O31" s="10" t="s">
        <v>22</v>
      </c>
      <c r="P31" s="10" t="s">
        <v>22</v>
      </c>
      <c r="Q31" s="10" t="s">
        <v>22</v>
      </c>
      <c r="U31" s="10" t="s">
        <v>22</v>
      </c>
      <c r="V31" s="10" t="s">
        <v>22</v>
      </c>
      <c r="W31" s="10" t="s">
        <v>22</v>
      </c>
      <c r="X31" s="10" t="s">
        <v>22</v>
      </c>
      <c r="Y31" s="10" t="s">
        <v>22</v>
      </c>
      <c r="Z31" s="10" t="s">
        <v>22</v>
      </c>
    </row>
    <row r="32" spans="1:26" ht="24" customHeight="1" x14ac:dyDescent="0.2">
      <c r="A32" s="9" t="s">
        <v>17309</v>
      </c>
      <c r="B32" s="9" t="s">
        <v>14</v>
      </c>
      <c r="C32" s="9" t="s">
        <v>161</v>
      </c>
      <c r="D32" s="6" t="s">
        <v>162</v>
      </c>
      <c r="E32" s="22">
        <v>44573</v>
      </c>
      <c r="F32" s="22">
        <v>46398</v>
      </c>
      <c r="G32" s="6" t="s">
        <v>163</v>
      </c>
      <c r="H32" s="6" t="s">
        <v>18</v>
      </c>
      <c r="I32" s="6" t="s">
        <v>19</v>
      </c>
      <c r="J32" s="6" t="s">
        <v>164</v>
      </c>
      <c r="K32" s="9" t="s">
        <v>165</v>
      </c>
      <c r="L32" s="10" t="s">
        <v>22</v>
      </c>
      <c r="M32" s="10" t="s">
        <v>22</v>
      </c>
      <c r="N32" s="10" t="s">
        <v>22</v>
      </c>
      <c r="O32" s="10" t="s">
        <v>22</v>
      </c>
      <c r="P32" s="10" t="s">
        <v>22</v>
      </c>
      <c r="Q32" s="10" t="s">
        <v>22</v>
      </c>
      <c r="R32" s="10" t="s">
        <v>22</v>
      </c>
      <c r="S32" s="10" t="s">
        <v>22</v>
      </c>
      <c r="T32" s="10" t="s">
        <v>22</v>
      </c>
      <c r="U32" s="10" t="s">
        <v>22</v>
      </c>
      <c r="V32" s="10" t="s">
        <v>22</v>
      </c>
      <c r="W32" s="10" t="s">
        <v>22</v>
      </c>
      <c r="X32" s="10" t="s">
        <v>22</v>
      </c>
      <c r="Y32" s="10" t="s">
        <v>22</v>
      </c>
      <c r="Z32" s="10" t="s">
        <v>22</v>
      </c>
    </row>
    <row r="33" spans="1:26" ht="24" customHeight="1" x14ac:dyDescent="0.2">
      <c r="A33" s="9" t="s">
        <v>17310</v>
      </c>
      <c r="B33" s="9" t="s">
        <v>14</v>
      </c>
      <c r="C33" s="9" t="s">
        <v>166</v>
      </c>
      <c r="D33" s="6" t="s">
        <v>167</v>
      </c>
      <c r="E33" s="22">
        <v>44573</v>
      </c>
      <c r="F33" s="22">
        <v>46398</v>
      </c>
      <c r="G33" s="6" t="s">
        <v>168</v>
      </c>
      <c r="H33" s="6" t="s">
        <v>18</v>
      </c>
      <c r="I33" s="6" t="s">
        <v>19</v>
      </c>
      <c r="J33" s="6" t="s">
        <v>169</v>
      </c>
      <c r="K33" s="9" t="s">
        <v>170</v>
      </c>
      <c r="L33" s="10" t="s">
        <v>22</v>
      </c>
      <c r="M33" s="10" t="s">
        <v>22</v>
      </c>
      <c r="N33" s="10" t="s">
        <v>22</v>
      </c>
      <c r="O33" s="10" t="s">
        <v>22</v>
      </c>
      <c r="P33" s="10" t="s">
        <v>22</v>
      </c>
      <c r="Q33" s="10" t="s">
        <v>22</v>
      </c>
      <c r="V33" s="10" t="s">
        <v>22</v>
      </c>
      <c r="W33" s="10" t="s">
        <v>22</v>
      </c>
      <c r="Y33" s="10" t="s">
        <v>22</v>
      </c>
      <c r="Z33" s="10" t="s">
        <v>22</v>
      </c>
    </row>
    <row r="34" spans="1:26" ht="24" customHeight="1" x14ac:dyDescent="0.2">
      <c r="A34" s="9" t="s">
        <v>17311</v>
      </c>
      <c r="B34" s="9" t="s">
        <v>14</v>
      </c>
      <c r="C34" s="9" t="s">
        <v>166</v>
      </c>
      <c r="D34" s="6" t="s">
        <v>167</v>
      </c>
      <c r="E34" s="22">
        <v>44573</v>
      </c>
      <c r="F34" s="22">
        <v>46398</v>
      </c>
      <c r="G34" s="6" t="s">
        <v>171</v>
      </c>
      <c r="H34" s="6" t="s">
        <v>18</v>
      </c>
      <c r="I34" s="6" t="s">
        <v>172</v>
      </c>
      <c r="J34" s="6" t="s">
        <v>173</v>
      </c>
      <c r="K34" s="9" t="s">
        <v>174</v>
      </c>
      <c r="L34" s="10" t="s">
        <v>22</v>
      </c>
      <c r="M34" s="10" t="s">
        <v>22</v>
      </c>
      <c r="N34" s="10" t="s">
        <v>22</v>
      </c>
      <c r="O34" s="10" t="s">
        <v>22</v>
      </c>
      <c r="P34" s="10" t="s">
        <v>22</v>
      </c>
      <c r="Q34" s="10" t="s">
        <v>22</v>
      </c>
      <c r="V34" s="10" t="s">
        <v>22</v>
      </c>
      <c r="W34" s="10" t="s">
        <v>22</v>
      </c>
      <c r="Y34" s="10" t="s">
        <v>22</v>
      </c>
      <c r="Z34" s="10" t="s">
        <v>22</v>
      </c>
    </row>
    <row r="35" spans="1:26" ht="24" customHeight="1" x14ac:dyDescent="0.2">
      <c r="A35" s="9" t="s">
        <v>17312</v>
      </c>
      <c r="B35" s="9" t="s">
        <v>14</v>
      </c>
      <c r="C35" s="9" t="s">
        <v>175</v>
      </c>
      <c r="D35" s="6" t="s">
        <v>16179</v>
      </c>
      <c r="E35" s="22">
        <v>44577</v>
      </c>
      <c r="F35" s="22">
        <v>46402</v>
      </c>
      <c r="G35" s="6" t="s">
        <v>16180</v>
      </c>
      <c r="H35" s="6" t="s">
        <v>18</v>
      </c>
      <c r="I35" s="6" t="s">
        <v>19</v>
      </c>
      <c r="J35" s="6" t="s">
        <v>176</v>
      </c>
      <c r="K35" s="9" t="s">
        <v>177</v>
      </c>
      <c r="L35" s="10" t="s">
        <v>22</v>
      </c>
      <c r="M35" s="10" t="s">
        <v>22</v>
      </c>
      <c r="N35" s="10" t="s">
        <v>22</v>
      </c>
      <c r="O35" s="10" t="s">
        <v>22</v>
      </c>
      <c r="P35" s="10" t="s">
        <v>22</v>
      </c>
      <c r="Q35" s="10" t="s">
        <v>22</v>
      </c>
    </row>
    <row r="36" spans="1:26" ht="24" customHeight="1" x14ac:dyDescent="0.2">
      <c r="A36" s="9" t="s">
        <v>17313</v>
      </c>
      <c r="B36" s="9" t="s">
        <v>14</v>
      </c>
      <c r="C36" s="9" t="s">
        <v>178</v>
      </c>
      <c r="D36" s="6" t="s">
        <v>179</v>
      </c>
      <c r="E36" s="22">
        <v>44580</v>
      </c>
      <c r="F36" s="22">
        <v>46405</v>
      </c>
      <c r="G36" s="6" t="s">
        <v>180</v>
      </c>
      <c r="H36" s="6" t="s">
        <v>18</v>
      </c>
      <c r="I36" s="6" t="s">
        <v>26</v>
      </c>
      <c r="J36" s="6" t="s">
        <v>181</v>
      </c>
      <c r="K36" s="9" t="s">
        <v>182</v>
      </c>
      <c r="L36" s="10" t="s">
        <v>22</v>
      </c>
      <c r="M36" s="10" t="s">
        <v>22</v>
      </c>
      <c r="N36" s="10" t="s">
        <v>22</v>
      </c>
      <c r="O36" s="10" t="s">
        <v>22</v>
      </c>
      <c r="P36" s="10" t="s">
        <v>22</v>
      </c>
      <c r="Q36" s="10" t="s">
        <v>22</v>
      </c>
      <c r="R36" s="10" t="s">
        <v>22</v>
      </c>
      <c r="S36" s="10" t="s">
        <v>22</v>
      </c>
      <c r="T36" s="10" t="s">
        <v>22</v>
      </c>
      <c r="U36" s="10" t="s">
        <v>22</v>
      </c>
      <c r="V36" s="10" t="s">
        <v>22</v>
      </c>
      <c r="W36" s="10" t="s">
        <v>22</v>
      </c>
      <c r="X36" s="10" t="s">
        <v>22</v>
      </c>
      <c r="Y36" s="10" t="s">
        <v>22</v>
      </c>
      <c r="Z36" s="10" t="s">
        <v>22</v>
      </c>
    </row>
    <row r="37" spans="1:26" ht="24" customHeight="1" x14ac:dyDescent="0.2">
      <c r="A37" s="9" t="s">
        <v>17314</v>
      </c>
      <c r="B37" s="9" t="s">
        <v>14</v>
      </c>
      <c r="C37" s="9" t="s">
        <v>183</v>
      </c>
      <c r="D37" s="6" t="s">
        <v>184</v>
      </c>
      <c r="E37" s="22">
        <v>44585</v>
      </c>
      <c r="F37" s="22">
        <v>46410</v>
      </c>
      <c r="G37" s="6" t="s">
        <v>185</v>
      </c>
      <c r="H37" s="6" t="s">
        <v>62</v>
      </c>
      <c r="I37" s="6" t="s">
        <v>186</v>
      </c>
      <c r="J37" s="6" t="s">
        <v>187</v>
      </c>
      <c r="K37" s="9" t="s">
        <v>188</v>
      </c>
      <c r="L37" s="10" t="s">
        <v>22</v>
      </c>
      <c r="M37" s="10" t="s">
        <v>22</v>
      </c>
      <c r="N37" s="10" t="s">
        <v>22</v>
      </c>
      <c r="O37" s="10" t="s">
        <v>22</v>
      </c>
      <c r="P37" s="10" t="s">
        <v>22</v>
      </c>
      <c r="Q37" s="10" t="s">
        <v>22</v>
      </c>
      <c r="R37" s="10" t="s">
        <v>22</v>
      </c>
      <c r="S37" s="10" t="s">
        <v>22</v>
      </c>
      <c r="T37" s="10" t="s">
        <v>22</v>
      </c>
      <c r="U37" s="10" t="s">
        <v>22</v>
      </c>
      <c r="V37" s="10" t="s">
        <v>22</v>
      </c>
      <c r="W37" s="10" t="s">
        <v>22</v>
      </c>
      <c r="X37" s="10" t="s">
        <v>22</v>
      </c>
      <c r="Y37" s="10" t="s">
        <v>22</v>
      </c>
      <c r="Z37" s="10" t="s">
        <v>22</v>
      </c>
    </row>
    <row r="38" spans="1:26" ht="24" customHeight="1" x14ac:dyDescent="0.2">
      <c r="A38" s="9" t="s">
        <v>17315</v>
      </c>
      <c r="B38" s="9" t="s">
        <v>14</v>
      </c>
      <c r="C38" s="9" t="s">
        <v>189</v>
      </c>
      <c r="D38" s="6" t="s">
        <v>190</v>
      </c>
      <c r="E38" s="22">
        <v>44585</v>
      </c>
      <c r="F38" s="22">
        <v>46410</v>
      </c>
      <c r="G38" s="6" t="s">
        <v>191</v>
      </c>
      <c r="H38" s="6" t="s">
        <v>18</v>
      </c>
      <c r="I38" s="6" t="s">
        <v>19</v>
      </c>
      <c r="J38" s="6" t="s">
        <v>192</v>
      </c>
      <c r="K38" s="9" t="s">
        <v>193</v>
      </c>
      <c r="L38" s="10" t="s">
        <v>22</v>
      </c>
      <c r="M38" s="10" t="s">
        <v>22</v>
      </c>
      <c r="N38" s="10" t="s">
        <v>22</v>
      </c>
      <c r="O38" s="10" t="s">
        <v>22</v>
      </c>
      <c r="P38" s="10" t="s">
        <v>22</v>
      </c>
      <c r="Q38" s="10" t="s">
        <v>22</v>
      </c>
      <c r="R38" s="10" t="s">
        <v>22</v>
      </c>
      <c r="S38" s="10" t="s">
        <v>22</v>
      </c>
      <c r="T38" s="10" t="s">
        <v>22</v>
      </c>
      <c r="U38" s="10" t="s">
        <v>22</v>
      </c>
      <c r="V38" s="10" t="s">
        <v>22</v>
      </c>
      <c r="W38" s="10" t="s">
        <v>22</v>
      </c>
      <c r="X38" s="10" t="s">
        <v>22</v>
      </c>
      <c r="Y38" s="10" t="s">
        <v>22</v>
      </c>
      <c r="Z38" s="10" t="s">
        <v>22</v>
      </c>
    </row>
    <row r="39" spans="1:26" ht="24" customHeight="1" x14ac:dyDescent="0.2">
      <c r="A39" s="9" t="s">
        <v>17316</v>
      </c>
      <c r="B39" s="9" t="s">
        <v>14</v>
      </c>
      <c r="C39" s="9" t="s">
        <v>194</v>
      </c>
      <c r="D39" s="6" t="s">
        <v>195</v>
      </c>
      <c r="E39" s="22">
        <v>44587</v>
      </c>
      <c r="F39" s="22">
        <v>46412</v>
      </c>
      <c r="G39" s="6" t="s">
        <v>196</v>
      </c>
      <c r="H39" s="6" t="s">
        <v>18</v>
      </c>
      <c r="I39" s="6" t="s">
        <v>26</v>
      </c>
      <c r="J39" s="6" t="s">
        <v>197</v>
      </c>
      <c r="K39" s="9" t="s">
        <v>198</v>
      </c>
      <c r="L39" s="10" t="s">
        <v>22</v>
      </c>
      <c r="M39" s="10" t="s">
        <v>22</v>
      </c>
      <c r="N39" s="10" t="s">
        <v>22</v>
      </c>
      <c r="O39" s="10" t="s">
        <v>22</v>
      </c>
      <c r="P39" s="10" t="s">
        <v>22</v>
      </c>
      <c r="Q39" s="10" t="s">
        <v>22</v>
      </c>
      <c r="R39" s="10" t="s">
        <v>22</v>
      </c>
      <c r="S39" s="10" t="s">
        <v>22</v>
      </c>
      <c r="T39" s="10" t="s">
        <v>22</v>
      </c>
      <c r="U39" s="10" t="s">
        <v>22</v>
      </c>
      <c r="V39" s="10" t="s">
        <v>22</v>
      </c>
      <c r="W39" s="10" t="s">
        <v>22</v>
      </c>
    </row>
    <row r="40" spans="1:26" ht="24" customHeight="1" x14ac:dyDescent="0.2">
      <c r="A40" s="9" t="s">
        <v>17317</v>
      </c>
      <c r="B40" s="9" t="s">
        <v>14</v>
      </c>
      <c r="C40" s="9" t="s">
        <v>199</v>
      </c>
      <c r="D40" s="6" t="s">
        <v>200</v>
      </c>
      <c r="E40" s="22">
        <v>44587</v>
      </c>
      <c r="F40" s="22">
        <v>46412</v>
      </c>
      <c r="G40" s="6" t="s">
        <v>201</v>
      </c>
      <c r="H40" s="6" t="s">
        <v>202</v>
      </c>
      <c r="I40" s="6" t="s">
        <v>203</v>
      </c>
      <c r="J40" s="6" t="s">
        <v>204</v>
      </c>
      <c r="K40" s="9" t="s">
        <v>205</v>
      </c>
      <c r="L40" s="10" t="s">
        <v>22</v>
      </c>
      <c r="M40" s="10" t="s">
        <v>22</v>
      </c>
      <c r="N40" s="10" t="s">
        <v>22</v>
      </c>
      <c r="O40" s="10" t="s">
        <v>22</v>
      </c>
      <c r="P40" s="10" t="s">
        <v>22</v>
      </c>
      <c r="Q40" s="10" t="s">
        <v>22</v>
      </c>
      <c r="S40" s="10" t="s">
        <v>22</v>
      </c>
      <c r="T40" s="10" t="s">
        <v>22</v>
      </c>
      <c r="U40" s="10" t="s">
        <v>22</v>
      </c>
      <c r="V40" s="10" t="s">
        <v>22</v>
      </c>
      <c r="W40" s="10" t="s">
        <v>22</v>
      </c>
      <c r="X40" s="10" t="s">
        <v>22</v>
      </c>
      <c r="Y40" s="10" t="s">
        <v>22</v>
      </c>
      <c r="Z40" s="10" t="s">
        <v>22</v>
      </c>
    </row>
    <row r="41" spans="1:26" ht="24" customHeight="1" x14ac:dyDescent="0.2">
      <c r="A41" s="9" t="s">
        <v>17318</v>
      </c>
      <c r="B41" s="9" t="s">
        <v>14</v>
      </c>
      <c r="C41" s="9" t="s">
        <v>206</v>
      </c>
      <c r="D41" s="6" t="s">
        <v>207</v>
      </c>
      <c r="E41" s="22">
        <v>44591</v>
      </c>
      <c r="F41" s="22">
        <v>46416</v>
      </c>
      <c r="G41" s="6" t="s">
        <v>208</v>
      </c>
      <c r="H41" s="6" t="s">
        <v>18</v>
      </c>
      <c r="I41" s="6" t="s">
        <v>19</v>
      </c>
      <c r="J41" s="6" t="s">
        <v>209</v>
      </c>
      <c r="K41" s="9" t="s">
        <v>210</v>
      </c>
      <c r="L41" s="10" t="s">
        <v>22</v>
      </c>
      <c r="M41" s="10" t="s">
        <v>22</v>
      </c>
      <c r="N41" s="10" t="s">
        <v>22</v>
      </c>
      <c r="O41" s="10" t="s">
        <v>22</v>
      </c>
      <c r="P41" s="10" t="s">
        <v>22</v>
      </c>
      <c r="Q41" s="10" t="s">
        <v>22</v>
      </c>
      <c r="R41" s="10" t="s">
        <v>22</v>
      </c>
      <c r="S41" s="10" t="s">
        <v>22</v>
      </c>
      <c r="T41" s="10" t="s">
        <v>22</v>
      </c>
      <c r="U41" s="10" t="s">
        <v>22</v>
      </c>
      <c r="V41" s="10" t="s">
        <v>22</v>
      </c>
      <c r="W41" s="10" t="s">
        <v>22</v>
      </c>
      <c r="X41" s="10" t="s">
        <v>22</v>
      </c>
      <c r="Y41" s="10" t="s">
        <v>22</v>
      </c>
      <c r="Z41" s="10" t="s">
        <v>22</v>
      </c>
    </row>
    <row r="42" spans="1:26" ht="24" customHeight="1" x14ac:dyDescent="0.2">
      <c r="A42" s="9" t="s">
        <v>17319</v>
      </c>
      <c r="B42" s="9" t="s">
        <v>14</v>
      </c>
      <c r="C42" s="9" t="s">
        <v>211</v>
      </c>
      <c r="D42" s="6" t="s">
        <v>212</v>
      </c>
      <c r="E42" s="22">
        <v>44594</v>
      </c>
      <c r="F42" s="22">
        <v>46419</v>
      </c>
      <c r="G42" s="6" t="s">
        <v>213</v>
      </c>
      <c r="H42" s="6" t="s">
        <v>62</v>
      </c>
      <c r="I42" s="6" t="s">
        <v>186</v>
      </c>
      <c r="J42" s="6" t="s">
        <v>214</v>
      </c>
      <c r="K42" s="9" t="s">
        <v>215</v>
      </c>
      <c r="L42" s="10" t="s">
        <v>22</v>
      </c>
      <c r="M42" s="10" t="s">
        <v>22</v>
      </c>
      <c r="N42" s="10" t="s">
        <v>22</v>
      </c>
      <c r="O42" s="10" t="s">
        <v>22</v>
      </c>
      <c r="P42" s="10" t="s">
        <v>22</v>
      </c>
      <c r="Q42" s="10" t="s">
        <v>22</v>
      </c>
      <c r="R42" s="10" t="s">
        <v>22</v>
      </c>
      <c r="S42" s="10" t="s">
        <v>22</v>
      </c>
      <c r="T42" s="10" t="s">
        <v>22</v>
      </c>
      <c r="U42" s="10" t="s">
        <v>22</v>
      </c>
      <c r="V42" s="10" t="s">
        <v>22</v>
      </c>
      <c r="W42" s="10" t="s">
        <v>22</v>
      </c>
      <c r="X42" s="10" t="s">
        <v>22</v>
      </c>
      <c r="Y42" s="10" t="s">
        <v>22</v>
      </c>
      <c r="Z42" s="10" t="s">
        <v>22</v>
      </c>
    </row>
    <row r="43" spans="1:26" ht="24" customHeight="1" x14ac:dyDescent="0.2">
      <c r="A43" s="9" t="s">
        <v>17320</v>
      </c>
      <c r="B43" s="9" t="s">
        <v>14</v>
      </c>
      <c r="C43" s="9" t="s">
        <v>216</v>
      </c>
      <c r="D43" s="6" t="s">
        <v>217</v>
      </c>
      <c r="E43" s="22">
        <v>44594</v>
      </c>
      <c r="F43" s="22">
        <v>46419</v>
      </c>
      <c r="G43" s="6" t="s">
        <v>218</v>
      </c>
      <c r="H43" s="6" t="s">
        <v>18</v>
      </c>
      <c r="I43" s="6" t="s">
        <v>19</v>
      </c>
      <c r="J43" s="6" t="s">
        <v>219</v>
      </c>
      <c r="K43" s="9" t="s">
        <v>220</v>
      </c>
      <c r="L43" s="10" t="s">
        <v>22</v>
      </c>
      <c r="M43" s="10" t="s">
        <v>22</v>
      </c>
      <c r="N43" s="10" t="s">
        <v>22</v>
      </c>
      <c r="O43" s="10" t="s">
        <v>22</v>
      </c>
      <c r="P43" s="10" t="s">
        <v>22</v>
      </c>
      <c r="Q43" s="10" t="s">
        <v>22</v>
      </c>
      <c r="R43" s="10" t="s">
        <v>22</v>
      </c>
      <c r="S43" s="10" t="s">
        <v>22</v>
      </c>
      <c r="T43" s="10" t="s">
        <v>22</v>
      </c>
      <c r="U43" s="10" t="s">
        <v>22</v>
      </c>
      <c r="V43" s="10" t="s">
        <v>22</v>
      </c>
      <c r="W43" s="10" t="s">
        <v>22</v>
      </c>
      <c r="X43" s="10" t="s">
        <v>22</v>
      </c>
      <c r="Y43" s="10" t="s">
        <v>22</v>
      </c>
      <c r="Z43" s="10" t="s">
        <v>22</v>
      </c>
    </row>
    <row r="44" spans="1:26" ht="24" customHeight="1" x14ac:dyDescent="0.2">
      <c r="A44" s="9" t="s">
        <v>17321</v>
      </c>
      <c r="B44" s="9" t="s">
        <v>14</v>
      </c>
      <c r="C44" s="9" t="s">
        <v>221</v>
      </c>
      <c r="D44" s="6" t="s">
        <v>222</v>
      </c>
      <c r="E44" s="22">
        <v>44600</v>
      </c>
      <c r="F44" s="22">
        <v>46425</v>
      </c>
      <c r="G44" s="6" t="s">
        <v>223</v>
      </c>
      <c r="H44" s="6" t="s">
        <v>18</v>
      </c>
      <c r="I44" s="6" t="s">
        <v>19</v>
      </c>
      <c r="J44" s="6" t="s">
        <v>224</v>
      </c>
      <c r="K44" s="9" t="s">
        <v>225</v>
      </c>
      <c r="L44" s="10" t="s">
        <v>22</v>
      </c>
      <c r="M44" s="10" t="s">
        <v>22</v>
      </c>
      <c r="N44" s="10" t="s">
        <v>22</v>
      </c>
      <c r="O44" s="10" t="s">
        <v>22</v>
      </c>
      <c r="P44" s="10" t="s">
        <v>22</v>
      </c>
      <c r="Q44" s="10" t="s">
        <v>22</v>
      </c>
      <c r="R44" s="10" t="s">
        <v>22</v>
      </c>
      <c r="S44" s="10" t="s">
        <v>22</v>
      </c>
      <c r="T44" s="10" t="s">
        <v>22</v>
      </c>
      <c r="U44" s="10" t="s">
        <v>22</v>
      </c>
      <c r="V44" s="10" t="s">
        <v>22</v>
      </c>
      <c r="W44" s="10" t="s">
        <v>22</v>
      </c>
      <c r="X44" s="10" t="s">
        <v>22</v>
      </c>
      <c r="Y44" s="10" t="s">
        <v>22</v>
      </c>
      <c r="Z44" s="10" t="s">
        <v>22</v>
      </c>
    </row>
    <row r="45" spans="1:26" ht="24" customHeight="1" x14ac:dyDescent="0.2">
      <c r="A45" s="9" t="s">
        <v>17322</v>
      </c>
      <c r="B45" s="9" t="s">
        <v>14</v>
      </c>
      <c r="C45" s="9" t="s">
        <v>226</v>
      </c>
      <c r="D45" s="6" t="s">
        <v>227</v>
      </c>
      <c r="E45" s="22">
        <v>44600</v>
      </c>
      <c r="F45" s="22">
        <v>46425</v>
      </c>
      <c r="G45" s="6" t="s">
        <v>228</v>
      </c>
      <c r="H45" s="6" t="s">
        <v>229</v>
      </c>
      <c r="I45" s="6" t="s">
        <v>230</v>
      </c>
      <c r="J45" s="6" t="s">
        <v>231</v>
      </c>
      <c r="K45" s="9" t="s">
        <v>232</v>
      </c>
      <c r="L45" s="10" t="s">
        <v>22</v>
      </c>
      <c r="M45" s="10" t="s">
        <v>22</v>
      </c>
      <c r="N45" s="10" t="s">
        <v>22</v>
      </c>
      <c r="O45" s="10" t="s">
        <v>22</v>
      </c>
      <c r="P45" s="10" t="s">
        <v>22</v>
      </c>
      <c r="Q45" s="10" t="s">
        <v>22</v>
      </c>
      <c r="R45" s="10" t="s">
        <v>22</v>
      </c>
      <c r="S45" s="10" t="s">
        <v>22</v>
      </c>
      <c r="T45" s="10" t="s">
        <v>22</v>
      </c>
      <c r="U45" s="10" t="s">
        <v>22</v>
      </c>
      <c r="V45" s="10" t="s">
        <v>22</v>
      </c>
      <c r="W45" s="10" t="s">
        <v>22</v>
      </c>
      <c r="X45" s="10" t="s">
        <v>22</v>
      </c>
      <c r="Y45" s="10" t="s">
        <v>22</v>
      </c>
      <c r="Z45" s="10" t="s">
        <v>22</v>
      </c>
    </row>
    <row r="46" spans="1:26" ht="24" customHeight="1" x14ac:dyDescent="0.2">
      <c r="A46" s="9" t="s">
        <v>17323</v>
      </c>
      <c r="B46" s="9" t="s">
        <v>14</v>
      </c>
      <c r="C46" s="9" t="s">
        <v>233</v>
      </c>
      <c r="D46" s="6" t="s">
        <v>234</v>
      </c>
      <c r="E46" s="22">
        <v>44600</v>
      </c>
      <c r="F46" s="22">
        <v>46425</v>
      </c>
      <c r="G46" s="6" t="s">
        <v>235</v>
      </c>
      <c r="H46" s="6" t="s">
        <v>62</v>
      </c>
      <c r="I46" s="6" t="s">
        <v>236</v>
      </c>
      <c r="J46" s="6" t="s">
        <v>237</v>
      </c>
      <c r="K46" s="9" t="s">
        <v>238</v>
      </c>
      <c r="L46" s="10" t="s">
        <v>22</v>
      </c>
      <c r="M46" s="10" t="s">
        <v>22</v>
      </c>
      <c r="N46" s="10" t="s">
        <v>22</v>
      </c>
      <c r="O46" s="10" t="s">
        <v>22</v>
      </c>
      <c r="P46" s="10" t="s">
        <v>22</v>
      </c>
      <c r="Q46" s="10" t="s">
        <v>22</v>
      </c>
      <c r="R46" s="10" t="s">
        <v>22</v>
      </c>
      <c r="S46" s="10" t="s">
        <v>22</v>
      </c>
      <c r="T46" s="10" t="s">
        <v>22</v>
      </c>
      <c r="U46" s="10" t="s">
        <v>22</v>
      </c>
      <c r="V46" s="10" t="s">
        <v>22</v>
      </c>
      <c r="W46" s="10" t="s">
        <v>22</v>
      </c>
      <c r="X46" s="10" t="s">
        <v>22</v>
      </c>
      <c r="Y46" s="10" t="s">
        <v>22</v>
      </c>
      <c r="Z46" s="10" t="s">
        <v>22</v>
      </c>
    </row>
    <row r="47" spans="1:26" ht="24" customHeight="1" x14ac:dyDescent="0.2">
      <c r="A47" s="9" t="s">
        <v>17324</v>
      </c>
      <c r="B47" s="9" t="s">
        <v>14</v>
      </c>
      <c r="C47" s="9" t="s">
        <v>239</v>
      </c>
      <c r="D47" s="6" t="s">
        <v>240</v>
      </c>
      <c r="E47" s="22">
        <v>44600</v>
      </c>
      <c r="F47" s="22">
        <v>46425</v>
      </c>
      <c r="G47" s="6" t="s">
        <v>241</v>
      </c>
      <c r="H47" s="6" t="s">
        <v>18</v>
      </c>
      <c r="I47" s="6" t="s">
        <v>19</v>
      </c>
      <c r="J47" s="6" t="s">
        <v>242</v>
      </c>
      <c r="K47" s="9" t="s">
        <v>243</v>
      </c>
      <c r="L47" s="10" t="s">
        <v>22</v>
      </c>
      <c r="M47" s="10" t="s">
        <v>22</v>
      </c>
      <c r="N47" s="10" t="s">
        <v>22</v>
      </c>
      <c r="O47" s="10" t="s">
        <v>22</v>
      </c>
      <c r="P47" s="10" t="s">
        <v>22</v>
      </c>
      <c r="Q47" s="10" t="s">
        <v>22</v>
      </c>
      <c r="R47" s="10" t="s">
        <v>22</v>
      </c>
      <c r="S47" s="10" t="s">
        <v>22</v>
      </c>
      <c r="T47" s="10" t="s">
        <v>22</v>
      </c>
      <c r="U47" s="10" t="s">
        <v>22</v>
      </c>
      <c r="V47" s="10" t="s">
        <v>22</v>
      </c>
      <c r="W47" s="10" t="s">
        <v>22</v>
      </c>
      <c r="X47" s="10" t="s">
        <v>22</v>
      </c>
      <c r="Y47" s="10" t="s">
        <v>22</v>
      </c>
      <c r="Z47" s="10" t="s">
        <v>22</v>
      </c>
    </row>
    <row r="48" spans="1:26" ht="24" customHeight="1" x14ac:dyDescent="0.2">
      <c r="A48" s="9" t="s">
        <v>17325</v>
      </c>
      <c r="B48" s="9" t="s">
        <v>14</v>
      </c>
      <c r="C48" s="9" t="s">
        <v>244</v>
      </c>
      <c r="D48" s="6" t="s">
        <v>245</v>
      </c>
      <c r="E48" s="22">
        <v>44600</v>
      </c>
      <c r="F48" s="22">
        <v>46425</v>
      </c>
      <c r="G48" s="6" t="s">
        <v>246</v>
      </c>
      <c r="H48" s="6" t="s">
        <v>62</v>
      </c>
      <c r="I48" s="6" t="s">
        <v>186</v>
      </c>
      <c r="J48" s="6" t="s">
        <v>247</v>
      </c>
      <c r="K48" s="9" t="s">
        <v>248</v>
      </c>
      <c r="L48" s="10" t="s">
        <v>22</v>
      </c>
      <c r="M48" s="10" t="s">
        <v>22</v>
      </c>
      <c r="N48" s="10" t="s">
        <v>22</v>
      </c>
      <c r="O48" s="10" t="s">
        <v>22</v>
      </c>
      <c r="P48" s="10" t="s">
        <v>22</v>
      </c>
      <c r="Q48" s="10" t="s">
        <v>22</v>
      </c>
      <c r="R48" s="10" t="s">
        <v>22</v>
      </c>
      <c r="S48" s="10" t="s">
        <v>22</v>
      </c>
      <c r="T48" s="10" t="s">
        <v>22</v>
      </c>
      <c r="U48" s="10" t="s">
        <v>22</v>
      </c>
      <c r="V48" s="10" t="s">
        <v>22</v>
      </c>
      <c r="W48" s="10" t="s">
        <v>22</v>
      </c>
      <c r="X48" s="10" t="s">
        <v>22</v>
      </c>
      <c r="Y48" s="10" t="s">
        <v>22</v>
      </c>
      <c r="Z48" s="10" t="s">
        <v>22</v>
      </c>
    </row>
    <row r="49" spans="1:26" ht="24" customHeight="1" x14ac:dyDescent="0.2">
      <c r="A49" s="9" t="s">
        <v>17326</v>
      </c>
      <c r="B49" s="9" t="s">
        <v>14</v>
      </c>
      <c r="C49" s="9" t="s">
        <v>249</v>
      </c>
      <c r="D49" s="6" t="s">
        <v>250</v>
      </c>
      <c r="E49" s="22">
        <v>44606</v>
      </c>
      <c r="F49" s="22">
        <v>46431</v>
      </c>
      <c r="G49" s="6" t="s">
        <v>251</v>
      </c>
      <c r="H49" s="6" t="s">
        <v>62</v>
      </c>
      <c r="I49" s="6" t="s">
        <v>252</v>
      </c>
      <c r="J49" s="6" t="s">
        <v>253</v>
      </c>
      <c r="K49" s="9" t="s">
        <v>254</v>
      </c>
      <c r="L49" s="10" t="s">
        <v>22</v>
      </c>
      <c r="M49" s="10" t="s">
        <v>22</v>
      </c>
      <c r="N49" s="10" t="s">
        <v>22</v>
      </c>
      <c r="O49" s="10" t="s">
        <v>22</v>
      </c>
      <c r="P49" s="10" t="s">
        <v>22</v>
      </c>
      <c r="Q49" s="10" t="s">
        <v>22</v>
      </c>
      <c r="R49" s="10" t="s">
        <v>22</v>
      </c>
      <c r="S49" s="10" t="s">
        <v>22</v>
      </c>
      <c r="T49" s="10" t="s">
        <v>22</v>
      </c>
      <c r="U49" s="10" t="s">
        <v>22</v>
      </c>
      <c r="V49" s="10" t="s">
        <v>22</v>
      </c>
      <c r="W49" s="10" t="s">
        <v>22</v>
      </c>
      <c r="X49" s="10" t="s">
        <v>22</v>
      </c>
      <c r="Y49" s="10" t="s">
        <v>22</v>
      </c>
      <c r="Z49" s="10" t="s">
        <v>22</v>
      </c>
    </row>
    <row r="50" spans="1:26" ht="24" customHeight="1" x14ac:dyDescent="0.2">
      <c r="A50" s="9" t="s">
        <v>17327</v>
      </c>
      <c r="B50" s="9" t="s">
        <v>14</v>
      </c>
      <c r="C50" s="9" t="s">
        <v>255</v>
      </c>
      <c r="D50" s="6" t="s">
        <v>256</v>
      </c>
      <c r="E50" s="22">
        <v>44606</v>
      </c>
      <c r="F50" s="22">
        <v>46431</v>
      </c>
      <c r="G50" s="6" t="s">
        <v>257</v>
      </c>
      <c r="H50" s="6" t="s">
        <v>62</v>
      </c>
      <c r="I50" s="6" t="s">
        <v>258</v>
      </c>
      <c r="J50" s="6" t="s">
        <v>259</v>
      </c>
      <c r="K50" s="9" t="s">
        <v>260</v>
      </c>
      <c r="L50" s="10" t="s">
        <v>22</v>
      </c>
      <c r="M50" s="10" t="s">
        <v>22</v>
      </c>
      <c r="N50" s="10" t="s">
        <v>22</v>
      </c>
      <c r="O50" s="10" t="s">
        <v>22</v>
      </c>
      <c r="P50" s="10" t="s">
        <v>22</v>
      </c>
      <c r="Q50" s="10" t="s">
        <v>22</v>
      </c>
      <c r="V50" s="10" t="s">
        <v>22</v>
      </c>
      <c r="W50" s="10" t="s">
        <v>22</v>
      </c>
      <c r="Y50" s="10" t="s">
        <v>22</v>
      </c>
      <c r="Z50" s="10" t="s">
        <v>22</v>
      </c>
    </row>
    <row r="51" spans="1:26" ht="24" customHeight="1" x14ac:dyDescent="0.2">
      <c r="A51" s="9" t="s">
        <v>17328</v>
      </c>
      <c r="B51" s="9" t="s">
        <v>14</v>
      </c>
      <c r="C51" s="9" t="s">
        <v>261</v>
      </c>
      <c r="D51" s="6" t="s">
        <v>262</v>
      </c>
      <c r="E51" s="22">
        <v>44608</v>
      </c>
      <c r="F51" s="22">
        <v>46433</v>
      </c>
      <c r="G51" s="6" t="s">
        <v>263</v>
      </c>
      <c r="H51" s="6" t="s">
        <v>62</v>
      </c>
      <c r="I51" s="6" t="s">
        <v>264</v>
      </c>
      <c r="J51" s="6" t="s">
        <v>265</v>
      </c>
      <c r="K51" s="9" t="s">
        <v>266</v>
      </c>
      <c r="L51" s="10" t="s">
        <v>22</v>
      </c>
      <c r="M51" s="10" t="s">
        <v>22</v>
      </c>
      <c r="N51" s="10" t="s">
        <v>22</v>
      </c>
      <c r="O51" s="10" t="s">
        <v>22</v>
      </c>
      <c r="P51" s="10" t="s">
        <v>22</v>
      </c>
      <c r="Q51" s="10" t="s">
        <v>22</v>
      </c>
      <c r="R51" s="10" t="s">
        <v>22</v>
      </c>
      <c r="S51" s="10" t="s">
        <v>22</v>
      </c>
      <c r="T51" s="10" t="s">
        <v>22</v>
      </c>
      <c r="U51" s="10" t="s">
        <v>22</v>
      </c>
      <c r="V51" s="10" t="s">
        <v>22</v>
      </c>
      <c r="W51" s="10" t="s">
        <v>22</v>
      </c>
      <c r="X51" s="10" t="s">
        <v>22</v>
      </c>
      <c r="Y51" s="10" t="s">
        <v>22</v>
      </c>
      <c r="Z51" s="10" t="s">
        <v>22</v>
      </c>
    </row>
    <row r="52" spans="1:26" ht="24" customHeight="1" x14ac:dyDescent="0.2">
      <c r="A52" s="9" t="s">
        <v>17329</v>
      </c>
      <c r="B52" s="9" t="s">
        <v>14</v>
      </c>
      <c r="C52" s="9" t="s">
        <v>267</v>
      </c>
      <c r="D52" s="6" t="s">
        <v>268</v>
      </c>
      <c r="E52" s="22">
        <v>44611</v>
      </c>
      <c r="F52" s="22">
        <v>46436</v>
      </c>
      <c r="G52" s="6" t="s">
        <v>269</v>
      </c>
      <c r="H52" s="6" t="s">
        <v>18</v>
      </c>
      <c r="I52" s="6" t="s">
        <v>19</v>
      </c>
      <c r="J52" s="6" t="s">
        <v>270</v>
      </c>
      <c r="L52" s="10" t="s">
        <v>22</v>
      </c>
      <c r="M52" s="10" t="s">
        <v>22</v>
      </c>
      <c r="N52" s="10" t="s">
        <v>22</v>
      </c>
      <c r="O52" s="10" t="s">
        <v>22</v>
      </c>
      <c r="P52" s="10" t="s">
        <v>22</v>
      </c>
      <c r="Q52" s="10" t="s">
        <v>22</v>
      </c>
      <c r="R52" s="10" t="s">
        <v>22</v>
      </c>
      <c r="S52" s="10" t="s">
        <v>22</v>
      </c>
      <c r="T52" s="10" t="s">
        <v>22</v>
      </c>
      <c r="U52" s="10" t="s">
        <v>22</v>
      </c>
      <c r="V52" s="10" t="s">
        <v>22</v>
      </c>
      <c r="W52" s="10" t="s">
        <v>22</v>
      </c>
      <c r="X52" s="10" t="s">
        <v>22</v>
      </c>
      <c r="Y52" s="10" t="s">
        <v>22</v>
      </c>
      <c r="Z52" s="10" t="s">
        <v>22</v>
      </c>
    </row>
    <row r="53" spans="1:26" ht="24" customHeight="1" x14ac:dyDescent="0.2">
      <c r="A53" s="9" t="s">
        <v>17330</v>
      </c>
      <c r="B53" s="9" t="s">
        <v>14</v>
      </c>
      <c r="C53" s="9" t="s">
        <v>271</v>
      </c>
      <c r="D53" s="6" t="s">
        <v>272</v>
      </c>
      <c r="E53" s="22">
        <v>44611</v>
      </c>
      <c r="F53" s="22">
        <v>46436</v>
      </c>
      <c r="G53" s="6" t="s">
        <v>273</v>
      </c>
      <c r="H53" s="6" t="s">
        <v>18</v>
      </c>
      <c r="I53" s="6" t="s">
        <v>19</v>
      </c>
      <c r="J53" s="6" t="s">
        <v>274</v>
      </c>
      <c r="K53" s="9" t="s">
        <v>275</v>
      </c>
      <c r="L53" s="10" t="s">
        <v>22</v>
      </c>
      <c r="M53" s="10" t="s">
        <v>22</v>
      </c>
      <c r="N53" s="10" t="s">
        <v>22</v>
      </c>
      <c r="O53" s="10" t="s">
        <v>22</v>
      </c>
      <c r="P53" s="10" t="s">
        <v>22</v>
      </c>
      <c r="Q53" s="10" t="s">
        <v>22</v>
      </c>
      <c r="R53" s="10" t="s">
        <v>22</v>
      </c>
      <c r="S53" s="10" t="s">
        <v>22</v>
      </c>
      <c r="T53" s="10" t="s">
        <v>22</v>
      </c>
      <c r="U53" s="10" t="s">
        <v>22</v>
      </c>
      <c r="V53" s="10" t="s">
        <v>22</v>
      </c>
      <c r="W53" s="10" t="s">
        <v>22</v>
      </c>
      <c r="X53" s="10" t="s">
        <v>22</v>
      </c>
      <c r="Y53" s="10" t="s">
        <v>22</v>
      </c>
      <c r="Z53" s="10" t="s">
        <v>22</v>
      </c>
    </row>
    <row r="54" spans="1:26" ht="24" customHeight="1" x14ac:dyDescent="0.2">
      <c r="A54" s="9" t="s">
        <v>17331</v>
      </c>
      <c r="B54" s="9" t="s">
        <v>14</v>
      </c>
      <c r="C54" s="9" t="s">
        <v>276</v>
      </c>
      <c r="D54" s="6" t="s">
        <v>277</v>
      </c>
      <c r="E54" s="22">
        <v>44611</v>
      </c>
      <c r="F54" s="22">
        <v>46436</v>
      </c>
      <c r="G54" s="6" t="s">
        <v>278</v>
      </c>
      <c r="H54" s="6" t="s">
        <v>62</v>
      </c>
      <c r="I54" s="6" t="s">
        <v>279</v>
      </c>
      <c r="J54" s="6" t="s">
        <v>280</v>
      </c>
      <c r="K54" s="9" t="s">
        <v>281</v>
      </c>
      <c r="L54" s="10" t="s">
        <v>22</v>
      </c>
      <c r="M54" s="10" t="s">
        <v>22</v>
      </c>
      <c r="N54" s="10" t="s">
        <v>22</v>
      </c>
      <c r="O54" s="10" t="s">
        <v>22</v>
      </c>
      <c r="P54" s="10" t="s">
        <v>22</v>
      </c>
      <c r="Q54" s="10" t="s">
        <v>22</v>
      </c>
      <c r="R54" s="10" t="s">
        <v>22</v>
      </c>
      <c r="S54" s="10" t="s">
        <v>22</v>
      </c>
      <c r="T54" s="10" t="s">
        <v>22</v>
      </c>
      <c r="U54" s="10" t="s">
        <v>22</v>
      </c>
      <c r="V54" s="10" t="s">
        <v>22</v>
      </c>
      <c r="W54" s="10" t="s">
        <v>22</v>
      </c>
      <c r="X54" s="10" t="s">
        <v>22</v>
      </c>
      <c r="Y54" s="10" t="s">
        <v>22</v>
      </c>
      <c r="Z54" s="10" t="s">
        <v>22</v>
      </c>
    </row>
    <row r="55" spans="1:26" ht="24" customHeight="1" x14ac:dyDescent="0.2">
      <c r="A55" s="9" t="s">
        <v>17332</v>
      </c>
      <c r="B55" s="9" t="s">
        <v>14</v>
      </c>
      <c r="C55" s="9" t="s">
        <v>282</v>
      </c>
      <c r="D55" s="6" t="s">
        <v>283</v>
      </c>
      <c r="E55" s="22">
        <v>44611</v>
      </c>
      <c r="F55" s="22">
        <v>46436</v>
      </c>
      <c r="G55" s="6" t="s">
        <v>284</v>
      </c>
      <c r="H55" s="6" t="s">
        <v>18</v>
      </c>
      <c r="I55" s="6" t="s">
        <v>26</v>
      </c>
      <c r="J55" s="6" t="s">
        <v>285</v>
      </c>
      <c r="K55" s="9" t="s">
        <v>286</v>
      </c>
      <c r="L55" s="10" t="s">
        <v>22</v>
      </c>
      <c r="M55" s="10" t="s">
        <v>22</v>
      </c>
      <c r="N55" s="10" t="s">
        <v>22</v>
      </c>
      <c r="O55" s="10" t="s">
        <v>22</v>
      </c>
      <c r="P55" s="10" t="s">
        <v>22</v>
      </c>
      <c r="Q55" s="10" t="s">
        <v>22</v>
      </c>
    </row>
    <row r="56" spans="1:26" ht="24" customHeight="1" x14ac:dyDescent="0.2">
      <c r="A56" s="9" t="s">
        <v>17333</v>
      </c>
      <c r="B56" s="9" t="s">
        <v>14</v>
      </c>
      <c r="C56" s="9" t="s">
        <v>287</v>
      </c>
      <c r="D56" s="6" t="s">
        <v>288</v>
      </c>
      <c r="E56" s="22">
        <v>44613</v>
      </c>
      <c r="F56" s="22">
        <v>46438</v>
      </c>
      <c r="G56" s="6" t="s">
        <v>289</v>
      </c>
      <c r="H56" s="6" t="s">
        <v>62</v>
      </c>
      <c r="I56" s="6" t="s">
        <v>290</v>
      </c>
      <c r="J56" s="6" t="s">
        <v>291</v>
      </c>
      <c r="K56" s="9" t="s">
        <v>292</v>
      </c>
      <c r="L56" s="10" t="s">
        <v>22</v>
      </c>
      <c r="M56" s="10" t="s">
        <v>22</v>
      </c>
      <c r="N56" s="10" t="s">
        <v>22</v>
      </c>
      <c r="O56" s="10" t="s">
        <v>22</v>
      </c>
      <c r="P56" s="10" t="s">
        <v>22</v>
      </c>
      <c r="Q56" s="10" t="s">
        <v>22</v>
      </c>
      <c r="R56" s="10" t="s">
        <v>22</v>
      </c>
      <c r="S56" s="10" t="s">
        <v>22</v>
      </c>
      <c r="T56" s="10" t="s">
        <v>22</v>
      </c>
      <c r="U56" s="10" t="s">
        <v>22</v>
      </c>
      <c r="V56" s="10" t="s">
        <v>22</v>
      </c>
      <c r="W56" s="10" t="s">
        <v>22</v>
      </c>
      <c r="X56" s="10" t="s">
        <v>22</v>
      </c>
      <c r="Y56" s="10" t="s">
        <v>22</v>
      </c>
      <c r="Z56" s="10" t="s">
        <v>22</v>
      </c>
    </row>
    <row r="57" spans="1:26" ht="24" customHeight="1" x14ac:dyDescent="0.2">
      <c r="A57" s="9" t="s">
        <v>17334</v>
      </c>
      <c r="B57" s="9" t="s">
        <v>14</v>
      </c>
      <c r="C57" s="9" t="s">
        <v>293</v>
      </c>
      <c r="D57" s="6" t="s">
        <v>294</v>
      </c>
      <c r="E57" s="22">
        <v>44614</v>
      </c>
      <c r="F57" s="22">
        <v>46439</v>
      </c>
      <c r="G57" s="6" t="s">
        <v>295</v>
      </c>
      <c r="H57" s="6" t="s">
        <v>18</v>
      </c>
      <c r="I57" s="6" t="s">
        <v>26</v>
      </c>
      <c r="J57" s="6" t="s">
        <v>296</v>
      </c>
      <c r="K57" s="9" t="s">
        <v>297</v>
      </c>
      <c r="L57" s="10" t="s">
        <v>22</v>
      </c>
      <c r="M57" s="10" t="s">
        <v>22</v>
      </c>
      <c r="N57" s="10" t="s">
        <v>22</v>
      </c>
      <c r="O57" s="10" t="s">
        <v>22</v>
      </c>
      <c r="P57" s="10" t="s">
        <v>22</v>
      </c>
      <c r="Q57" s="10" t="s">
        <v>22</v>
      </c>
      <c r="U57" s="10" t="s">
        <v>22</v>
      </c>
      <c r="V57" s="10" t="s">
        <v>22</v>
      </c>
      <c r="W57" s="10" t="s">
        <v>22</v>
      </c>
      <c r="X57" s="10" t="s">
        <v>22</v>
      </c>
      <c r="Y57" s="10" t="s">
        <v>22</v>
      </c>
      <c r="Z57" s="10" t="s">
        <v>22</v>
      </c>
    </row>
    <row r="58" spans="1:26" ht="24" customHeight="1" x14ac:dyDescent="0.2">
      <c r="A58" s="9" t="s">
        <v>17335</v>
      </c>
      <c r="B58" s="9" t="s">
        <v>14</v>
      </c>
      <c r="C58" s="9" t="s">
        <v>298</v>
      </c>
      <c r="D58" s="6" t="s">
        <v>299</v>
      </c>
      <c r="E58" s="22">
        <v>44614</v>
      </c>
      <c r="F58" s="22">
        <v>46439</v>
      </c>
      <c r="G58" s="6" t="s">
        <v>300</v>
      </c>
      <c r="H58" s="6" t="s">
        <v>18</v>
      </c>
      <c r="I58" s="6" t="s">
        <v>19</v>
      </c>
      <c r="J58" s="6" t="s">
        <v>301</v>
      </c>
      <c r="K58" s="9" t="s">
        <v>302</v>
      </c>
      <c r="L58" s="10" t="s">
        <v>22</v>
      </c>
      <c r="M58" s="10" t="s">
        <v>22</v>
      </c>
      <c r="N58" s="10" t="s">
        <v>22</v>
      </c>
      <c r="O58" s="10" t="s">
        <v>22</v>
      </c>
      <c r="P58" s="10" t="s">
        <v>22</v>
      </c>
      <c r="Q58" s="10" t="s">
        <v>22</v>
      </c>
      <c r="R58" s="10" t="s">
        <v>22</v>
      </c>
      <c r="S58" s="10" t="s">
        <v>22</v>
      </c>
      <c r="T58" s="10" t="s">
        <v>22</v>
      </c>
      <c r="U58" s="10" t="s">
        <v>22</v>
      </c>
      <c r="V58" s="10" t="s">
        <v>22</v>
      </c>
      <c r="W58" s="10" t="s">
        <v>22</v>
      </c>
      <c r="X58" s="10" t="s">
        <v>22</v>
      </c>
      <c r="Y58" s="10" t="s">
        <v>22</v>
      </c>
      <c r="Z58" s="10" t="s">
        <v>22</v>
      </c>
    </row>
    <row r="59" spans="1:26" ht="24" customHeight="1" x14ac:dyDescent="0.2">
      <c r="A59" s="9" t="s">
        <v>17336</v>
      </c>
      <c r="B59" s="9" t="s">
        <v>14</v>
      </c>
      <c r="C59" s="9" t="s">
        <v>303</v>
      </c>
      <c r="D59" s="6" t="s">
        <v>304</v>
      </c>
      <c r="E59" s="22">
        <v>44614</v>
      </c>
      <c r="F59" s="22">
        <v>46439</v>
      </c>
      <c r="G59" s="6" t="s">
        <v>305</v>
      </c>
      <c r="H59" s="6" t="s">
        <v>62</v>
      </c>
      <c r="I59" s="6" t="s">
        <v>306</v>
      </c>
      <c r="J59" s="6" t="s">
        <v>307</v>
      </c>
      <c r="K59" s="9" t="s">
        <v>308</v>
      </c>
      <c r="L59" s="10" t="s">
        <v>22</v>
      </c>
      <c r="M59" s="10" t="s">
        <v>22</v>
      </c>
      <c r="N59" s="10" t="s">
        <v>22</v>
      </c>
      <c r="O59" s="10" t="s">
        <v>22</v>
      </c>
      <c r="P59" s="10" t="s">
        <v>22</v>
      </c>
      <c r="Q59" s="10" t="s">
        <v>22</v>
      </c>
      <c r="R59" s="10" t="s">
        <v>22</v>
      </c>
      <c r="S59" s="10" t="s">
        <v>22</v>
      </c>
      <c r="T59" s="10" t="s">
        <v>22</v>
      </c>
      <c r="U59" s="10" t="s">
        <v>22</v>
      </c>
      <c r="V59" s="10" t="s">
        <v>22</v>
      </c>
      <c r="W59" s="10" t="s">
        <v>22</v>
      </c>
      <c r="X59" s="10" t="s">
        <v>22</v>
      </c>
      <c r="Y59" s="10" t="s">
        <v>22</v>
      </c>
      <c r="Z59" s="10" t="s">
        <v>22</v>
      </c>
    </row>
    <row r="60" spans="1:26" ht="24" customHeight="1" x14ac:dyDescent="0.2">
      <c r="A60" s="9" t="s">
        <v>17337</v>
      </c>
      <c r="B60" s="9" t="s">
        <v>14</v>
      </c>
      <c r="C60" s="9" t="s">
        <v>309</v>
      </c>
      <c r="D60" s="6" t="s">
        <v>310</v>
      </c>
      <c r="E60" s="22">
        <v>44614</v>
      </c>
      <c r="F60" s="22">
        <v>46439</v>
      </c>
      <c r="G60" s="6" t="s">
        <v>311</v>
      </c>
      <c r="H60" s="6" t="s">
        <v>62</v>
      </c>
      <c r="I60" s="6" t="s">
        <v>312</v>
      </c>
      <c r="J60" s="6" t="s">
        <v>313</v>
      </c>
      <c r="K60" s="9" t="s">
        <v>314</v>
      </c>
      <c r="L60" s="10" t="s">
        <v>22</v>
      </c>
      <c r="M60" s="10" t="s">
        <v>22</v>
      </c>
      <c r="N60" s="10" t="s">
        <v>22</v>
      </c>
      <c r="O60" s="10" t="s">
        <v>22</v>
      </c>
      <c r="P60" s="10" t="s">
        <v>22</v>
      </c>
      <c r="Q60" s="10" t="s">
        <v>22</v>
      </c>
      <c r="R60" s="10" t="s">
        <v>22</v>
      </c>
      <c r="S60" s="10" t="s">
        <v>22</v>
      </c>
      <c r="T60" s="10" t="s">
        <v>22</v>
      </c>
      <c r="U60" s="10" t="s">
        <v>22</v>
      </c>
      <c r="V60" s="10" t="s">
        <v>22</v>
      </c>
      <c r="W60" s="10" t="s">
        <v>22</v>
      </c>
      <c r="X60" s="10" t="s">
        <v>22</v>
      </c>
      <c r="Y60" s="10" t="s">
        <v>22</v>
      </c>
      <c r="Z60" s="10" t="s">
        <v>22</v>
      </c>
    </row>
    <row r="61" spans="1:26" ht="24" customHeight="1" x14ac:dyDescent="0.2">
      <c r="A61" s="9" t="s">
        <v>17338</v>
      </c>
      <c r="B61" s="9" t="s">
        <v>14</v>
      </c>
      <c r="C61" s="9" t="s">
        <v>315</v>
      </c>
      <c r="D61" s="6" t="s">
        <v>316</v>
      </c>
      <c r="E61" s="22">
        <v>44614</v>
      </c>
      <c r="F61" s="22">
        <v>46439</v>
      </c>
      <c r="G61" s="6" t="s">
        <v>317</v>
      </c>
      <c r="H61" s="6" t="s">
        <v>62</v>
      </c>
      <c r="I61" s="6" t="s">
        <v>318</v>
      </c>
      <c r="J61" s="6" t="s">
        <v>319</v>
      </c>
      <c r="K61" s="9" t="s">
        <v>320</v>
      </c>
      <c r="L61" s="10" t="s">
        <v>22</v>
      </c>
      <c r="M61" s="10" t="s">
        <v>22</v>
      </c>
      <c r="N61" s="10" t="s">
        <v>22</v>
      </c>
      <c r="O61" s="10" t="s">
        <v>22</v>
      </c>
      <c r="P61" s="10" t="s">
        <v>22</v>
      </c>
      <c r="Q61" s="10" t="s">
        <v>22</v>
      </c>
      <c r="R61" s="10" t="s">
        <v>22</v>
      </c>
      <c r="S61" s="10" t="s">
        <v>22</v>
      </c>
      <c r="T61" s="10" t="s">
        <v>22</v>
      </c>
      <c r="U61" s="10" t="s">
        <v>22</v>
      </c>
      <c r="V61" s="10" t="s">
        <v>22</v>
      </c>
      <c r="W61" s="10" t="s">
        <v>22</v>
      </c>
      <c r="X61" s="10" t="s">
        <v>22</v>
      </c>
      <c r="Y61" s="10" t="s">
        <v>22</v>
      </c>
      <c r="Z61" s="10" t="s">
        <v>22</v>
      </c>
    </row>
    <row r="62" spans="1:26" ht="24" customHeight="1" x14ac:dyDescent="0.2">
      <c r="A62" s="9" t="s">
        <v>17339</v>
      </c>
      <c r="B62" s="9" t="s">
        <v>14</v>
      </c>
      <c r="C62" s="9" t="s">
        <v>321</v>
      </c>
      <c r="D62" s="6" t="s">
        <v>322</v>
      </c>
      <c r="E62" s="22">
        <v>44615</v>
      </c>
      <c r="F62" s="22">
        <v>46440</v>
      </c>
      <c r="G62" s="6" t="s">
        <v>323</v>
      </c>
      <c r="H62" s="6" t="s">
        <v>229</v>
      </c>
      <c r="I62" s="6" t="s">
        <v>324</v>
      </c>
      <c r="J62" s="6" t="s">
        <v>325</v>
      </c>
      <c r="K62" s="9" t="s">
        <v>326</v>
      </c>
      <c r="L62" s="10" t="s">
        <v>22</v>
      </c>
      <c r="M62" s="10" t="s">
        <v>22</v>
      </c>
      <c r="N62" s="10" t="s">
        <v>22</v>
      </c>
      <c r="O62" s="10" t="s">
        <v>22</v>
      </c>
      <c r="P62" s="10" t="s">
        <v>22</v>
      </c>
      <c r="Q62" s="10" t="s">
        <v>22</v>
      </c>
      <c r="R62" s="10" t="s">
        <v>22</v>
      </c>
      <c r="S62" s="10" t="s">
        <v>22</v>
      </c>
      <c r="T62" s="10" t="s">
        <v>22</v>
      </c>
      <c r="U62" s="10" t="s">
        <v>22</v>
      </c>
      <c r="V62" s="10" t="s">
        <v>22</v>
      </c>
      <c r="W62" s="10" t="s">
        <v>22</v>
      </c>
      <c r="X62" s="10" t="s">
        <v>22</v>
      </c>
      <c r="Y62" s="10" t="s">
        <v>22</v>
      </c>
      <c r="Z62" s="10" t="s">
        <v>22</v>
      </c>
    </row>
    <row r="63" spans="1:26" ht="24" customHeight="1" x14ac:dyDescent="0.2">
      <c r="A63" s="9" t="s">
        <v>17340</v>
      </c>
      <c r="B63" s="9" t="s">
        <v>14</v>
      </c>
      <c r="C63" s="9" t="s">
        <v>327</v>
      </c>
      <c r="D63" s="6" t="s">
        <v>328</v>
      </c>
      <c r="E63" s="22">
        <v>44615</v>
      </c>
      <c r="F63" s="22">
        <v>46440</v>
      </c>
      <c r="G63" s="6" t="s">
        <v>329</v>
      </c>
      <c r="H63" s="6" t="s">
        <v>62</v>
      </c>
      <c r="I63" s="6" t="s">
        <v>330</v>
      </c>
      <c r="J63" s="6" t="s">
        <v>331</v>
      </c>
      <c r="K63" s="9" t="s">
        <v>332</v>
      </c>
      <c r="L63" s="10" t="s">
        <v>22</v>
      </c>
      <c r="M63" s="10" t="s">
        <v>22</v>
      </c>
      <c r="N63" s="10" t="s">
        <v>22</v>
      </c>
      <c r="O63" s="10" t="s">
        <v>22</v>
      </c>
      <c r="P63" s="10" t="s">
        <v>22</v>
      </c>
      <c r="Q63" s="10" t="s">
        <v>22</v>
      </c>
      <c r="R63" s="10" t="s">
        <v>22</v>
      </c>
      <c r="S63" s="10" t="s">
        <v>22</v>
      </c>
      <c r="T63" s="10" t="s">
        <v>22</v>
      </c>
      <c r="U63" s="10" t="s">
        <v>22</v>
      </c>
      <c r="V63" s="10" t="s">
        <v>22</v>
      </c>
      <c r="W63" s="10" t="s">
        <v>22</v>
      </c>
      <c r="X63" s="10" t="s">
        <v>22</v>
      </c>
      <c r="Y63" s="10" t="s">
        <v>22</v>
      </c>
      <c r="Z63" s="10" t="s">
        <v>22</v>
      </c>
    </row>
    <row r="64" spans="1:26" ht="24" customHeight="1" x14ac:dyDescent="0.2">
      <c r="A64" s="9" t="s">
        <v>17341</v>
      </c>
      <c r="B64" s="9" t="s">
        <v>14</v>
      </c>
      <c r="C64" s="9" t="s">
        <v>333</v>
      </c>
      <c r="D64" s="6" t="s">
        <v>334</v>
      </c>
      <c r="E64" s="22">
        <v>44615</v>
      </c>
      <c r="F64" s="22">
        <v>46440</v>
      </c>
      <c r="G64" s="6" t="s">
        <v>335</v>
      </c>
      <c r="H64" s="6" t="s">
        <v>202</v>
      </c>
      <c r="I64" s="6" t="s">
        <v>336</v>
      </c>
      <c r="J64" s="6" t="s">
        <v>337</v>
      </c>
      <c r="K64" s="9" t="s">
        <v>338</v>
      </c>
      <c r="L64" s="10" t="s">
        <v>22</v>
      </c>
      <c r="M64" s="10" t="s">
        <v>22</v>
      </c>
      <c r="N64" s="10" t="s">
        <v>22</v>
      </c>
      <c r="O64" s="10" t="s">
        <v>22</v>
      </c>
      <c r="P64" s="10" t="s">
        <v>22</v>
      </c>
      <c r="Q64" s="10" t="s">
        <v>22</v>
      </c>
      <c r="R64" s="10" t="s">
        <v>22</v>
      </c>
      <c r="S64" s="10" t="s">
        <v>22</v>
      </c>
      <c r="T64" s="10" t="s">
        <v>22</v>
      </c>
      <c r="U64" s="10" t="s">
        <v>22</v>
      </c>
      <c r="V64" s="10" t="s">
        <v>22</v>
      </c>
      <c r="W64" s="10" t="s">
        <v>22</v>
      </c>
      <c r="X64" s="10" t="s">
        <v>22</v>
      </c>
      <c r="Y64" s="10" t="s">
        <v>22</v>
      </c>
      <c r="Z64" s="10" t="s">
        <v>22</v>
      </c>
    </row>
    <row r="65" spans="1:26" ht="24" customHeight="1" x14ac:dyDescent="0.2">
      <c r="A65" s="9" t="s">
        <v>17342</v>
      </c>
      <c r="B65" s="9" t="s">
        <v>14</v>
      </c>
      <c r="C65" s="9" t="s">
        <v>339</v>
      </c>
      <c r="D65" s="6" t="s">
        <v>340</v>
      </c>
      <c r="E65" s="22">
        <v>44619</v>
      </c>
      <c r="F65" s="22">
        <v>46444</v>
      </c>
      <c r="G65" s="6" t="s">
        <v>341</v>
      </c>
      <c r="H65" s="6" t="s">
        <v>62</v>
      </c>
      <c r="I65" s="6" t="s">
        <v>73</v>
      </c>
      <c r="J65" s="6" t="s">
        <v>342</v>
      </c>
      <c r="K65" s="9" t="s">
        <v>343</v>
      </c>
      <c r="L65" s="10" t="s">
        <v>22</v>
      </c>
      <c r="M65" s="10" t="s">
        <v>22</v>
      </c>
      <c r="N65" s="10" t="s">
        <v>22</v>
      </c>
      <c r="O65" s="10" t="s">
        <v>22</v>
      </c>
      <c r="P65" s="10" t="s">
        <v>22</v>
      </c>
      <c r="Q65" s="10" t="s">
        <v>22</v>
      </c>
      <c r="R65" s="10" t="s">
        <v>22</v>
      </c>
      <c r="S65" s="10" t="s">
        <v>22</v>
      </c>
      <c r="T65" s="10" t="s">
        <v>22</v>
      </c>
      <c r="U65" s="10" t="s">
        <v>22</v>
      </c>
      <c r="V65" s="10" t="s">
        <v>22</v>
      </c>
      <c r="W65" s="10" t="s">
        <v>22</v>
      </c>
      <c r="X65" s="10" t="s">
        <v>22</v>
      </c>
      <c r="Y65" s="10" t="s">
        <v>22</v>
      </c>
      <c r="Z65" s="10" t="s">
        <v>22</v>
      </c>
    </row>
    <row r="66" spans="1:26" ht="24" customHeight="1" x14ac:dyDescent="0.2">
      <c r="A66" s="9" t="s">
        <v>17343</v>
      </c>
      <c r="B66" s="9" t="s">
        <v>14</v>
      </c>
      <c r="C66" s="9" t="s">
        <v>344</v>
      </c>
      <c r="D66" s="6" t="s">
        <v>345</v>
      </c>
      <c r="E66" s="22">
        <v>44619</v>
      </c>
      <c r="F66" s="22">
        <v>46444</v>
      </c>
      <c r="G66" s="6" t="s">
        <v>346</v>
      </c>
      <c r="H66" s="6" t="s">
        <v>62</v>
      </c>
      <c r="I66" s="6" t="s">
        <v>63</v>
      </c>
      <c r="J66" s="6" t="s">
        <v>347</v>
      </c>
      <c r="K66" s="9" t="s">
        <v>348</v>
      </c>
      <c r="L66" s="10" t="s">
        <v>22</v>
      </c>
      <c r="M66" s="10" t="s">
        <v>22</v>
      </c>
      <c r="N66" s="10" t="s">
        <v>22</v>
      </c>
      <c r="O66" s="10" t="s">
        <v>22</v>
      </c>
      <c r="P66" s="10" t="s">
        <v>22</v>
      </c>
      <c r="Q66" s="10" t="s">
        <v>22</v>
      </c>
    </row>
    <row r="67" spans="1:26" ht="24" customHeight="1" x14ac:dyDescent="0.2">
      <c r="A67" s="9" t="s">
        <v>17344</v>
      </c>
      <c r="B67" s="9" t="s">
        <v>14</v>
      </c>
      <c r="C67" s="9" t="s">
        <v>349</v>
      </c>
      <c r="D67" s="6" t="s">
        <v>350</v>
      </c>
      <c r="E67" s="22">
        <v>44619</v>
      </c>
      <c r="F67" s="22">
        <v>46444</v>
      </c>
      <c r="G67" s="6" t="s">
        <v>351</v>
      </c>
      <c r="H67" s="6" t="s">
        <v>62</v>
      </c>
      <c r="I67" s="6" t="s">
        <v>352</v>
      </c>
      <c r="J67" s="6" t="s">
        <v>353</v>
      </c>
      <c r="L67" s="10" t="s">
        <v>22</v>
      </c>
      <c r="M67" s="10" t="s">
        <v>22</v>
      </c>
      <c r="N67" s="10" t="s">
        <v>22</v>
      </c>
      <c r="O67" s="10" t="s">
        <v>22</v>
      </c>
      <c r="P67" s="10" t="s">
        <v>22</v>
      </c>
      <c r="Q67" s="10" t="s">
        <v>22</v>
      </c>
      <c r="R67" s="10" t="s">
        <v>22</v>
      </c>
      <c r="S67" s="10" t="s">
        <v>22</v>
      </c>
      <c r="T67" s="10" t="s">
        <v>22</v>
      </c>
      <c r="U67" s="10" t="s">
        <v>22</v>
      </c>
      <c r="V67" s="10" t="s">
        <v>22</v>
      </c>
      <c r="W67" s="10" t="s">
        <v>22</v>
      </c>
      <c r="X67" s="10" t="s">
        <v>22</v>
      </c>
      <c r="Y67" s="10" t="s">
        <v>22</v>
      </c>
      <c r="Z67" s="10" t="s">
        <v>22</v>
      </c>
    </row>
    <row r="68" spans="1:26" ht="24" customHeight="1" x14ac:dyDescent="0.2">
      <c r="A68" s="9" t="s">
        <v>17345</v>
      </c>
      <c r="B68" s="9" t="s">
        <v>14</v>
      </c>
      <c r="C68" s="9" t="s">
        <v>354</v>
      </c>
      <c r="D68" s="6" t="s">
        <v>355</v>
      </c>
      <c r="E68" s="22">
        <v>44619</v>
      </c>
      <c r="F68" s="22">
        <v>46444</v>
      </c>
      <c r="G68" s="6" t="s">
        <v>356</v>
      </c>
      <c r="H68" s="6" t="s">
        <v>62</v>
      </c>
      <c r="I68" s="6" t="s">
        <v>357</v>
      </c>
      <c r="J68" s="6" t="s">
        <v>358</v>
      </c>
      <c r="K68" s="9" t="s">
        <v>359</v>
      </c>
      <c r="L68" s="10" t="s">
        <v>22</v>
      </c>
      <c r="M68" s="10" t="s">
        <v>22</v>
      </c>
      <c r="N68" s="10" t="s">
        <v>22</v>
      </c>
      <c r="O68" s="10" t="s">
        <v>22</v>
      </c>
      <c r="P68" s="10" t="s">
        <v>22</v>
      </c>
      <c r="Q68" s="10" t="s">
        <v>22</v>
      </c>
      <c r="R68" s="10" t="s">
        <v>22</v>
      </c>
      <c r="S68" s="10" t="s">
        <v>22</v>
      </c>
      <c r="T68" s="10" t="s">
        <v>22</v>
      </c>
      <c r="U68" s="10" t="s">
        <v>22</v>
      </c>
      <c r="V68" s="10" t="s">
        <v>22</v>
      </c>
      <c r="W68" s="10" t="s">
        <v>22</v>
      </c>
      <c r="X68" s="10" t="s">
        <v>22</v>
      </c>
      <c r="Y68" s="10" t="s">
        <v>22</v>
      </c>
      <c r="Z68" s="10" t="s">
        <v>22</v>
      </c>
    </row>
    <row r="69" spans="1:26" ht="24" customHeight="1" x14ac:dyDescent="0.2">
      <c r="A69" s="9" t="s">
        <v>17346</v>
      </c>
      <c r="B69" s="9" t="s">
        <v>14</v>
      </c>
      <c r="C69" s="9" t="s">
        <v>360</v>
      </c>
      <c r="D69" s="6" t="s">
        <v>361</v>
      </c>
      <c r="E69" s="22">
        <v>44619</v>
      </c>
      <c r="F69" s="22">
        <v>46444</v>
      </c>
      <c r="G69" s="6" t="s">
        <v>362</v>
      </c>
      <c r="H69" s="6" t="s">
        <v>363</v>
      </c>
      <c r="I69" s="6" t="s">
        <v>364</v>
      </c>
      <c r="J69" s="6" t="s">
        <v>365</v>
      </c>
      <c r="K69" s="9" t="s">
        <v>366</v>
      </c>
      <c r="L69" s="10" t="s">
        <v>22</v>
      </c>
      <c r="M69" s="10" t="s">
        <v>22</v>
      </c>
      <c r="N69" s="10" t="s">
        <v>22</v>
      </c>
      <c r="O69" s="10" t="s">
        <v>22</v>
      </c>
      <c r="P69" s="10" t="s">
        <v>22</v>
      </c>
      <c r="Q69" s="10" t="s">
        <v>22</v>
      </c>
      <c r="R69" s="10" t="s">
        <v>22</v>
      </c>
      <c r="S69" s="10" t="s">
        <v>22</v>
      </c>
      <c r="T69" s="10" t="s">
        <v>22</v>
      </c>
      <c r="U69" s="10" t="s">
        <v>22</v>
      </c>
      <c r="V69" s="10" t="s">
        <v>22</v>
      </c>
      <c r="W69" s="10" t="s">
        <v>22</v>
      </c>
      <c r="X69" s="10" t="s">
        <v>22</v>
      </c>
      <c r="Y69" s="10" t="s">
        <v>22</v>
      </c>
      <c r="Z69" s="10" t="s">
        <v>22</v>
      </c>
    </row>
    <row r="70" spans="1:26" ht="24" customHeight="1" x14ac:dyDescent="0.2">
      <c r="A70" s="9" t="s">
        <v>17347</v>
      </c>
      <c r="B70" s="9" t="s">
        <v>14</v>
      </c>
      <c r="C70" s="9" t="s">
        <v>367</v>
      </c>
      <c r="D70" s="6" t="s">
        <v>368</v>
      </c>
      <c r="E70" s="22">
        <v>44621</v>
      </c>
      <c r="F70" s="22">
        <v>46446</v>
      </c>
      <c r="G70" s="6" t="s">
        <v>369</v>
      </c>
      <c r="H70" s="6" t="s">
        <v>18</v>
      </c>
      <c r="I70" s="6" t="s">
        <v>19</v>
      </c>
      <c r="J70" s="6" t="s">
        <v>370</v>
      </c>
      <c r="K70" s="9" t="s">
        <v>371</v>
      </c>
      <c r="L70" s="10" t="s">
        <v>22</v>
      </c>
      <c r="M70" s="10" t="s">
        <v>22</v>
      </c>
      <c r="N70" s="10" t="s">
        <v>22</v>
      </c>
      <c r="O70" s="10" t="s">
        <v>22</v>
      </c>
      <c r="P70" s="10" t="s">
        <v>22</v>
      </c>
      <c r="Q70" s="10" t="s">
        <v>22</v>
      </c>
      <c r="R70" s="10" t="s">
        <v>22</v>
      </c>
      <c r="S70" s="10" t="s">
        <v>22</v>
      </c>
      <c r="T70" s="10" t="s">
        <v>22</v>
      </c>
      <c r="U70" s="10" t="s">
        <v>22</v>
      </c>
      <c r="V70" s="10" t="s">
        <v>22</v>
      </c>
      <c r="W70" s="10" t="s">
        <v>22</v>
      </c>
      <c r="X70" s="10" t="s">
        <v>22</v>
      </c>
      <c r="Y70" s="10" t="s">
        <v>22</v>
      </c>
      <c r="Z70" s="10" t="s">
        <v>22</v>
      </c>
    </row>
    <row r="71" spans="1:26" ht="24" customHeight="1" x14ac:dyDescent="0.2">
      <c r="A71" s="9" t="s">
        <v>17348</v>
      </c>
      <c r="B71" s="9" t="s">
        <v>14</v>
      </c>
      <c r="C71" s="9" t="s">
        <v>372</v>
      </c>
      <c r="D71" s="6" t="s">
        <v>373</v>
      </c>
      <c r="E71" s="22">
        <v>44621</v>
      </c>
      <c r="F71" s="22">
        <v>46446</v>
      </c>
      <c r="G71" s="6" t="s">
        <v>374</v>
      </c>
      <c r="H71" s="6" t="s">
        <v>18</v>
      </c>
      <c r="I71" s="6" t="s">
        <v>19</v>
      </c>
      <c r="J71" s="6" t="s">
        <v>375</v>
      </c>
      <c r="L71" s="10" t="s">
        <v>22</v>
      </c>
      <c r="M71" s="10" t="s">
        <v>22</v>
      </c>
      <c r="N71" s="10" t="s">
        <v>22</v>
      </c>
      <c r="O71" s="10" t="s">
        <v>22</v>
      </c>
      <c r="P71" s="10" t="s">
        <v>22</v>
      </c>
      <c r="Q71" s="10" t="s">
        <v>22</v>
      </c>
      <c r="R71" s="10" t="s">
        <v>22</v>
      </c>
      <c r="S71" s="10" t="s">
        <v>22</v>
      </c>
      <c r="T71" s="10" t="s">
        <v>22</v>
      </c>
      <c r="U71" s="10" t="s">
        <v>22</v>
      </c>
      <c r="V71" s="10" t="s">
        <v>22</v>
      </c>
      <c r="W71" s="10" t="s">
        <v>22</v>
      </c>
      <c r="X71" s="10" t="s">
        <v>22</v>
      </c>
      <c r="Y71" s="10" t="s">
        <v>22</v>
      </c>
      <c r="Z71" s="10" t="s">
        <v>22</v>
      </c>
    </row>
    <row r="72" spans="1:26" ht="24" customHeight="1" x14ac:dyDescent="0.2">
      <c r="A72" s="9" t="s">
        <v>17349</v>
      </c>
      <c r="B72" s="9" t="s">
        <v>14</v>
      </c>
      <c r="C72" s="9" t="s">
        <v>376</v>
      </c>
      <c r="D72" s="6" t="s">
        <v>377</v>
      </c>
      <c r="E72" s="22">
        <v>44621</v>
      </c>
      <c r="F72" s="22">
        <v>46446</v>
      </c>
      <c r="G72" s="6" t="s">
        <v>378</v>
      </c>
      <c r="H72" s="6" t="s">
        <v>62</v>
      </c>
      <c r="I72" s="6" t="s">
        <v>379</v>
      </c>
      <c r="J72" s="6" t="s">
        <v>380</v>
      </c>
      <c r="K72" s="9" t="s">
        <v>381</v>
      </c>
      <c r="L72" s="10" t="s">
        <v>22</v>
      </c>
      <c r="M72" s="10" t="s">
        <v>22</v>
      </c>
      <c r="N72" s="10" t="s">
        <v>22</v>
      </c>
      <c r="O72" s="10" t="s">
        <v>22</v>
      </c>
      <c r="P72" s="10" t="s">
        <v>22</v>
      </c>
      <c r="Q72" s="10" t="s">
        <v>22</v>
      </c>
      <c r="R72" s="10" t="s">
        <v>22</v>
      </c>
      <c r="S72" s="10" t="s">
        <v>22</v>
      </c>
      <c r="T72" s="10" t="s">
        <v>22</v>
      </c>
      <c r="U72" s="10" t="s">
        <v>22</v>
      </c>
      <c r="V72" s="10" t="s">
        <v>22</v>
      </c>
      <c r="W72" s="10" t="s">
        <v>22</v>
      </c>
      <c r="X72" s="10" t="s">
        <v>22</v>
      </c>
      <c r="Y72" s="10" t="s">
        <v>22</v>
      </c>
      <c r="Z72" s="10" t="s">
        <v>22</v>
      </c>
    </row>
    <row r="73" spans="1:26" ht="24" customHeight="1" x14ac:dyDescent="0.2">
      <c r="A73" s="9" t="s">
        <v>17350</v>
      </c>
      <c r="B73" s="9" t="s">
        <v>14</v>
      </c>
      <c r="C73" s="9" t="s">
        <v>382</v>
      </c>
      <c r="D73" s="6" t="s">
        <v>383</v>
      </c>
      <c r="E73" s="22">
        <v>44621</v>
      </c>
      <c r="F73" s="22">
        <v>46446</v>
      </c>
      <c r="G73" s="6" t="s">
        <v>384</v>
      </c>
      <c r="H73" s="6" t="s">
        <v>62</v>
      </c>
      <c r="I73" s="6" t="s">
        <v>312</v>
      </c>
      <c r="J73" s="6" t="s">
        <v>385</v>
      </c>
      <c r="L73" s="10" t="s">
        <v>22</v>
      </c>
      <c r="M73" s="10" t="s">
        <v>22</v>
      </c>
      <c r="N73" s="10" t="s">
        <v>22</v>
      </c>
      <c r="O73" s="10" t="s">
        <v>22</v>
      </c>
      <c r="P73" s="10" t="s">
        <v>22</v>
      </c>
      <c r="Q73" s="10" t="s">
        <v>22</v>
      </c>
      <c r="R73" s="10" t="s">
        <v>22</v>
      </c>
      <c r="U73" s="10" t="s">
        <v>22</v>
      </c>
      <c r="V73" s="10" t="s">
        <v>22</v>
      </c>
      <c r="W73" s="10" t="s">
        <v>22</v>
      </c>
      <c r="X73" s="10" t="s">
        <v>22</v>
      </c>
      <c r="Y73" s="10" t="s">
        <v>22</v>
      </c>
      <c r="Z73" s="10" t="s">
        <v>22</v>
      </c>
    </row>
    <row r="74" spans="1:26" ht="34" customHeight="1" x14ac:dyDescent="0.2">
      <c r="A74" s="9" t="s">
        <v>17351</v>
      </c>
      <c r="B74" s="9" t="s">
        <v>14</v>
      </c>
      <c r="C74" s="9" t="s">
        <v>386</v>
      </c>
      <c r="D74" s="6" t="s">
        <v>387</v>
      </c>
      <c r="E74" s="22">
        <v>44621</v>
      </c>
      <c r="F74" s="22">
        <v>46446</v>
      </c>
      <c r="G74" s="6" t="s">
        <v>388</v>
      </c>
      <c r="H74" s="6" t="s">
        <v>18</v>
      </c>
      <c r="I74" s="6" t="s">
        <v>19</v>
      </c>
      <c r="J74" s="6" t="s">
        <v>389</v>
      </c>
      <c r="K74" s="9" t="s">
        <v>390</v>
      </c>
      <c r="L74" s="10" t="s">
        <v>22</v>
      </c>
      <c r="M74" s="10" t="s">
        <v>22</v>
      </c>
      <c r="N74" s="10" t="s">
        <v>22</v>
      </c>
      <c r="O74" s="10" t="s">
        <v>22</v>
      </c>
      <c r="P74" s="10" t="s">
        <v>22</v>
      </c>
      <c r="Q74" s="10" t="s">
        <v>22</v>
      </c>
      <c r="R74" s="10" t="s">
        <v>22</v>
      </c>
      <c r="S74" s="10" t="s">
        <v>22</v>
      </c>
      <c r="T74" s="10" t="s">
        <v>22</v>
      </c>
      <c r="U74" s="10" t="s">
        <v>22</v>
      </c>
      <c r="V74" s="10" t="s">
        <v>22</v>
      </c>
      <c r="W74" s="10" t="s">
        <v>22</v>
      </c>
      <c r="X74" s="10" t="s">
        <v>22</v>
      </c>
      <c r="Y74" s="10" t="s">
        <v>22</v>
      </c>
      <c r="Z74" s="10" t="s">
        <v>22</v>
      </c>
    </row>
    <row r="75" spans="1:26" ht="24" customHeight="1" x14ac:dyDescent="0.2">
      <c r="A75" s="9" t="s">
        <v>17352</v>
      </c>
      <c r="B75" s="9" t="s">
        <v>14</v>
      </c>
      <c r="C75" s="9" t="s">
        <v>386</v>
      </c>
      <c r="D75" s="6" t="s">
        <v>387</v>
      </c>
      <c r="E75" s="22">
        <v>44621</v>
      </c>
      <c r="F75" s="22">
        <v>46446</v>
      </c>
      <c r="G75" s="6" t="s">
        <v>391</v>
      </c>
      <c r="H75" s="6" t="s">
        <v>18</v>
      </c>
      <c r="I75" s="6" t="s">
        <v>392</v>
      </c>
      <c r="J75" s="6" t="s">
        <v>393</v>
      </c>
      <c r="K75" s="9" t="s">
        <v>394</v>
      </c>
      <c r="L75" s="10" t="s">
        <v>22</v>
      </c>
      <c r="M75" s="10" t="s">
        <v>22</v>
      </c>
      <c r="N75" s="10" t="s">
        <v>22</v>
      </c>
      <c r="O75" s="10" t="s">
        <v>22</v>
      </c>
      <c r="P75" s="10" t="s">
        <v>22</v>
      </c>
      <c r="Q75" s="10" t="s">
        <v>22</v>
      </c>
      <c r="R75" s="10" t="s">
        <v>22</v>
      </c>
      <c r="S75" s="10" t="s">
        <v>22</v>
      </c>
      <c r="T75" s="10" t="s">
        <v>22</v>
      </c>
      <c r="U75" s="10" t="s">
        <v>22</v>
      </c>
      <c r="V75" s="10" t="s">
        <v>22</v>
      </c>
      <c r="W75" s="10" t="s">
        <v>22</v>
      </c>
      <c r="X75" s="10" t="s">
        <v>22</v>
      </c>
      <c r="Y75" s="10" t="s">
        <v>22</v>
      </c>
      <c r="Z75" s="10" t="s">
        <v>22</v>
      </c>
    </row>
    <row r="76" spans="1:26" ht="24" customHeight="1" x14ac:dyDescent="0.2">
      <c r="A76" s="9" t="s">
        <v>17353</v>
      </c>
      <c r="B76" s="9" t="s">
        <v>14</v>
      </c>
      <c r="C76" s="9" t="s">
        <v>395</v>
      </c>
      <c r="D76" s="6" t="s">
        <v>396</v>
      </c>
      <c r="E76" s="22">
        <v>44621</v>
      </c>
      <c r="F76" s="22">
        <v>46446</v>
      </c>
      <c r="G76" s="6" t="s">
        <v>397</v>
      </c>
      <c r="H76" s="6" t="s">
        <v>62</v>
      </c>
      <c r="I76" s="6" t="s">
        <v>186</v>
      </c>
      <c r="J76" s="6" t="s">
        <v>398</v>
      </c>
      <c r="K76" s="9" t="s">
        <v>399</v>
      </c>
      <c r="L76" s="10" t="s">
        <v>22</v>
      </c>
      <c r="M76" s="10" t="s">
        <v>22</v>
      </c>
      <c r="N76" s="10" t="s">
        <v>22</v>
      </c>
      <c r="O76" s="10" t="s">
        <v>22</v>
      </c>
      <c r="P76" s="10" t="s">
        <v>22</v>
      </c>
      <c r="Q76" s="10" t="s">
        <v>22</v>
      </c>
      <c r="S76" s="10" t="s">
        <v>22</v>
      </c>
      <c r="T76" s="10" t="s">
        <v>22</v>
      </c>
      <c r="U76" s="10" t="s">
        <v>22</v>
      </c>
      <c r="V76" s="10" t="s">
        <v>22</v>
      </c>
      <c r="W76" s="10" t="s">
        <v>22</v>
      </c>
      <c r="X76" s="10" t="s">
        <v>22</v>
      </c>
      <c r="Y76" s="10" t="s">
        <v>22</v>
      </c>
      <c r="Z76" s="10" t="s">
        <v>22</v>
      </c>
    </row>
    <row r="77" spans="1:26" ht="24" customHeight="1" x14ac:dyDescent="0.2">
      <c r="A77" s="9" t="s">
        <v>17354</v>
      </c>
      <c r="B77" s="9" t="s">
        <v>14</v>
      </c>
      <c r="C77" s="9" t="s">
        <v>400</v>
      </c>
      <c r="D77" s="6" t="s">
        <v>401</v>
      </c>
      <c r="E77" s="22">
        <v>44621</v>
      </c>
      <c r="F77" s="22">
        <v>46446</v>
      </c>
      <c r="G77" s="6" t="s">
        <v>402</v>
      </c>
      <c r="H77" s="6" t="s">
        <v>62</v>
      </c>
      <c r="I77" s="6" t="s">
        <v>403</v>
      </c>
      <c r="J77" s="6" t="s">
        <v>404</v>
      </c>
      <c r="K77" s="9" t="s">
        <v>405</v>
      </c>
      <c r="L77" s="10" t="s">
        <v>22</v>
      </c>
      <c r="M77" s="10" t="s">
        <v>22</v>
      </c>
      <c r="N77" s="10" t="s">
        <v>22</v>
      </c>
      <c r="O77" s="10" t="s">
        <v>22</v>
      </c>
      <c r="P77" s="10" t="s">
        <v>22</v>
      </c>
      <c r="Q77" s="10" t="s">
        <v>22</v>
      </c>
      <c r="S77" s="10" t="s">
        <v>22</v>
      </c>
      <c r="T77" s="10" t="s">
        <v>22</v>
      </c>
      <c r="U77" s="10" t="s">
        <v>22</v>
      </c>
      <c r="V77" s="10" t="s">
        <v>22</v>
      </c>
      <c r="W77" s="10" t="s">
        <v>22</v>
      </c>
      <c r="X77" s="10" t="s">
        <v>22</v>
      </c>
      <c r="Y77" s="10" t="s">
        <v>22</v>
      </c>
      <c r="Z77" s="10" t="s">
        <v>22</v>
      </c>
    </row>
    <row r="78" spans="1:26" ht="24" customHeight="1" x14ac:dyDescent="0.2">
      <c r="A78" s="9" t="s">
        <v>17355</v>
      </c>
      <c r="B78" s="9" t="s">
        <v>14</v>
      </c>
      <c r="C78" s="9" t="s">
        <v>406</v>
      </c>
      <c r="D78" s="6" t="s">
        <v>407</v>
      </c>
      <c r="E78" s="22">
        <v>44621</v>
      </c>
      <c r="F78" s="22">
        <v>46446</v>
      </c>
      <c r="G78" s="6" t="s">
        <v>408</v>
      </c>
      <c r="H78" s="6" t="s">
        <v>18</v>
      </c>
      <c r="I78" s="6" t="s">
        <v>19</v>
      </c>
      <c r="J78" s="6" t="s">
        <v>409</v>
      </c>
      <c r="K78" s="9" t="s">
        <v>410</v>
      </c>
      <c r="M78" s="10" t="s">
        <v>22</v>
      </c>
      <c r="N78" s="10" t="s">
        <v>22</v>
      </c>
      <c r="V78" s="10" t="s">
        <v>22</v>
      </c>
      <c r="W78" s="10" t="s">
        <v>22</v>
      </c>
    </row>
    <row r="79" spans="1:26" ht="24" customHeight="1" x14ac:dyDescent="0.2">
      <c r="A79" s="9" t="s">
        <v>17356</v>
      </c>
      <c r="B79" s="9" t="s">
        <v>14</v>
      </c>
      <c r="C79" s="9" t="s">
        <v>411</v>
      </c>
      <c r="D79" s="6" t="s">
        <v>412</v>
      </c>
      <c r="E79" s="22">
        <v>44621</v>
      </c>
      <c r="F79" s="22">
        <v>46446</v>
      </c>
      <c r="G79" s="6" t="s">
        <v>413</v>
      </c>
      <c r="H79" s="6" t="s">
        <v>62</v>
      </c>
      <c r="I79" s="6" t="s">
        <v>414</v>
      </c>
      <c r="J79" s="6" t="s">
        <v>415</v>
      </c>
      <c r="K79" s="9" t="s">
        <v>416</v>
      </c>
      <c r="L79" s="10" t="s">
        <v>22</v>
      </c>
      <c r="M79" s="10" t="s">
        <v>22</v>
      </c>
      <c r="N79" s="10" t="s">
        <v>22</v>
      </c>
      <c r="O79" s="10" t="s">
        <v>22</v>
      </c>
      <c r="P79" s="10" t="s">
        <v>22</v>
      </c>
      <c r="Q79" s="10" t="s">
        <v>22</v>
      </c>
      <c r="R79" s="10" t="s">
        <v>22</v>
      </c>
      <c r="S79" s="10" t="s">
        <v>22</v>
      </c>
      <c r="T79" s="10" t="s">
        <v>22</v>
      </c>
      <c r="U79" s="10" t="s">
        <v>22</v>
      </c>
      <c r="V79" s="10" t="s">
        <v>22</v>
      </c>
      <c r="W79" s="10" t="s">
        <v>22</v>
      </c>
      <c r="X79" s="10" t="s">
        <v>22</v>
      </c>
      <c r="Y79" s="10" t="s">
        <v>22</v>
      </c>
      <c r="Z79" s="10" t="s">
        <v>22</v>
      </c>
    </row>
    <row r="80" spans="1:26" ht="24" customHeight="1" x14ac:dyDescent="0.2">
      <c r="A80" s="9" t="s">
        <v>17357</v>
      </c>
      <c r="B80" s="9" t="s">
        <v>14</v>
      </c>
      <c r="C80" s="9" t="s">
        <v>417</v>
      </c>
      <c r="D80" s="6" t="s">
        <v>418</v>
      </c>
      <c r="E80" s="22">
        <v>44626</v>
      </c>
      <c r="F80" s="22">
        <v>46451</v>
      </c>
      <c r="G80" s="6" t="s">
        <v>419</v>
      </c>
      <c r="H80" s="6" t="s">
        <v>18</v>
      </c>
      <c r="I80" s="6" t="s">
        <v>26</v>
      </c>
      <c r="J80" s="6" t="s">
        <v>420</v>
      </c>
      <c r="K80" s="9" t="s">
        <v>421</v>
      </c>
      <c r="L80" s="10" t="s">
        <v>22</v>
      </c>
      <c r="M80" s="10" t="s">
        <v>22</v>
      </c>
      <c r="N80" s="10" t="s">
        <v>22</v>
      </c>
      <c r="O80" s="10" t="s">
        <v>22</v>
      </c>
      <c r="P80" s="10" t="s">
        <v>22</v>
      </c>
      <c r="Q80" s="10" t="s">
        <v>22</v>
      </c>
      <c r="R80" s="10" t="s">
        <v>22</v>
      </c>
      <c r="S80" s="10" t="s">
        <v>22</v>
      </c>
      <c r="T80" s="10" t="s">
        <v>22</v>
      </c>
      <c r="U80" s="10" t="s">
        <v>22</v>
      </c>
      <c r="V80" s="10" t="s">
        <v>22</v>
      </c>
      <c r="W80" s="10" t="s">
        <v>22</v>
      </c>
      <c r="X80" s="10" t="s">
        <v>22</v>
      </c>
      <c r="Y80" s="10" t="s">
        <v>22</v>
      </c>
      <c r="Z80" s="10" t="s">
        <v>22</v>
      </c>
    </row>
    <row r="81" spans="1:26" ht="24" customHeight="1" x14ac:dyDescent="0.2">
      <c r="A81" s="9" t="s">
        <v>17359</v>
      </c>
      <c r="B81" s="9" t="s">
        <v>14</v>
      </c>
      <c r="C81" s="9" t="s">
        <v>422</v>
      </c>
      <c r="D81" s="6" t="s">
        <v>423</v>
      </c>
      <c r="E81" s="22">
        <v>44626</v>
      </c>
      <c r="F81" s="22">
        <v>46451</v>
      </c>
      <c r="G81" s="6" t="s">
        <v>424</v>
      </c>
      <c r="H81" s="6" t="s">
        <v>62</v>
      </c>
      <c r="I81" s="6" t="s">
        <v>186</v>
      </c>
      <c r="J81" s="6" t="s">
        <v>425</v>
      </c>
      <c r="K81" s="9" t="s">
        <v>426</v>
      </c>
      <c r="L81" s="10" t="s">
        <v>22</v>
      </c>
      <c r="M81" s="10" t="s">
        <v>22</v>
      </c>
      <c r="N81" s="10" t="s">
        <v>22</v>
      </c>
      <c r="O81" s="10" t="s">
        <v>22</v>
      </c>
      <c r="P81" s="10" t="s">
        <v>22</v>
      </c>
      <c r="Q81" s="10" t="s">
        <v>22</v>
      </c>
      <c r="R81" s="10" t="s">
        <v>22</v>
      </c>
      <c r="S81" s="10" t="s">
        <v>22</v>
      </c>
      <c r="T81" s="10" t="s">
        <v>22</v>
      </c>
      <c r="V81" s="10" t="s">
        <v>22</v>
      </c>
      <c r="W81" s="10" t="s">
        <v>22</v>
      </c>
    </row>
    <row r="82" spans="1:26" ht="24" customHeight="1" x14ac:dyDescent="0.2">
      <c r="A82" s="9" t="s">
        <v>17360</v>
      </c>
      <c r="B82" s="9" t="s">
        <v>14</v>
      </c>
      <c r="C82" s="9" t="s">
        <v>427</v>
      </c>
      <c r="D82" s="6" t="s">
        <v>428</v>
      </c>
      <c r="E82" s="22">
        <v>44626</v>
      </c>
      <c r="F82" s="22">
        <v>46451</v>
      </c>
      <c r="G82" s="6" t="s">
        <v>429</v>
      </c>
      <c r="H82" s="6" t="s">
        <v>62</v>
      </c>
      <c r="I82" s="6" t="s">
        <v>430</v>
      </c>
      <c r="J82" s="6" t="s">
        <v>431</v>
      </c>
      <c r="L82" s="10" t="s">
        <v>22</v>
      </c>
      <c r="M82" s="10" t="s">
        <v>22</v>
      </c>
      <c r="N82" s="10" t="s">
        <v>22</v>
      </c>
      <c r="O82" s="10" t="s">
        <v>22</v>
      </c>
      <c r="P82" s="10" t="s">
        <v>22</v>
      </c>
      <c r="Q82" s="10" t="s">
        <v>22</v>
      </c>
      <c r="U82" s="10" t="s">
        <v>22</v>
      </c>
      <c r="V82" s="10" t="s">
        <v>22</v>
      </c>
      <c r="W82" s="10" t="s">
        <v>22</v>
      </c>
      <c r="X82" s="10" t="s">
        <v>22</v>
      </c>
      <c r="Y82" s="10" t="s">
        <v>22</v>
      </c>
      <c r="Z82" s="10" t="s">
        <v>22</v>
      </c>
    </row>
    <row r="83" spans="1:26" ht="24" customHeight="1" x14ac:dyDescent="0.2">
      <c r="A83" s="9" t="s">
        <v>17361</v>
      </c>
      <c r="B83" s="9" t="s">
        <v>14</v>
      </c>
      <c r="C83" s="9" t="s">
        <v>432</v>
      </c>
      <c r="D83" s="6" t="s">
        <v>433</v>
      </c>
      <c r="E83" s="22">
        <v>44626</v>
      </c>
      <c r="F83" s="22">
        <v>46451</v>
      </c>
      <c r="G83" s="6" t="s">
        <v>434</v>
      </c>
      <c r="H83" s="6" t="s">
        <v>62</v>
      </c>
      <c r="I83" s="6" t="s">
        <v>435</v>
      </c>
      <c r="J83" s="6" t="s">
        <v>436</v>
      </c>
      <c r="K83" s="9" t="s">
        <v>437</v>
      </c>
      <c r="L83" s="10" t="s">
        <v>22</v>
      </c>
      <c r="M83" s="10" t="s">
        <v>22</v>
      </c>
      <c r="N83" s="10" t="s">
        <v>22</v>
      </c>
      <c r="O83" s="10" t="s">
        <v>22</v>
      </c>
      <c r="P83" s="10" t="s">
        <v>22</v>
      </c>
      <c r="Q83" s="10" t="s">
        <v>22</v>
      </c>
      <c r="R83" s="10" t="s">
        <v>22</v>
      </c>
      <c r="S83" s="10" t="s">
        <v>22</v>
      </c>
      <c r="T83" s="10" t="s">
        <v>22</v>
      </c>
      <c r="U83" s="10" t="s">
        <v>22</v>
      </c>
      <c r="V83" s="10" t="s">
        <v>22</v>
      </c>
      <c r="W83" s="10" t="s">
        <v>22</v>
      </c>
      <c r="X83" s="10" t="s">
        <v>22</v>
      </c>
      <c r="Y83" s="10" t="s">
        <v>22</v>
      </c>
      <c r="Z83" s="10" t="s">
        <v>22</v>
      </c>
    </row>
    <row r="84" spans="1:26" ht="24" customHeight="1" x14ac:dyDescent="0.2">
      <c r="A84" s="9" t="s">
        <v>17362</v>
      </c>
      <c r="B84" s="9" t="s">
        <v>14</v>
      </c>
      <c r="C84" s="9" t="s">
        <v>438</v>
      </c>
      <c r="D84" s="6" t="s">
        <v>439</v>
      </c>
      <c r="E84" s="22">
        <v>44626</v>
      </c>
      <c r="F84" s="22">
        <v>46451</v>
      </c>
      <c r="G84" s="6" t="s">
        <v>440</v>
      </c>
      <c r="H84" s="6" t="s">
        <v>202</v>
      </c>
      <c r="I84" s="6" t="s">
        <v>441</v>
      </c>
      <c r="J84" s="6" t="s">
        <v>442</v>
      </c>
      <c r="K84" s="9" t="s">
        <v>443</v>
      </c>
      <c r="L84" s="10" t="s">
        <v>22</v>
      </c>
      <c r="M84" s="10" t="s">
        <v>22</v>
      </c>
      <c r="N84" s="10" t="s">
        <v>22</v>
      </c>
      <c r="O84" s="10" t="s">
        <v>22</v>
      </c>
      <c r="P84" s="10" t="s">
        <v>22</v>
      </c>
      <c r="Q84" s="10" t="s">
        <v>22</v>
      </c>
      <c r="U84" s="10" t="s">
        <v>22</v>
      </c>
      <c r="V84" s="10" t="s">
        <v>22</v>
      </c>
      <c r="W84" s="10" t="s">
        <v>22</v>
      </c>
      <c r="X84" s="10" t="s">
        <v>22</v>
      </c>
      <c r="Y84" s="10" t="s">
        <v>22</v>
      </c>
      <c r="Z84" s="10" t="s">
        <v>22</v>
      </c>
    </row>
    <row r="85" spans="1:26" ht="24" customHeight="1" x14ac:dyDescent="0.2">
      <c r="A85" s="9" t="s">
        <v>17363</v>
      </c>
      <c r="B85" s="9" t="s">
        <v>14</v>
      </c>
      <c r="C85" s="9" t="s">
        <v>444</v>
      </c>
      <c r="D85" s="6" t="s">
        <v>445</v>
      </c>
      <c r="E85" s="22">
        <v>44626</v>
      </c>
      <c r="F85" s="22">
        <v>46451</v>
      </c>
      <c r="G85" s="6" t="s">
        <v>446</v>
      </c>
      <c r="H85" s="6" t="s">
        <v>62</v>
      </c>
      <c r="I85" s="6" t="s">
        <v>264</v>
      </c>
      <c r="J85" s="6" t="s">
        <v>447</v>
      </c>
      <c r="L85" s="10" t="s">
        <v>22</v>
      </c>
      <c r="M85" s="10" t="s">
        <v>22</v>
      </c>
      <c r="N85" s="10" t="s">
        <v>22</v>
      </c>
      <c r="O85" s="10" t="s">
        <v>22</v>
      </c>
      <c r="P85" s="10" t="s">
        <v>22</v>
      </c>
      <c r="Q85" s="10" t="s">
        <v>22</v>
      </c>
      <c r="R85" s="10" t="s">
        <v>22</v>
      </c>
      <c r="S85" s="10" t="s">
        <v>22</v>
      </c>
      <c r="T85" s="10" t="s">
        <v>22</v>
      </c>
      <c r="U85" s="10" t="s">
        <v>22</v>
      </c>
      <c r="V85" s="10" t="s">
        <v>22</v>
      </c>
      <c r="W85" s="10" t="s">
        <v>22</v>
      </c>
      <c r="X85" s="10" t="s">
        <v>22</v>
      </c>
      <c r="Y85" s="10" t="s">
        <v>22</v>
      </c>
      <c r="Z85" s="10" t="s">
        <v>22</v>
      </c>
    </row>
    <row r="86" spans="1:26" ht="24" customHeight="1" x14ac:dyDescent="0.2">
      <c r="A86" s="9" t="s">
        <v>17364</v>
      </c>
      <c r="B86" s="9" t="s">
        <v>14</v>
      </c>
      <c r="C86" s="9" t="s">
        <v>448</v>
      </c>
      <c r="D86" s="6" t="s">
        <v>449</v>
      </c>
      <c r="E86" s="22">
        <v>44626</v>
      </c>
      <c r="F86" s="22">
        <v>46451</v>
      </c>
      <c r="G86" s="6" t="s">
        <v>450</v>
      </c>
      <c r="H86" s="6" t="s">
        <v>62</v>
      </c>
      <c r="I86" s="6" t="s">
        <v>236</v>
      </c>
      <c r="J86" s="6" t="s">
        <v>451</v>
      </c>
      <c r="K86" s="9" t="s">
        <v>452</v>
      </c>
      <c r="L86" s="10" t="s">
        <v>22</v>
      </c>
      <c r="M86" s="10" t="s">
        <v>22</v>
      </c>
      <c r="N86" s="10" t="s">
        <v>22</v>
      </c>
      <c r="O86" s="10" t="s">
        <v>22</v>
      </c>
      <c r="P86" s="10" t="s">
        <v>22</v>
      </c>
      <c r="Q86" s="10" t="s">
        <v>22</v>
      </c>
      <c r="R86" s="10" t="s">
        <v>22</v>
      </c>
      <c r="S86" s="10" t="s">
        <v>22</v>
      </c>
      <c r="T86" s="10" t="s">
        <v>22</v>
      </c>
      <c r="U86" s="10" t="s">
        <v>22</v>
      </c>
      <c r="V86" s="10" t="s">
        <v>22</v>
      </c>
      <c r="W86" s="10" t="s">
        <v>22</v>
      </c>
      <c r="X86" s="10" t="s">
        <v>22</v>
      </c>
      <c r="Y86" s="10" t="s">
        <v>22</v>
      </c>
      <c r="Z86" s="10" t="s">
        <v>22</v>
      </c>
    </row>
    <row r="87" spans="1:26" ht="24" customHeight="1" x14ac:dyDescent="0.2">
      <c r="A87" s="9" t="s">
        <v>17365</v>
      </c>
      <c r="B87" s="9" t="s">
        <v>14</v>
      </c>
      <c r="C87" s="9" t="s">
        <v>453</v>
      </c>
      <c r="D87" s="6" t="s">
        <v>454</v>
      </c>
      <c r="E87" s="22">
        <v>44627</v>
      </c>
      <c r="F87" s="22">
        <v>46452</v>
      </c>
      <c r="G87" s="6" t="s">
        <v>455</v>
      </c>
      <c r="H87" s="6" t="s">
        <v>62</v>
      </c>
      <c r="I87" s="6" t="s">
        <v>186</v>
      </c>
      <c r="J87" s="6" t="s">
        <v>456</v>
      </c>
      <c r="K87" s="9" t="s">
        <v>457</v>
      </c>
      <c r="L87" s="10" t="s">
        <v>22</v>
      </c>
      <c r="M87" s="10" t="s">
        <v>22</v>
      </c>
      <c r="N87" s="10" t="s">
        <v>22</v>
      </c>
      <c r="O87" s="10" t="s">
        <v>22</v>
      </c>
      <c r="P87" s="10" t="s">
        <v>22</v>
      </c>
      <c r="Q87" s="10" t="s">
        <v>22</v>
      </c>
      <c r="R87" s="10" t="s">
        <v>22</v>
      </c>
      <c r="S87" s="10" t="s">
        <v>22</v>
      </c>
      <c r="T87" s="10" t="s">
        <v>22</v>
      </c>
      <c r="U87" s="10" t="s">
        <v>22</v>
      </c>
      <c r="V87" s="10" t="s">
        <v>22</v>
      </c>
      <c r="W87" s="10" t="s">
        <v>22</v>
      </c>
      <c r="X87" s="10" t="s">
        <v>22</v>
      </c>
      <c r="Y87" s="10" t="s">
        <v>22</v>
      </c>
      <c r="Z87" s="10" t="s">
        <v>22</v>
      </c>
    </row>
    <row r="88" spans="1:26" ht="24" customHeight="1" x14ac:dyDescent="0.2">
      <c r="A88" s="9" t="s">
        <v>17366</v>
      </c>
      <c r="B88" s="9" t="s">
        <v>14</v>
      </c>
      <c r="C88" s="9" t="s">
        <v>458</v>
      </c>
      <c r="D88" s="6" t="s">
        <v>459</v>
      </c>
      <c r="E88" s="22">
        <v>44627</v>
      </c>
      <c r="F88" s="22">
        <v>46452</v>
      </c>
      <c r="G88" s="6" t="s">
        <v>460</v>
      </c>
      <c r="H88" s="6" t="s">
        <v>18</v>
      </c>
      <c r="I88" s="6" t="s">
        <v>19</v>
      </c>
      <c r="J88" s="6" t="s">
        <v>461</v>
      </c>
      <c r="K88" s="9" t="s">
        <v>462</v>
      </c>
      <c r="L88" s="10" t="s">
        <v>22</v>
      </c>
      <c r="M88" s="10" t="s">
        <v>22</v>
      </c>
      <c r="N88" s="10" t="s">
        <v>22</v>
      </c>
      <c r="O88" s="10" t="s">
        <v>22</v>
      </c>
      <c r="P88" s="10" t="s">
        <v>22</v>
      </c>
      <c r="Q88" s="10" t="s">
        <v>22</v>
      </c>
      <c r="R88" s="10" t="s">
        <v>22</v>
      </c>
      <c r="S88" s="10" t="s">
        <v>22</v>
      </c>
      <c r="T88" s="10" t="s">
        <v>22</v>
      </c>
      <c r="U88" s="10" t="s">
        <v>22</v>
      </c>
      <c r="V88" s="10" t="s">
        <v>22</v>
      </c>
      <c r="W88" s="10" t="s">
        <v>22</v>
      </c>
      <c r="X88" s="10" t="s">
        <v>22</v>
      </c>
      <c r="Y88" s="10" t="s">
        <v>22</v>
      </c>
      <c r="Z88" s="10" t="s">
        <v>22</v>
      </c>
    </row>
    <row r="89" spans="1:26" ht="24" customHeight="1" x14ac:dyDescent="0.2">
      <c r="A89" s="9" t="s">
        <v>17367</v>
      </c>
      <c r="B89" s="9" t="s">
        <v>14</v>
      </c>
      <c r="C89" s="9" t="s">
        <v>463</v>
      </c>
      <c r="D89" s="6" t="s">
        <v>464</v>
      </c>
      <c r="E89" s="22">
        <v>44627</v>
      </c>
      <c r="F89" s="22">
        <v>46452</v>
      </c>
      <c r="G89" s="6" t="s">
        <v>465</v>
      </c>
      <c r="H89" s="6" t="s">
        <v>363</v>
      </c>
      <c r="I89" s="6" t="s">
        <v>466</v>
      </c>
      <c r="J89" s="6" t="s">
        <v>467</v>
      </c>
      <c r="K89" s="9" t="s">
        <v>468</v>
      </c>
      <c r="L89" s="10" t="s">
        <v>22</v>
      </c>
      <c r="M89" s="10" t="s">
        <v>22</v>
      </c>
      <c r="N89" s="10" t="s">
        <v>22</v>
      </c>
      <c r="O89" s="10" t="s">
        <v>22</v>
      </c>
      <c r="P89" s="10" t="s">
        <v>22</v>
      </c>
      <c r="Q89" s="10" t="s">
        <v>22</v>
      </c>
      <c r="R89" s="10" t="s">
        <v>22</v>
      </c>
      <c r="S89" s="10" t="s">
        <v>22</v>
      </c>
      <c r="T89" s="10" t="s">
        <v>22</v>
      </c>
      <c r="U89" s="10" t="s">
        <v>22</v>
      </c>
      <c r="V89" s="10" t="s">
        <v>22</v>
      </c>
      <c r="W89" s="10" t="s">
        <v>22</v>
      </c>
      <c r="X89" s="10" t="s">
        <v>22</v>
      </c>
      <c r="Y89" s="10" t="s">
        <v>22</v>
      </c>
      <c r="Z89" s="10" t="s">
        <v>22</v>
      </c>
    </row>
    <row r="90" spans="1:26" ht="24" customHeight="1" x14ac:dyDescent="0.2">
      <c r="A90" s="9" t="s">
        <v>17368</v>
      </c>
      <c r="B90" s="9" t="s">
        <v>14</v>
      </c>
      <c r="C90" s="9" t="s">
        <v>469</v>
      </c>
      <c r="D90" s="6" t="s">
        <v>470</v>
      </c>
      <c r="E90" s="22">
        <v>44627</v>
      </c>
      <c r="F90" s="22">
        <v>46452</v>
      </c>
      <c r="G90" s="6" t="s">
        <v>471</v>
      </c>
      <c r="H90" s="6" t="s">
        <v>62</v>
      </c>
      <c r="I90" s="6" t="s">
        <v>306</v>
      </c>
      <c r="J90" s="6" t="s">
        <v>472</v>
      </c>
      <c r="K90" s="9" t="s">
        <v>473</v>
      </c>
      <c r="L90" s="10" t="s">
        <v>22</v>
      </c>
      <c r="M90" s="10" t="s">
        <v>22</v>
      </c>
      <c r="N90" s="10" t="s">
        <v>22</v>
      </c>
      <c r="O90" s="10" t="s">
        <v>22</v>
      </c>
      <c r="P90" s="10" t="s">
        <v>22</v>
      </c>
      <c r="Q90" s="10" t="s">
        <v>22</v>
      </c>
      <c r="R90" s="10" t="s">
        <v>22</v>
      </c>
      <c r="S90" s="10" t="s">
        <v>22</v>
      </c>
      <c r="T90" s="10" t="s">
        <v>22</v>
      </c>
      <c r="U90" s="10" t="s">
        <v>22</v>
      </c>
      <c r="V90" s="10" t="s">
        <v>22</v>
      </c>
      <c r="W90" s="10" t="s">
        <v>22</v>
      </c>
      <c r="X90" s="10" t="s">
        <v>22</v>
      </c>
      <c r="Y90" s="10" t="s">
        <v>22</v>
      </c>
      <c r="Z90" s="10" t="s">
        <v>22</v>
      </c>
    </row>
    <row r="91" spans="1:26" ht="24" customHeight="1" x14ac:dyDescent="0.2">
      <c r="A91" s="9" t="s">
        <v>17369</v>
      </c>
      <c r="B91" s="9" t="s">
        <v>14</v>
      </c>
      <c r="C91" s="9" t="s">
        <v>474</v>
      </c>
      <c r="D91" s="6" t="s">
        <v>475</v>
      </c>
      <c r="E91" s="22">
        <v>44627</v>
      </c>
      <c r="F91" s="22">
        <v>46452</v>
      </c>
      <c r="G91" s="6" t="s">
        <v>476</v>
      </c>
      <c r="H91" s="6" t="s">
        <v>62</v>
      </c>
      <c r="I91" s="6" t="s">
        <v>477</v>
      </c>
      <c r="J91" s="6" t="s">
        <v>478</v>
      </c>
      <c r="K91" s="9" t="s">
        <v>479</v>
      </c>
      <c r="L91" s="10" t="s">
        <v>22</v>
      </c>
      <c r="M91" s="10" t="s">
        <v>22</v>
      </c>
      <c r="N91" s="10" t="s">
        <v>22</v>
      </c>
      <c r="O91" s="10" t="s">
        <v>22</v>
      </c>
      <c r="P91" s="10" t="s">
        <v>22</v>
      </c>
      <c r="Q91" s="10" t="s">
        <v>22</v>
      </c>
      <c r="R91" s="10" t="s">
        <v>22</v>
      </c>
      <c r="S91" s="10" t="s">
        <v>22</v>
      </c>
      <c r="T91" s="10" t="s">
        <v>22</v>
      </c>
      <c r="U91" s="10" t="s">
        <v>22</v>
      </c>
      <c r="V91" s="10" t="s">
        <v>22</v>
      </c>
      <c r="W91" s="10" t="s">
        <v>22</v>
      </c>
      <c r="X91" s="10" t="s">
        <v>22</v>
      </c>
      <c r="Y91" s="10" t="s">
        <v>22</v>
      </c>
      <c r="Z91" s="10" t="s">
        <v>22</v>
      </c>
    </row>
    <row r="92" spans="1:26" ht="24" customHeight="1" x14ac:dyDescent="0.2">
      <c r="A92" s="9" t="s">
        <v>17370</v>
      </c>
      <c r="B92" s="9" t="s">
        <v>14</v>
      </c>
      <c r="C92" s="9" t="s">
        <v>480</v>
      </c>
      <c r="D92" s="6" t="s">
        <v>481</v>
      </c>
      <c r="E92" s="22">
        <v>44629</v>
      </c>
      <c r="F92" s="22">
        <v>46454</v>
      </c>
      <c r="G92" s="6" t="s">
        <v>482</v>
      </c>
      <c r="H92" s="6" t="s">
        <v>62</v>
      </c>
      <c r="I92" s="6" t="s">
        <v>236</v>
      </c>
      <c r="J92" s="6" t="s">
        <v>483</v>
      </c>
      <c r="K92" s="9" t="s">
        <v>484</v>
      </c>
      <c r="L92" s="10" t="s">
        <v>22</v>
      </c>
      <c r="M92" s="10" t="s">
        <v>22</v>
      </c>
      <c r="N92" s="10" t="s">
        <v>22</v>
      </c>
      <c r="O92" s="10" t="s">
        <v>22</v>
      </c>
      <c r="P92" s="10" t="s">
        <v>22</v>
      </c>
      <c r="Q92" s="10" t="s">
        <v>22</v>
      </c>
      <c r="R92" s="10" t="s">
        <v>22</v>
      </c>
      <c r="S92" s="10" t="s">
        <v>22</v>
      </c>
      <c r="T92" s="10" t="s">
        <v>22</v>
      </c>
      <c r="V92" s="10" t="s">
        <v>22</v>
      </c>
      <c r="W92" s="10" t="s">
        <v>22</v>
      </c>
      <c r="Y92" s="10" t="s">
        <v>22</v>
      </c>
      <c r="Z92" s="10" t="s">
        <v>22</v>
      </c>
    </row>
    <row r="93" spans="1:26" ht="24" customHeight="1" x14ac:dyDescent="0.2">
      <c r="A93" s="9" t="s">
        <v>17371</v>
      </c>
      <c r="B93" s="9" t="s">
        <v>14</v>
      </c>
      <c r="C93" s="9" t="s">
        <v>485</v>
      </c>
      <c r="D93" s="6" t="s">
        <v>486</v>
      </c>
      <c r="E93" s="22">
        <v>44629</v>
      </c>
      <c r="F93" s="22">
        <v>46454</v>
      </c>
      <c r="G93" s="6" t="s">
        <v>487</v>
      </c>
      <c r="H93" s="6" t="s">
        <v>62</v>
      </c>
      <c r="I93" s="6" t="s">
        <v>186</v>
      </c>
      <c r="J93" s="6" t="s">
        <v>488</v>
      </c>
      <c r="K93" s="9" t="s">
        <v>489</v>
      </c>
      <c r="L93" s="10" t="s">
        <v>22</v>
      </c>
      <c r="M93" s="10" t="s">
        <v>22</v>
      </c>
      <c r="N93" s="10" t="s">
        <v>22</v>
      </c>
      <c r="O93" s="10" t="s">
        <v>22</v>
      </c>
      <c r="P93" s="10" t="s">
        <v>22</v>
      </c>
      <c r="Q93" s="10" t="s">
        <v>22</v>
      </c>
      <c r="R93" s="10" t="s">
        <v>22</v>
      </c>
      <c r="S93" s="10" t="s">
        <v>22</v>
      </c>
      <c r="T93" s="10" t="s">
        <v>22</v>
      </c>
      <c r="U93" s="10" t="s">
        <v>22</v>
      </c>
      <c r="V93" s="10" t="s">
        <v>22</v>
      </c>
      <c r="W93" s="10" t="s">
        <v>22</v>
      </c>
      <c r="X93" s="10" t="s">
        <v>22</v>
      </c>
      <c r="Y93" s="10" t="s">
        <v>22</v>
      </c>
      <c r="Z93" s="10" t="s">
        <v>22</v>
      </c>
    </row>
    <row r="94" spans="1:26" ht="24" customHeight="1" x14ac:dyDescent="0.2">
      <c r="A94" s="9" t="s">
        <v>17372</v>
      </c>
      <c r="B94" s="9" t="s">
        <v>14</v>
      </c>
      <c r="C94" s="9" t="s">
        <v>490</v>
      </c>
      <c r="D94" s="6" t="s">
        <v>491</v>
      </c>
      <c r="E94" s="22">
        <v>44629</v>
      </c>
      <c r="F94" s="22">
        <v>46454</v>
      </c>
      <c r="G94" s="6" t="s">
        <v>492</v>
      </c>
      <c r="H94" s="6" t="s">
        <v>62</v>
      </c>
      <c r="I94" s="6" t="s">
        <v>493</v>
      </c>
      <c r="J94" s="6" t="s">
        <v>494</v>
      </c>
      <c r="K94" s="9" t="s">
        <v>495</v>
      </c>
      <c r="L94" s="10" t="s">
        <v>22</v>
      </c>
      <c r="M94" s="10" t="s">
        <v>22</v>
      </c>
      <c r="N94" s="10" t="s">
        <v>22</v>
      </c>
      <c r="O94" s="10" t="s">
        <v>22</v>
      </c>
      <c r="P94" s="10" t="s">
        <v>22</v>
      </c>
      <c r="Q94" s="10" t="s">
        <v>22</v>
      </c>
      <c r="R94" s="10" t="s">
        <v>22</v>
      </c>
      <c r="S94" s="10" t="s">
        <v>22</v>
      </c>
      <c r="T94" s="10" t="s">
        <v>22</v>
      </c>
      <c r="U94" s="10" t="s">
        <v>22</v>
      </c>
      <c r="V94" s="10" t="s">
        <v>22</v>
      </c>
      <c r="W94" s="10" t="s">
        <v>22</v>
      </c>
      <c r="X94" s="10" t="s">
        <v>22</v>
      </c>
      <c r="Y94" s="10" t="s">
        <v>22</v>
      </c>
      <c r="Z94" s="10" t="s">
        <v>22</v>
      </c>
    </row>
    <row r="95" spans="1:26" ht="24" customHeight="1" x14ac:dyDescent="0.2">
      <c r="A95" s="9" t="s">
        <v>17373</v>
      </c>
      <c r="B95" s="9" t="s">
        <v>14</v>
      </c>
      <c r="C95" s="9" t="s">
        <v>496</v>
      </c>
      <c r="D95" s="6" t="s">
        <v>497</v>
      </c>
      <c r="E95" s="22">
        <v>44629</v>
      </c>
      <c r="F95" s="22">
        <v>46454</v>
      </c>
      <c r="G95" s="6" t="s">
        <v>498</v>
      </c>
      <c r="H95" s="6" t="s">
        <v>363</v>
      </c>
      <c r="I95" s="6" t="s">
        <v>364</v>
      </c>
      <c r="J95" s="6" t="s">
        <v>499</v>
      </c>
      <c r="K95" s="9" t="s">
        <v>500</v>
      </c>
      <c r="L95" s="10" t="s">
        <v>22</v>
      </c>
      <c r="M95" s="10" t="s">
        <v>22</v>
      </c>
      <c r="N95" s="10" t="s">
        <v>22</v>
      </c>
      <c r="O95" s="10" t="s">
        <v>22</v>
      </c>
      <c r="P95" s="10" t="s">
        <v>22</v>
      </c>
      <c r="Q95" s="10" t="s">
        <v>22</v>
      </c>
      <c r="R95" s="10" t="s">
        <v>22</v>
      </c>
      <c r="S95" s="10" t="s">
        <v>22</v>
      </c>
      <c r="T95" s="10" t="s">
        <v>22</v>
      </c>
      <c r="U95" s="10" t="s">
        <v>22</v>
      </c>
      <c r="V95" s="10" t="s">
        <v>22</v>
      </c>
      <c r="W95" s="10" t="s">
        <v>22</v>
      </c>
      <c r="X95" s="10" t="s">
        <v>22</v>
      </c>
      <c r="Y95" s="10" t="s">
        <v>22</v>
      </c>
      <c r="Z95" s="10" t="s">
        <v>22</v>
      </c>
    </row>
    <row r="96" spans="1:26" ht="24" customHeight="1" x14ac:dyDescent="0.2">
      <c r="A96" s="9" t="s">
        <v>17374</v>
      </c>
      <c r="B96" s="9" t="s">
        <v>14</v>
      </c>
      <c r="C96" s="9" t="s">
        <v>501</v>
      </c>
      <c r="D96" s="6" t="s">
        <v>502</v>
      </c>
      <c r="E96" s="22">
        <v>44629</v>
      </c>
      <c r="F96" s="22">
        <v>46454</v>
      </c>
      <c r="G96" s="6" t="s">
        <v>503</v>
      </c>
      <c r="H96" s="6" t="s">
        <v>18</v>
      </c>
      <c r="I96" s="6" t="s">
        <v>26</v>
      </c>
      <c r="J96" s="6" t="s">
        <v>504</v>
      </c>
      <c r="K96" s="9" t="s">
        <v>505</v>
      </c>
      <c r="L96" s="10" t="s">
        <v>22</v>
      </c>
      <c r="M96" s="10" t="s">
        <v>22</v>
      </c>
      <c r="N96" s="10" t="s">
        <v>22</v>
      </c>
      <c r="O96" s="10" t="s">
        <v>22</v>
      </c>
      <c r="P96" s="10" t="s">
        <v>22</v>
      </c>
      <c r="Q96" s="10" t="s">
        <v>22</v>
      </c>
      <c r="R96" s="10" t="s">
        <v>22</v>
      </c>
      <c r="S96" s="10" t="s">
        <v>22</v>
      </c>
      <c r="T96" s="10" t="s">
        <v>22</v>
      </c>
      <c r="U96" s="10" t="s">
        <v>22</v>
      </c>
      <c r="V96" s="10" t="s">
        <v>22</v>
      </c>
      <c r="W96" s="10" t="s">
        <v>22</v>
      </c>
      <c r="X96" s="10" t="s">
        <v>22</v>
      </c>
      <c r="Y96" s="10" t="s">
        <v>22</v>
      </c>
      <c r="Z96" s="10" t="s">
        <v>22</v>
      </c>
    </row>
    <row r="97" spans="1:26" ht="34" customHeight="1" x14ac:dyDescent="0.2">
      <c r="A97" s="9" t="s">
        <v>17375</v>
      </c>
      <c r="B97" s="9" t="s">
        <v>14</v>
      </c>
      <c r="C97" s="9" t="s">
        <v>506</v>
      </c>
      <c r="D97" s="6" t="s">
        <v>507</v>
      </c>
      <c r="E97" s="22">
        <v>44629</v>
      </c>
      <c r="F97" s="22">
        <v>46454</v>
      </c>
      <c r="G97" s="6" t="s">
        <v>508</v>
      </c>
      <c r="H97" s="6" t="s">
        <v>18</v>
      </c>
      <c r="I97" s="6" t="s">
        <v>19</v>
      </c>
      <c r="J97" s="6" t="s">
        <v>509</v>
      </c>
      <c r="K97" s="9" t="s">
        <v>510</v>
      </c>
      <c r="L97" s="10" t="s">
        <v>22</v>
      </c>
      <c r="M97" s="10" t="s">
        <v>22</v>
      </c>
      <c r="N97" s="10" t="s">
        <v>22</v>
      </c>
      <c r="O97" s="10" t="s">
        <v>22</v>
      </c>
      <c r="P97" s="10" t="s">
        <v>22</v>
      </c>
      <c r="Q97" s="10" t="s">
        <v>22</v>
      </c>
      <c r="R97" s="10" t="s">
        <v>22</v>
      </c>
      <c r="S97" s="10" t="s">
        <v>22</v>
      </c>
      <c r="T97" s="10" t="s">
        <v>22</v>
      </c>
      <c r="U97" s="10" t="s">
        <v>22</v>
      </c>
      <c r="V97" s="10" t="s">
        <v>22</v>
      </c>
      <c r="W97" s="10" t="s">
        <v>22</v>
      </c>
      <c r="X97" s="10" t="s">
        <v>22</v>
      </c>
      <c r="Y97" s="10" t="s">
        <v>22</v>
      </c>
      <c r="Z97" s="10" t="s">
        <v>22</v>
      </c>
    </row>
    <row r="98" spans="1:26" ht="34" customHeight="1" x14ac:dyDescent="0.2">
      <c r="A98" s="9" t="s">
        <v>17376</v>
      </c>
      <c r="B98" s="9" t="s">
        <v>14</v>
      </c>
      <c r="C98" s="9" t="s">
        <v>506</v>
      </c>
      <c r="D98" s="6" t="s">
        <v>507</v>
      </c>
      <c r="E98" s="22">
        <v>44629</v>
      </c>
      <c r="F98" s="22">
        <v>46454</v>
      </c>
      <c r="G98" s="6" t="s">
        <v>511</v>
      </c>
      <c r="H98" s="6" t="s">
        <v>62</v>
      </c>
      <c r="I98" s="6" t="s">
        <v>414</v>
      </c>
      <c r="J98" s="6" t="s">
        <v>512</v>
      </c>
      <c r="K98" s="9" t="s">
        <v>513</v>
      </c>
      <c r="L98" s="10" t="s">
        <v>22</v>
      </c>
      <c r="M98" s="10" t="s">
        <v>22</v>
      </c>
      <c r="N98" s="10" t="s">
        <v>22</v>
      </c>
      <c r="O98" s="10" t="s">
        <v>22</v>
      </c>
      <c r="P98" s="10" t="s">
        <v>22</v>
      </c>
      <c r="Q98" s="10" t="s">
        <v>22</v>
      </c>
      <c r="R98" s="10" t="s">
        <v>22</v>
      </c>
      <c r="S98" s="10" t="s">
        <v>22</v>
      </c>
      <c r="T98" s="10" t="s">
        <v>22</v>
      </c>
      <c r="U98" s="10" t="s">
        <v>22</v>
      </c>
      <c r="V98" s="10" t="s">
        <v>22</v>
      </c>
      <c r="W98" s="10" t="s">
        <v>22</v>
      </c>
      <c r="X98" s="10" t="s">
        <v>22</v>
      </c>
      <c r="Y98" s="10" t="s">
        <v>22</v>
      </c>
      <c r="Z98" s="10" t="s">
        <v>22</v>
      </c>
    </row>
    <row r="99" spans="1:26" ht="34" customHeight="1" x14ac:dyDescent="0.2">
      <c r="A99" s="9" t="s">
        <v>17377</v>
      </c>
      <c r="B99" s="9" t="s">
        <v>14</v>
      </c>
      <c r="C99" s="9" t="s">
        <v>506</v>
      </c>
      <c r="D99" s="6" t="s">
        <v>507</v>
      </c>
      <c r="E99" s="22">
        <v>44629</v>
      </c>
      <c r="F99" s="22">
        <v>46454</v>
      </c>
      <c r="G99" s="6" t="s">
        <v>514</v>
      </c>
      <c r="H99" s="6" t="s">
        <v>18</v>
      </c>
      <c r="I99" s="6" t="s">
        <v>392</v>
      </c>
      <c r="J99" s="6" t="s">
        <v>515</v>
      </c>
      <c r="K99" s="9" t="s">
        <v>516</v>
      </c>
      <c r="L99" s="10" t="s">
        <v>22</v>
      </c>
      <c r="M99" s="10" t="s">
        <v>22</v>
      </c>
      <c r="N99" s="10" t="s">
        <v>22</v>
      </c>
      <c r="O99" s="10" t="s">
        <v>22</v>
      </c>
      <c r="P99" s="10" t="s">
        <v>22</v>
      </c>
      <c r="Q99" s="10" t="s">
        <v>22</v>
      </c>
      <c r="R99" s="10" t="s">
        <v>22</v>
      </c>
      <c r="S99" s="10" t="s">
        <v>22</v>
      </c>
      <c r="T99" s="10" t="s">
        <v>22</v>
      </c>
      <c r="U99" s="10" t="s">
        <v>22</v>
      </c>
      <c r="V99" s="10" t="s">
        <v>22</v>
      </c>
      <c r="W99" s="10" t="s">
        <v>22</v>
      </c>
      <c r="X99" s="10" t="s">
        <v>22</v>
      </c>
      <c r="Y99" s="10" t="s">
        <v>22</v>
      </c>
      <c r="Z99" s="10" t="s">
        <v>22</v>
      </c>
    </row>
    <row r="100" spans="1:26" ht="34" customHeight="1" x14ac:dyDescent="0.2">
      <c r="A100" s="9" t="s">
        <v>17378</v>
      </c>
      <c r="B100" s="9" t="s">
        <v>14</v>
      </c>
      <c r="C100" s="9" t="s">
        <v>506</v>
      </c>
      <c r="D100" s="6" t="s">
        <v>507</v>
      </c>
      <c r="E100" s="22">
        <v>44629</v>
      </c>
      <c r="F100" s="22">
        <v>46454</v>
      </c>
      <c r="G100" s="6" t="s">
        <v>517</v>
      </c>
      <c r="H100" s="6" t="s">
        <v>18</v>
      </c>
      <c r="I100" s="6" t="s">
        <v>518</v>
      </c>
      <c r="J100" s="6" t="s">
        <v>519</v>
      </c>
      <c r="K100" s="9" t="s">
        <v>520</v>
      </c>
      <c r="L100" s="10" t="s">
        <v>22</v>
      </c>
      <c r="M100" s="10" t="s">
        <v>22</v>
      </c>
      <c r="N100" s="10" t="s">
        <v>22</v>
      </c>
      <c r="O100" s="10" t="s">
        <v>22</v>
      </c>
      <c r="P100" s="10" t="s">
        <v>22</v>
      </c>
      <c r="Q100" s="10" t="s">
        <v>22</v>
      </c>
      <c r="R100" s="10" t="s">
        <v>22</v>
      </c>
      <c r="S100" s="10" t="s">
        <v>22</v>
      </c>
      <c r="T100" s="10" t="s">
        <v>22</v>
      </c>
      <c r="U100" s="10" t="s">
        <v>22</v>
      </c>
      <c r="V100" s="10" t="s">
        <v>22</v>
      </c>
      <c r="W100" s="10" t="s">
        <v>22</v>
      </c>
      <c r="X100" s="10" t="s">
        <v>22</v>
      </c>
      <c r="Y100" s="10" t="s">
        <v>22</v>
      </c>
      <c r="Z100" s="10" t="s">
        <v>22</v>
      </c>
    </row>
    <row r="101" spans="1:26" ht="34" customHeight="1" x14ac:dyDescent="0.2">
      <c r="A101" s="9" t="s">
        <v>17379</v>
      </c>
      <c r="B101" s="9" t="s">
        <v>14</v>
      </c>
      <c r="C101" s="9" t="s">
        <v>506</v>
      </c>
      <c r="D101" s="6" t="s">
        <v>507</v>
      </c>
      <c r="E101" s="22">
        <v>44629</v>
      </c>
      <c r="F101" s="22">
        <v>46454</v>
      </c>
      <c r="G101" s="6" t="s">
        <v>521</v>
      </c>
      <c r="H101" s="6" t="s">
        <v>18</v>
      </c>
      <c r="I101" s="6" t="s">
        <v>522</v>
      </c>
      <c r="J101" s="6" t="s">
        <v>523</v>
      </c>
      <c r="K101" s="9" t="s">
        <v>524</v>
      </c>
      <c r="L101" s="10" t="s">
        <v>22</v>
      </c>
      <c r="M101" s="10" t="s">
        <v>22</v>
      </c>
      <c r="N101" s="10" t="s">
        <v>22</v>
      </c>
      <c r="O101" s="10" t="s">
        <v>22</v>
      </c>
      <c r="P101" s="10" t="s">
        <v>22</v>
      </c>
      <c r="Q101" s="10" t="s">
        <v>22</v>
      </c>
      <c r="R101" s="10" t="s">
        <v>22</v>
      </c>
      <c r="S101" s="10" t="s">
        <v>22</v>
      </c>
      <c r="T101" s="10" t="s">
        <v>22</v>
      </c>
      <c r="U101" s="10" t="s">
        <v>22</v>
      </c>
      <c r="V101" s="10" t="s">
        <v>22</v>
      </c>
      <c r="W101" s="10" t="s">
        <v>22</v>
      </c>
      <c r="X101" s="10" t="s">
        <v>22</v>
      </c>
      <c r="Y101" s="10" t="s">
        <v>22</v>
      </c>
      <c r="Z101" s="10" t="s">
        <v>22</v>
      </c>
    </row>
    <row r="102" spans="1:26" ht="34" customHeight="1" x14ac:dyDescent="0.2">
      <c r="A102" s="9" t="s">
        <v>17380</v>
      </c>
      <c r="B102" s="9" t="s">
        <v>14</v>
      </c>
      <c r="C102" s="9" t="s">
        <v>506</v>
      </c>
      <c r="D102" s="6" t="s">
        <v>507</v>
      </c>
      <c r="E102" s="22">
        <v>44629</v>
      </c>
      <c r="F102" s="22">
        <v>46454</v>
      </c>
      <c r="G102" s="6" t="s">
        <v>525</v>
      </c>
      <c r="H102" s="6" t="s">
        <v>18</v>
      </c>
      <c r="I102" s="6" t="s">
        <v>19</v>
      </c>
      <c r="J102" s="6" t="s">
        <v>526</v>
      </c>
      <c r="K102" s="9" t="s">
        <v>527</v>
      </c>
      <c r="L102" s="10" t="s">
        <v>22</v>
      </c>
      <c r="M102" s="10" t="s">
        <v>22</v>
      </c>
      <c r="N102" s="10" t="s">
        <v>22</v>
      </c>
      <c r="O102" s="10" t="s">
        <v>22</v>
      </c>
      <c r="P102" s="10" t="s">
        <v>22</v>
      </c>
      <c r="Q102" s="10" t="s">
        <v>22</v>
      </c>
      <c r="R102" s="10" t="s">
        <v>22</v>
      </c>
      <c r="S102" s="10" t="s">
        <v>22</v>
      </c>
      <c r="T102" s="10" t="s">
        <v>22</v>
      </c>
      <c r="U102" s="10" t="s">
        <v>22</v>
      </c>
      <c r="V102" s="10" t="s">
        <v>22</v>
      </c>
      <c r="W102" s="10" t="s">
        <v>22</v>
      </c>
      <c r="X102" s="10" t="s">
        <v>22</v>
      </c>
      <c r="Y102" s="10" t="s">
        <v>22</v>
      </c>
      <c r="Z102" s="10" t="s">
        <v>22</v>
      </c>
    </row>
    <row r="103" spans="1:26" ht="34" customHeight="1" x14ac:dyDescent="0.2">
      <c r="A103" s="9" t="s">
        <v>17381</v>
      </c>
      <c r="B103" s="9" t="s">
        <v>14</v>
      </c>
      <c r="C103" s="9" t="s">
        <v>506</v>
      </c>
      <c r="D103" s="6" t="s">
        <v>507</v>
      </c>
      <c r="E103" s="22">
        <v>44629</v>
      </c>
      <c r="F103" s="22">
        <v>46454</v>
      </c>
      <c r="G103" s="6" t="s">
        <v>528</v>
      </c>
      <c r="H103" s="6" t="s">
        <v>229</v>
      </c>
      <c r="I103" s="6" t="s">
        <v>324</v>
      </c>
      <c r="J103" s="6" t="s">
        <v>529</v>
      </c>
      <c r="K103" s="9" t="s">
        <v>530</v>
      </c>
      <c r="L103" s="10" t="s">
        <v>22</v>
      </c>
      <c r="M103" s="10" t="s">
        <v>22</v>
      </c>
      <c r="N103" s="10" t="s">
        <v>22</v>
      </c>
      <c r="O103" s="10" t="s">
        <v>22</v>
      </c>
      <c r="P103" s="10" t="s">
        <v>22</v>
      </c>
      <c r="Q103" s="10" t="s">
        <v>22</v>
      </c>
      <c r="R103" s="10" t="s">
        <v>22</v>
      </c>
      <c r="S103" s="10" t="s">
        <v>22</v>
      </c>
      <c r="T103" s="10" t="s">
        <v>22</v>
      </c>
      <c r="U103" s="10" t="s">
        <v>22</v>
      </c>
      <c r="V103" s="10" t="s">
        <v>22</v>
      </c>
      <c r="W103" s="10" t="s">
        <v>22</v>
      </c>
      <c r="X103" s="10" t="s">
        <v>22</v>
      </c>
      <c r="Y103" s="10" t="s">
        <v>22</v>
      </c>
      <c r="Z103" s="10" t="s">
        <v>22</v>
      </c>
    </row>
    <row r="104" spans="1:26" ht="24" customHeight="1" x14ac:dyDescent="0.2">
      <c r="A104" s="9" t="s">
        <v>17382</v>
      </c>
      <c r="B104" s="9" t="s">
        <v>14</v>
      </c>
      <c r="C104" s="9" t="s">
        <v>531</v>
      </c>
      <c r="D104" s="6" t="s">
        <v>532</v>
      </c>
      <c r="E104" s="22">
        <v>44629</v>
      </c>
      <c r="F104" s="22">
        <v>46454</v>
      </c>
      <c r="G104" s="6" t="s">
        <v>533</v>
      </c>
      <c r="H104" s="6" t="s">
        <v>62</v>
      </c>
      <c r="I104" s="6" t="s">
        <v>186</v>
      </c>
      <c r="J104" s="6" t="s">
        <v>534</v>
      </c>
      <c r="K104" s="9" t="s">
        <v>535</v>
      </c>
      <c r="L104" s="10" t="s">
        <v>22</v>
      </c>
      <c r="M104" s="10" t="s">
        <v>22</v>
      </c>
      <c r="N104" s="10" t="s">
        <v>22</v>
      </c>
      <c r="O104" s="10" t="s">
        <v>22</v>
      </c>
      <c r="P104" s="10" t="s">
        <v>22</v>
      </c>
      <c r="Q104" s="10" t="s">
        <v>22</v>
      </c>
      <c r="R104" s="10" t="s">
        <v>22</v>
      </c>
      <c r="S104" s="10" t="s">
        <v>22</v>
      </c>
      <c r="T104" s="10" t="s">
        <v>22</v>
      </c>
      <c r="U104" s="10" t="s">
        <v>22</v>
      </c>
      <c r="V104" s="10" t="s">
        <v>22</v>
      </c>
      <c r="W104" s="10" t="s">
        <v>22</v>
      </c>
      <c r="X104" s="10" t="s">
        <v>22</v>
      </c>
      <c r="Y104" s="10" t="s">
        <v>22</v>
      </c>
      <c r="Z104" s="10" t="s">
        <v>22</v>
      </c>
    </row>
    <row r="105" spans="1:26" ht="24" customHeight="1" x14ac:dyDescent="0.2">
      <c r="A105" s="9" t="s">
        <v>17383</v>
      </c>
      <c r="B105" s="9" t="s">
        <v>14</v>
      </c>
      <c r="C105" s="9" t="s">
        <v>531</v>
      </c>
      <c r="D105" s="6" t="s">
        <v>532</v>
      </c>
      <c r="E105" s="22">
        <v>44629</v>
      </c>
      <c r="F105" s="22">
        <v>46454</v>
      </c>
      <c r="G105" s="6" t="s">
        <v>536</v>
      </c>
      <c r="H105" s="6" t="s">
        <v>363</v>
      </c>
      <c r="I105" s="6" t="s">
        <v>364</v>
      </c>
      <c r="J105" s="6" t="s">
        <v>537</v>
      </c>
      <c r="K105" s="9" t="s">
        <v>538</v>
      </c>
      <c r="L105" s="10" t="s">
        <v>22</v>
      </c>
      <c r="M105" s="10" t="s">
        <v>22</v>
      </c>
      <c r="N105" s="10" t="s">
        <v>22</v>
      </c>
      <c r="O105" s="10" t="s">
        <v>22</v>
      </c>
      <c r="P105" s="10" t="s">
        <v>22</v>
      </c>
      <c r="Q105" s="10" t="s">
        <v>22</v>
      </c>
      <c r="R105" s="10" t="s">
        <v>22</v>
      </c>
      <c r="S105" s="10" t="s">
        <v>22</v>
      </c>
      <c r="T105" s="10" t="s">
        <v>22</v>
      </c>
      <c r="U105" s="10" t="s">
        <v>22</v>
      </c>
      <c r="V105" s="10" t="s">
        <v>22</v>
      </c>
      <c r="W105" s="10" t="s">
        <v>22</v>
      </c>
      <c r="X105" s="10" t="s">
        <v>22</v>
      </c>
      <c r="Y105" s="10" t="s">
        <v>22</v>
      </c>
      <c r="Z105" s="10" t="s">
        <v>22</v>
      </c>
    </row>
    <row r="106" spans="1:26" ht="35.4" customHeight="1" x14ac:dyDescent="0.2">
      <c r="A106" s="9" t="s">
        <v>17384</v>
      </c>
      <c r="B106" s="9" t="s">
        <v>14</v>
      </c>
      <c r="C106" s="9" t="s">
        <v>539</v>
      </c>
      <c r="D106" s="6" t="s">
        <v>540</v>
      </c>
      <c r="E106" s="22">
        <v>44633</v>
      </c>
      <c r="F106" s="22">
        <v>46458</v>
      </c>
      <c r="G106" s="6" t="s">
        <v>541</v>
      </c>
      <c r="H106" s="6" t="s">
        <v>18</v>
      </c>
      <c r="I106" s="6" t="s">
        <v>19</v>
      </c>
      <c r="J106" s="6" t="s">
        <v>542</v>
      </c>
      <c r="K106" s="9" t="s">
        <v>543</v>
      </c>
      <c r="M106" s="10" t="s">
        <v>22</v>
      </c>
      <c r="N106" s="10" t="s">
        <v>22</v>
      </c>
      <c r="O106" s="10" t="s">
        <v>22</v>
      </c>
      <c r="Q106" s="10" t="s">
        <v>22</v>
      </c>
      <c r="S106" s="10" t="s">
        <v>22</v>
      </c>
      <c r="T106" s="10" t="s">
        <v>22</v>
      </c>
      <c r="U106" s="10" t="s">
        <v>22</v>
      </c>
      <c r="V106" s="10" t="s">
        <v>22</v>
      </c>
      <c r="W106" s="10" t="s">
        <v>22</v>
      </c>
      <c r="X106" s="10" t="s">
        <v>22</v>
      </c>
      <c r="Y106" s="10" t="s">
        <v>22</v>
      </c>
      <c r="Z106" s="10" t="s">
        <v>22</v>
      </c>
    </row>
    <row r="107" spans="1:26" ht="35.4" customHeight="1" x14ac:dyDescent="0.2">
      <c r="A107" s="9" t="s">
        <v>17385</v>
      </c>
      <c r="B107" s="9" t="s">
        <v>14</v>
      </c>
      <c r="C107" s="9" t="s">
        <v>539</v>
      </c>
      <c r="D107" s="6" t="s">
        <v>540</v>
      </c>
      <c r="E107" s="22">
        <v>44633</v>
      </c>
      <c r="F107" s="22">
        <v>46458</v>
      </c>
      <c r="G107" s="6" t="s">
        <v>544</v>
      </c>
      <c r="H107" s="6" t="s">
        <v>18</v>
      </c>
      <c r="I107" s="6" t="s">
        <v>172</v>
      </c>
      <c r="J107" s="6" t="s">
        <v>545</v>
      </c>
      <c r="K107" s="9" t="s">
        <v>546</v>
      </c>
      <c r="M107" s="10" t="s">
        <v>22</v>
      </c>
      <c r="N107" s="10" t="s">
        <v>22</v>
      </c>
      <c r="O107" s="10" t="s">
        <v>22</v>
      </c>
      <c r="Q107" s="10" t="s">
        <v>22</v>
      </c>
      <c r="S107" s="10" t="s">
        <v>22</v>
      </c>
      <c r="T107" s="10" t="s">
        <v>22</v>
      </c>
      <c r="U107" s="10" t="s">
        <v>22</v>
      </c>
      <c r="V107" s="10" t="s">
        <v>22</v>
      </c>
      <c r="W107" s="10" t="s">
        <v>22</v>
      </c>
      <c r="X107" s="10" t="s">
        <v>22</v>
      </c>
      <c r="Y107" s="10" t="s">
        <v>22</v>
      </c>
      <c r="Z107" s="10" t="s">
        <v>22</v>
      </c>
    </row>
    <row r="108" spans="1:26" ht="35.4" customHeight="1" x14ac:dyDescent="0.2">
      <c r="A108" s="9" t="s">
        <v>17386</v>
      </c>
      <c r="B108" s="9" t="s">
        <v>14</v>
      </c>
      <c r="C108" s="9" t="s">
        <v>539</v>
      </c>
      <c r="D108" s="6" t="s">
        <v>540</v>
      </c>
      <c r="E108" s="22">
        <v>44633</v>
      </c>
      <c r="F108" s="22">
        <v>46458</v>
      </c>
      <c r="G108" s="6" t="s">
        <v>547</v>
      </c>
      <c r="H108" s="6" t="s">
        <v>18</v>
      </c>
      <c r="I108" s="6" t="s">
        <v>19</v>
      </c>
      <c r="J108" s="6" t="s">
        <v>548</v>
      </c>
      <c r="K108" s="9" t="s">
        <v>549</v>
      </c>
      <c r="M108" s="10" t="s">
        <v>22</v>
      </c>
      <c r="N108" s="10" t="s">
        <v>22</v>
      </c>
      <c r="O108" s="10" t="s">
        <v>22</v>
      </c>
      <c r="Q108" s="10" t="s">
        <v>22</v>
      </c>
      <c r="S108" s="10" t="s">
        <v>22</v>
      </c>
      <c r="T108" s="10" t="s">
        <v>22</v>
      </c>
      <c r="U108" s="10" t="s">
        <v>22</v>
      </c>
      <c r="V108" s="10" t="s">
        <v>22</v>
      </c>
      <c r="W108" s="10" t="s">
        <v>22</v>
      </c>
      <c r="X108" s="10" t="s">
        <v>22</v>
      </c>
      <c r="Y108" s="10" t="s">
        <v>22</v>
      </c>
      <c r="Z108" s="10" t="s">
        <v>22</v>
      </c>
    </row>
    <row r="109" spans="1:26" ht="35.4" customHeight="1" x14ac:dyDescent="0.2">
      <c r="A109" s="9" t="s">
        <v>17387</v>
      </c>
      <c r="B109" s="9" t="s">
        <v>14</v>
      </c>
      <c r="C109" s="9" t="s">
        <v>539</v>
      </c>
      <c r="D109" s="6" t="s">
        <v>540</v>
      </c>
      <c r="E109" s="22">
        <v>44633</v>
      </c>
      <c r="F109" s="22">
        <v>46458</v>
      </c>
      <c r="G109" s="6" t="s">
        <v>550</v>
      </c>
      <c r="H109" s="6" t="s">
        <v>62</v>
      </c>
      <c r="I109" s="6" t="s">
        <v>551</v>
      </c>
      <c r="J109" s="6" t="s">
        <v>552</v>
      </c>
      <c r="K109" s="9" t="s">
        <v>553</v>
      </c>
      <c r="M109" s="10" t="s">
        <v>22</v>
      </c>
      <c r="N109" s="10" t="s">
        <v>22</v>
      </c>
      <c r="O109" s="10" t="s">
        <v>22</v>
      </c>
      <c r="Q109" s="10" t="s">
        <v>22</v>
      </c>
      <c r="S109" s="10" t="s">
        <v>22</v>
      </c>
      <c r="T109" s="10" t="s">
        <v>22</v>
      </c>
      <c r="U109" s="10" t="s">
        <v>22</v>
      </c>
      <c r="V109" s="10" t="s">
        <v>22</v>
      </c>
      <c r="W109" s="10" t="s">
        <v>22</v>
      </c>
      <c r="X109" s="10" t="s">
        <v>22</v>
      </c>
      <c r="Y109" s="10" t="s">
        <v>22</v>
      </c>
      <c r="Z109" s="10" t="s">
        <v>22</v>
      </c>
    </row>
    <row r="110" spans="1:26" ht="35.4" customHeight="1" x14ac:dyDescent="0.2">
      <c r="A110" s="9" t="s">
        <v>17388</v>
      </c>
      <c r="B110" s="9" t="s">
        <v>14</v>
      </c>
      <c r="C110" s="9" t="s">
        <v>539</v>
      </c>
      <c r="D110" s="6" t="s">
        <v>540</v>
      </c>
      <c r="E110" s="22">
        <v>44633</v>
      </c>
      <c r="F110" s="22">
        <v>46458</v>
      </c>
      <c r="G110" s="6" t="s">
        <v>554</v>
      </c>
      <c r="H110" s="6" t="s">
        <v>62</v>
      </c>
      <c r="I110" s="6" t="s">
        <v>493</v>
      </c>
      <c r="J110" s="6" t="s">
        <v>555</v>
      </c>
      <c r="K110" s="9" t="s">
        <v>556</v>
      </c>
      <c r="M110" s="10" t="s">
        <v>22</v>
      </c>
      <c r="N110" s="10" t="s">
        <v>22</v>
      </c>
      <c r="O110" s="10" t="s">
        <v>22</v>
      </c>
      <c r="Q110" s="10" t="s">
        <v>22</v>
      </c>
      <c r="S110" s="10" t="s">
        <v>22</v>
      </c>
      <c r="T110" s="10" t="s">
        <v>22</v>
      </c>
      <c r="U110" s="10" t="s">
        <v>22</v>
      </c>
      <c r="V110" s="10" t="s">
        <v>22</v>
      </c>
      <c r="W110" s="10" t="s">
        <v>22</v>
      </c>
      <c r="X110" s="10" t="s">
        <v>22</v>
      </c>
      <c r="Y110" s="10" t="s">
        <v>22</v>
      </c>
      <c r="Z110" s="10" t="s">
        <v>22</v>
      </c>
    </row>
    <row r="111" spans="1:26" ht="35.4" customHeight="1" x14ac:dyDescent="0.2">
      <c r="A111" s="9" t="s">
        <v>17389</v>
      </c>
      <c r="B111" s="9" t="s">
        <v>14</v>
      </c>
      <c r="C111" s="9" t="s">
        <v>539</v>
      </c>
      <c r="D111" s="6" t="s">
        <v>540</v>
      </c>
      <c r="E111" s="22">
        <v>44633</v>
      </c>
      <c r="F111" s="22">
        <v>46458</v>
      </c>
      <c r="G111" s="6" t="s">
        <v>557</v>
      </c>
      <c r="H111" s="6" t="s">
        <v>363</v>
      </c>
      <c r="I111" s="6" t="s">
        <v>558</v>
      </c>
      <c r="J111" s="6" t="s">
        <v>559</v>
      </c>
      <c r="K111" s="9" t="s">
        <v>560</v>
      </c>
      <c r="M111" s="10" t="s">
        <v>22</v>
      </c>
      <c r="N111" s="10" t="s">
        <v>22</v>
      </c>
      <c r="U111" s="10" t="s">
        <v>22</v>
      </c>
      <c r="V111" s="10" t="s">
        <v>22</v>
      </c>
      <c r="W111" s="10" t="s">
        <v>22</v>
      </c>
      <c r="X111" s="10" t="s">
        <v>22</v>
      </c>
      <c r="Y111" s="10" t="s">
        <v>22</v>
      </c>
      <c r="Z111" s="10" t="s">
        <v>22</v>
      </c>
    </row>
    <row r="112" spans="1:26" ht="35.4" customHeight="1" x14ac:dyDescent="0.2">
      <c r="A112" s="9" t="s">
        <v>17390</v>
      </c>
      <c r="B112" s="9" t="s">
        <v>14</v>
      </c>
      <c r="C112" s="9" t="s">
        <v>539</v>
      </c>
      <c r="D112" s="6" t="s">
        <v>540</v>
      </c>
      <c r="E112" s="22">
        <v>44633</v>
      </c>
      <c r="F112" s="22">
        <v>46458</v>
      </c>
      <c r="G112" s="6" t="s">
        <v>561</v>
      </c>
      <c r="H112" s="6" t="s">
        <v>562</v>
      </c>
      <c r="I112" s="6" t="s">
        <v>563</v>
      </c>
      <c r="J112" s="6" t="s">
        <v>564</v>
      </c>
      <c r="K112" s="9" t="s">
        <v>565</v>
      </c>
      <c r="M112" s="10" t="s">
        <v>22</v>
      </c>
      <c r="N112" s="10" t="s">
        <v>22</v>
      </c>
      <c r="O112" s="10" t="s">
        <v>22</v>
      </c>
      <c r="Q112" s="10" t="s">
        <v>22</v>
      </c>
      <c r="S112" s="10" t="s">
        <v>22</v>
      </c>
      <c r="T112" s="10" t="s">
        <v>22</v>
      </c>
      <c r="U112" s="10" t="s">
        <v>22</v>
      </c>
      <c r="V112" s="10" t="s">
        <v>22</v>
      </c>
      <c r="W112" s="10" t="s">
        <v>22</v>
      </c>
      <c r="X112" s="10" t="s">
        <v>22</v>
      </c>
      <c r="Y112" s="10" t="s">
        <v>22</v>
      </c>
      <c r="Z112" s="10" t="s">
        <v>22</v>
      </c>
    </row>
    <row r="113" spans="1:26" ht="35.4" customHeight="1" x14ac:dyDescent="0.2">
      <c r="A113" s="9" t="s">
        <v>17391</v>
      </c>
      <c r="B113" s="9" t="s">
        <v>14</v>
      </c>
      <c r="C113" s="9" t="s">
        <v>539</v>
      </c>
      <c r="D113" s="6" t="s">
        <v>540</v>
      </c>
      <c r="E113" s="22">
        <v>44633</v>
      </c>
      <c r="F113" s="22">
        <v>46458</v>
      </c>
      <c r="G113" s="6" t="s">
        <v>566</v>
      </c>
      <c r="H113" s="6" t="s">
        <v>202</v>
      </c>
      <c r="I113" s="6" t="s">
        <v>567</v>
      </c>
      <c r="J113" s="6" t="s">
        <v>568</v>
      </c>
      <c r="K113" s="9" t="s">
        <v>569</v>
      </c>
      <c r="M113" s="10" t="s">
        <v>22</v>
      </c>
      <c r="N113" s="10" t="s">
        <v>22</v>
      </c>
      <c r="O113" s="10" t="s">
        <v>22</v>
      </c>
      <c r="Q113" s="10" t="s">
        <v>22</v>
      </c>
      <c r="S113" s="10" t="s">
        <v>22</v>
      </c>
      <c r="T113" s="10" t="s">
        <v>22</v>
      </c>
      <c r="U113" s="10" t="s">
        <v>22</v>
      </c>
      <c r="V113" s="10" t="s">
        <v>22</v>
      </c>
      <c r="W113" s="10" t="s">
        <v>22</v>
      </c>
      <c r="X113" s="10" t="s">
        <v>22</v>
      </c>
      <c r="Y113" s="10" t="s">
        <v>22</v>
      </c>
      <c r="Z113" s="10" t="s">
        <v>22</v>
      </c>
    </row>
    <row r="114" spans="1:26" ht="35.4" customHeight="1" x14ac:dyDescent="0.2">
      <c r="A114" s="9" t="s">
        <v>17392</v>
      </c>
      <c r="B114" s="9" t="s">
        <v>14</v>
      </c>
      <c r="C114" s="9" t="s">
        <v>539</v>
      </c>
      <c r="D114" s="6" t="s">
        <v>540</v>
      </c>
      <c r="E114" s="22">
        <v>44633</v>
      </c>
      <c r="F114" s="22">
        <v>46458</v>
      </c>
      <c r="G114" s="6" t="s">
        <v>570</v>
      </c>
      <c r="H114" s="6" t="s">
        <v>62</v>
      </c>
      <c r="I114" s="6" t="s">
        <v>306</v>
      </c>
      <c r="J114" s="6" t="s">
        <v>571</v>
      </c>
      <c r="K114" s="9" t="s">
        <v>572</v>
      </c>
      <c r="M114" s="10" t="s">
        <v>22</v>
      </c>
      <c r="N114" s="10" t="s">
        <v>22</v>
      </c>
      <c r="O114" s="10" t="s">
        <v>22</v>
      </c>
      <c r="Q114" s="10" t="s">
        <v>22</v>
      </c>
      <c r="T114" s="10" t="s">
        <v>22</v>
      </c>
      <c r="U114" s="10" t="s">
        <v>22</v>
      </c>
      <c r="V114" s="10" t="s">
        <v>22</v>
      </c>
      <c r="W114" s="10" t="s">
        <v>22</v>
      </c>
      <c r="X114" s="10" t="s">
        <v>22</v>
      </c>
      <c r="Y114" s="10" t="s">
        <v>22</v>
      </c>
      <c r="Z114" s="10" t="s">
        <v>22</v>
      </c>
    </row>
    <row r="115" spans="1:26" ht="24" customHeight="1" x14ac:dyDescent="0.2">
      <c r="A115" s="9" t="s">
        <v>17393</v>
      </c>
      <c r="B115" s="9" t="s">
        <v>14</v>
      </c>
      <c r="C115" s="9" t="s">
        <v>573</v>
      </c>
      <c r="D115" s="6" t="s">
        <v>574</v>
      </c>
      <c r="E115" s="22">
        <v>44633</v>
      </c>
      <c r="F115" s="22">
        <v>46458</v>
      </c>
      <c r="G115" s="6" t="s">
        <v>575</v>
      </c>
      <c r="H115" s="6" t="s">
        <v>18</v>
      </c>
      <c r="I115" s="6" t="s">
        <v>26</v>
      </c>
      <c r="J115" s="6" t="s">
        <v>576</v>
      </c>
      <c r="K115" s="9" t="s">
        <v>577</v>
      </c>
      <c r="L115" s="10" t="s">
        <v>22</v>
      </c>
      <c r="M115" s="10" t="s">
        <v>22</v>
      </c>
      <c r="N115" s="10" t="s">
        <v>22</v>
      </c>
      <c r="O115" s="10" t="s">
        <v>22</v>
      </c>
      <c r="P115" s="10" t="s">
        <v>22</v>
      </c>
      <c r="Q115" s="10" t="s">
        <v>22</v>
      </c>
      <c r="U115" s="10" t="s">
        <v>22</v>
      </c>
      <c r="V115" s="10" t="s">
        <v>22</v>
      </c>
      <c r="W115" s="10" t="s">
        <v>22</v>
      </c>
      <c r="X115" s="10" t="s">
        <v>22</v>
      </c>
      <c r="Y115" s="10" t="s">
        <v>22</v>
      </c>
      <c r="Z115" s="10" t="s">
        <v>22</v>
      </c>
    </row>
    <row r="116" spans="1:26" ht="24" customHeight="1" x14ac:dyDescent="0.2">
      <c r="A116" s="9" t="s">
        <v>17394</v>
      </c>
      <c r="B116" s="9" t="s">
        <v>14</v>
      </c>
      <c r="C116" s="9" t="s">
        <v>578</v>
      </c>
      <c r="D116" s="6" t="s">
        <v>579</v>
      </c>
      <c r="E116" s="22">
        <v>44633</v>
      </c>
      <c r="F116" s="22">
        <v>46458</v>
      </c>
      <c r="G116" s="6" t="s">
        <v>580</v>
      </c>
      <c r="H116" s="6" t="s">
        <v>62</v>
      </c>
      <c r="I116" s="6" t="s">
        <v>73</v>
      </c>
      <c r="J116" s="6" t="s">
        <v>581</v>
      </c>
      <c r="K116" s="9" t="s">
        <v>582</v>
      </c>
      <c r="L116" s="10" t="s">
        <v>22</v>
      </c>
      <c r="M116" s="10" t="s">
        <v>22</v>
      </c>
      <c r="N116" s="10" t="s">
        <v>22</v>
      </c>
      <c r="O116" s="10" t="s">
        <v>22</v>
      </c>
      <c r="P116" s="10" t="s">
        <v>22</v>
      </c>
      <c r="Q116" s="10" t="s">
        <v>22</v>
      </c>
      <c r="U116" s="10" t="s">
        <v>22</v>
      </c>
      <c r="V116" s="10" t="s">
        <v>22</v>
      </c>
      <c r="W116" s="10" t="s">
        <v>22</v>
      </c>
      <c r="X116" s="10" t="s">
        <v>22</v>
      </c>
      <c r="Y116" s="10" t="s">
        <v>22</v>
      </c>
      <c r="Z116" s="10" t="s">
        <v>22</v>
      </c>
    </row>
    <row r="117" spans="1:26" ht="24" customHeight="1" x14ac:dyDescent="0.2">
      <c r="A117" s="9" t="s">
        <v>17395</v>
      </c>
      <c r="B117" s="9" t="s">
        <v>14</v>
      </c>
      <c r="C117" s="9" t="s">
        <v>583</v>
      </c>
      <c r="D117" s="6" t="s">
        <v>584</v>
      </c>
      <c r="E117" s="22">
        <v>44633</v>
      </c>
      <c r="F117" s="22">
        <v>46458</v>
      </c>
      <c r="G117" s="6" t="s">
        <v>585</v>
      </c>
      <c r="H117" s="6" t="s">
        <v>62</v>
      </c>
      <c r="I117" s="6" t="s">
        <v>318</v>
      </c>
      <c r="J117" s="6" t="s">
        <v>586</v>
      </c>
      <c r="K117" s="9" t="s">
        <v>587</v>
      </c>
      <c r="L117" s="10" t="s">
        <v>22</v>
      </c>
      <c r="M117" s="10" t="s">
        <v>22</v>
      </c>
      <c r="N117" s="10" t="s">
        <v>22</v>
      </c>
      <c r="O117" s="10" t="s">
        <v>22</v>
      </c>
      <c r="P117" s="10" t="s">
        <v>22</v>
      </c>
      <c r="Q117" s="10" t="s">
        <v>22</v>
      </c>
      <c r="S117" s="10" t="s">
        <v>22</v>
      </c>
      <c r="T117" s="10" t="s">
        <v>22</v>
      </c>
      <c r="U117" s="10" t="s">
        <v>22</v>
      </c>
      <c r="V117" s="10" t="s">
        <v>22</v>
      </c>
      <c r="W117" s="10" t="s">
        <v>22</v>
      </c>
      <c r="X117" s="10" t="s">
        <v>22</v>
      </c>
      <c r="Y117" s="10" t="s">
        <v>22</v>
      </c>
      <c r="Z117" s="10" t="s">
        <v>22</v>
      </c>
    </row>
    <row r="118" spans="1:26" ht="24" customHeight="1" x14ac:dyDescent="0.2">
      <c r="A118" s="9" t="s">
        <v>17396</v>
      </c>
      <c r="B118" s="9" t="s">
        <v>14</v>
      </c>
      <c r="C118" s="9" t="s">
        <v>588</v>
      </c>
      <c r="D118" s="6" t="s">
        <v>589</v>
      </c>
      <c r="E118" s="22">
        <v>44633</v>
      </c>
      <c r="F118" s="22">
        <v>46458</v>
      </c>
      <c r="G118" s="6" t="s">
        <v>590</v>
      </c>
      <c r="H118" s="6" t="s">
        <v>62</v>
      </c>
      <c r="I118" s="6" t="s">
        <v>591</v>
      </c>
      <c r="J118" s="6" t="s">
        <v>592</v>
      </c>
      <c r="K118" s="9" t="s">
        <v>593</v>
      </c>
      <c r="L118" s="10" t="s">
        <v>22</v>
      </c>
      <c r="M118" s="10" t="s">
        <v>22</v>
      </c>
      <c r="N118" s="10" t="s">
        <v>22</v>
      </c>
      <c r="O118" s="10" t="s">
        <v>22</v>
      </c>
      <c r="P118" s="10" t="s">
        <v>22</v>
      </c>
      <c r="Q118" s="10" t="s">
        <v>22</v>
      </c>
      <c r="R118" s="10" t="s">
        <v>22</v>
      </c>
      <c r="S118" s="10" t="s">
        <v>22</v>
      </c>
      <c r="T118" s="10" t="s">
        <v>22</v>
      </c>
      <c r="U118" s="10" t="s">
        <v>22</v>
      </c>
      <c r="V118" s="10" t="s">
        <v>22</v>
      </c>
      <c r="W118" s="10" t="s">
        <v>22</v>
      </c>
      <c r="X118" s="10" t="s">
        <v>22</v>
      </c>
      <c r="Y118" s="10" t="s">
        <v>22</v>
      </c>
      <c r="Z118" s="10" t="s">
        <v>22</v>
      </c>
    </row>
    <row r="119" spans="1:26" ht="24" customHeight="1" x14ac:dyDescent="0.2">
      <c r="A119" s="9" t="s">
        <v>17397</v>
      </c>
      <c r="B119" s="9" t="s">
        <v>14</v>
      </c>
      <c r="C119" s="9" t="s">
        <v>594</v>
      </c>
      <c r="D119" s="6" t="s">
        <v>595</v>
      </c>
      <c r="E119" s="22">
        <v>44633</v>
      </c>
      <c r="F119" s="22">
        <v>46458</v>
      </c>
      <c r="G119" s="6" t="s">
        <v>596</v>
      </c>
      <c r="H119" s="6" t="s">
        <v>363</v>
      </c>
      <c r="I119" s="6" t="s">
        <v>597</v>
      </c>
      <c r="J119" s="6" t="s">
        <v>598</v>
      </c>
      <c r="K119" s="9" t="s">
        <v>599</v>
      </c>
      <c r="L119" s="10" t="s">
        <v>22</v>
      </c>
      <c r="M119" s="10" t="s">
        <v>22</v>
      </c>
      <c r="N119" s="10" t="s">
        <v>22</v>
      </c>
      <c r="O119" s="10" t="s">
        <v>22</v>
      </c>
      <c r="P119" s="10" t="s">
        <v>22</v>
      </c>
      <c r="Q119" s="10" t="s">
        <v>22</v>
      </c>
      <c r="R119" s="10" t="s">
        <v>22</v>
      </c>
      <c r="S119" s="10" t="s">
        <v>22</v>
      </c>
      <c r="T119" s="10" t="s">
        <v>22</v>
      </c>
      <c r="U119" s="10" t="s">
        <v>22</v>
      </c>
      <c r="V119" s="10" t="s">
        <v>22</v>
      </c>
      <c r="W119" s="10" t="s">
        <v>22</v>
      </c>
      <c r="X119" s="10" t="s">
        <v>22</v>
      </c>
      <c r="Y119" s="10" t="s">
        <v>22</v>
      </c>
      <c r="Z119" s="10" t="s">
        <v>22</v>
      </c>
    </row>
    <row r="120" spans="1:26" ht="24" customHeight="1" x14ac:dyDescent="0.2">
      <c r="A120" s="9" t="s">
        <v>17398</v>
      </c>
      <c r="B120" s="9" t="s">
        <v>14</v>
      </c>
      <c r="C120" s="9" t="s">
        <v>600</v>
      </c>
      <c r="D120" s="6" t="s">
        <v>601</v>
      </c>
      <c r="E120" s="22">
        <v>44633</v>
      </c>
      <c r="F120" s="22">
        <v>46458</v>
      </c>
      <c r="G120" s="6" t="s">
        <v>602</v>
      </c>
      <c r="H120" s="6" t="s">
        <v>18</v>
      </c>
      <c r="I120" s="6" t="s">
        <v>392</v>
      </c>
      <c r="J120" s="6" t="s">
        <v>603</v>
      </c>
      <c r="K120" s="9" t="s">
        <v>604</v>
      </c>
      <c r="L120" s="10" t="s">
        <v>22</v>
      </c>
      <c r="M120" s="10" t="s">
        <v>22</v>
      </c>
      <c r="N120" s="10" t="s">
        <v>22</v>
      </c>
      <c r="O120" s="10" t="s">
        <v>22</v>
      </c>
      <c r="P120" s="10" t="s">
        <v>22</v>
      </c>
      <c r="Q120" s="10" t="s">
        <v>22</v>
      </c>
      <c r="R120" s="10" t="s">
        <v>22</v>
      </c>
      <c r="S120" s="10" t="s">
        <v>22</v>
      </c>
      <c r="T120" s="10" t="s">
        <v>22</v>
      </c>
      <c r="U120" s="10" t="s">
        <v>22</v>
      </c>
      <c r="V120" s="10" t="s">
        <v>22</v>
      </c>
      <c r="W120" s="10" t="s">
        <v>22</v>
      </c>
      <c r="X120" s="10" t="s">
        <v>22</v>
      </c>
      <c r="Y120" s="10" t="s">
        <v>22</v>
      </c>
      <c r="Z120" s="10" t="s">
        <v>22</v>
      </c>
    </row>
    <row r="121" spans="1:26" ht="24" customHeight="1" x14ac:dyDescent="0.2">
      <c r="A121" s="9" t="s">
        <v>17399</v>
      </c>
      <c r="B121" s="9" t="s">
        <v>14</v>
      </c>
      <c r="C121" s="9" t="s">
        <v>600</v>
      </c>
      <c r="D121" s="6" t="s">
        <v>601</v>
      </c>
      <c r="E121" s="22">
        <v>44633</v>
      </c>
      <c r="F121" s="22">
        <v>46458</v>
      </c>
      <c r="G121" s="6" t="s">
        <v>605</v>
      </c>
      <c r="H121" s="6" t="s">
        <v>18</v>
      </c>
      <c r="I121" s="6" t="s">
        <v>19</v>
      </c>
      <c r="J121" s="6" t="s">
        <v>606</v>
      </c>
      <c r="K121" s="9" t="s">
        <v>607</v>
      </c>
      <c r="L121" s="10" t="s">
        <v>22</v>
      </c>
      <c r="M121" s="10" t="s">
        <v>22</v>
      </c>
      <c r="N121" s="10" t="s">
        <v>22</v>
      </c>
      <c r="O121" s="10" t="s">
        <v>22</v>
      </c>
      <c r="P121" s="10" t="s">
        <v>22</v>
      </c>
      <c r="Q121" s="10" t="s">
        <v>22</v>
      </c>
      <c r="R121" s="10" t="s">
        <v>22</v>
      </c>
      <c r="S121" s="10" t="s">
        <v>22</v>
      </c>
      <c r="T121" s="10" t="s">
        <v>22</v>
      </c>
      <c r="U121" s="10" t="s">
        <v>22</v>
      </c>
      <c r="V121" s="10" t="s">
        <v>22</v>
      </c>
      <c r="W121" s="10" t="s">
        <v>22</v>
      </c>
      <c r="X121" s="10" t="s">
        <v>22</v>
      </c>
      <c r="Y121" s="10" t="s">
        <v>22</v>
      </c>
      <c r="Z121" s="10" t="s">
        <v>22</v>
      </c>
    </row>
    <row r="122" spans="1:26" ht="24" customHeight="1" x14ac:dyDescent="0.2">
      <c r="A122" s="9" t="s">
        <v>17400</v>
      </c>
      <c r="B122" s="9" t="s">
        <v>14</v>
      </c>
      <c r="C122" s="9" t="s">
        <v>600</v>
      </c>
      <c r="D122" s="6" t="s">
        <v>601</v>
      </c>
      <c r="E122" s="22">
        <v>44633</v>
      </c>
      <c r="F122" s="22">
        <v>46458</v>
      </c>
      <c r="G122" s="6" t="s">
        <v>608</v>
      </c>
      <c r="H122" s="6" t="s">
        <v>18</v>
      </c>
      <c r="I122" s="6" t="s">
        <v>19</v>
      </c>
      <c r="J122" s="6" t="s">
        <v>609</v>
      </c>
      <c r="K122" s="9" t="s">
        <v>610</v>
      </c>
      <c r="L122" s="10" t="s">
        <v>22</v>
      </c>
      <c r="M122" s="10" t="s">
        <v>22</v>
      </c>
      <c r="N122" s="10" t="s">
        <v>22</v>
      </c>
      <c r="O122" s="10" t="s">
        <v>22</v>
      </c>
      <c r="P122" s="10" t="s">
        <v>22</v>
      </c>
      <c r="Q122" s="10" t="s">
        <v>22</v>
      </c>
      <c r="R122" s="10" t="s">
        <v>22</v>
      </c>
      <c r="S122" s="10" t="s">
        <v>22</v>
      </c>
      <c r="T122" s="10" t="s">
        <v>22</v>
      </c>
      <c r="U122" s="10" t="s">
        <v>22</v>
      </c>
      <c r="V122" s="10" t="s">
        <v>22</v>
      </c>
      <c r="W122" s="10" t="s">
        <v>22</v>
      </c>
      <c r="X122" s="10" t="s">
        <v>22</v>
      </c>
      <c r="Y122" s="10" t="s">
        <v>22</v>
      </c>
      <c r="Z122" s="10" t="s">
        <v>22</v>
      </c>
    </row>
    <row r="123" spans="1:26" ht="24" customHeight="1" x14ac:dyDescent="0.2">
      <c r="A123" s="9" t="s">
        <v>17401</v>
      </c>
      <c r="B123" s="9" t="s">
        <v>14</v>
      </c>
      <c r="C123" s="9" t="s">
        <v>611</v>
      </c>
      <c r="D123" s="6" t="s">
        <v>612</v>
      </c>
      <c r="E123" s="22">
        <v>44633</v>
      </c>
      <c r="F123" s="22">
        <v>46458</v>
      </c>
      <c r="G123" s="6" t="s">
        <v>613</v>
      </c>
      <c r="H123" s="6" t="s">
        <v>62</v>
      </c>
      <c r="I123" s="6" t="s">
        <v>493</v>
      </c>
      <c r="J123" s="6" t="s">
        <v>614</v>
      </c>
      <c r="K123" s="9" t="s">
        <v>615</v>
      </c>
      <c r="L123" s="10" t="s">
        <v>22</v>
      </c>
      <c r="M123" s="10" t="s">
        <v>22</v>
      </c>
      <c r="N123" s="10" t="s">
        <v>22</v>
      </c>
      <c r="O123" s="10" t="s">
        <v>22</v>
      </c>
      <c r="P123" s="10" t="s">
        <v>22</v>
      </c>
      <c r="Q123" s="10" t="s">
        <v>22</v>
      </c>
      <c r="U123" s="10" t="s">
        <v>22</v>
      </c>
      <c r="V123" s="10" t="s">
        <v>22</v>
      </c>
      <c r="W123" s="10" t="s">
        <v>22</v>
      </c>
      <c r="X123" s="10" t="s">
        <v>22</v>
      </c>
      <c r="Y123" s="10" t="s">
        <v>22</v>
      </c>
      <c r="Z123" s="10" t="s">
        <v>22</v>
      </c>
    </row>
    <row r="124" spans="1:26" ht="24" customHeight="1" x14ac:dyDescent="0.2">
      <c r="A124" s="9" t="s">
        <v>17402</v>
      </c>
      <c r="B124" s="9" t="s">
        <v>14</v>
      </c>
      <c r="C124" s="9" t="s">
        <v>616</v>
      </c>
      <c r="D124" s="6" t="s">
        <v>617</v>
      </c>
      <c r="E124" s="22">
        <v>44633</v>
      </c>
      <c r="F124" s="22">
        <v>46458</v>
      </c>
      <c r="G124" s="6" t="s">
        <v>618</v>
      </c>
      <c r="H124" s="6" t="s">
        <v>62</v>
      </c>
      <c r="I124" s="6" t="s">
        <v>306</v>
      </c>
      <c r="J124" s="6" t="s">
        <v>619</v>
      </c>
      <c r="L124" s="10" t="s">
        <v>22</v>
      </c>
      <c r="M124" s="10" t="s">
        <v>22</v>
      </c>
      <c r="N124" s="10" t="s">
        <v>22</v>
      </c>
      <c r="O124" s="10" t="s">
        <v>22</v>
      </c>
      <c r="P124" s="10" t="s">
        <v>22</v>
      </c>
      <c r="Q124" s="10" t="s">
        <v>22</v>
      </c>
      <c r="U124" s="10" t="s">
        <v>22</v>
      </c>
      <c r="V124" s="10" t="s">
        <v>22</v>
      </c>
      <c r="W124" s="10" t="s">
        <v>22</v>
      </c>
      <c r="X124" s="10" t="s">
        <v>22</v>
      </c>
      <c r="Y124" s="10" t="s">
        <v>22</v>
      </c>
      <c r="Z124" s="10" t="s">
        <v>22</v>
      </c>
    </row>
    <row r="125" spans="1:26" ht="24" customHeight="1" x14ac:dyDescent="0.2">
      <c r="A125" s="9" t="s">
        <v>17403</v>
      </c>
      <c r="B125" s="9" t="s">
        <v>14</v>
      </c>
      <c r="C125" s="9" t="s">
        <v>620</v>
      </c>
      <c r="D125" s="6" t="s">
        <v>621</v>
      </c>
      <c r="E125" s="22">
        <v>44633</v>
      </c>
      <c r="F125" s="22">
        <v>46458</v>
      </c>
      <c r="G125" s="6" t="s">
        <v>622</v>
      </c>
      <c r="H125" s="6" t="s">
        <v>62</v>
      </c>
      <c r="I125" s="6" t="s">
        <v>318</v>
      </c>
      <c r="J125" s="6" t="s">
        <v>623</v>
      </c>
      <c r="K125" s="9" t="s">
        <v>624</v>
      </c>
      <c r="L125" s="10" t="s">
        <v>22</v>
      </c>
      <c r="M125" s="10" t="s">
        <v>22</v>
      </c>
      <c r="N125" s="10" t="s">
        <v>22</v>
      </c>
      <c r="O125" s="10" t="s">
        <v>22</v>
      </c>
      <c r="P125" s="10" t="s">
        <v>22</v>
      </c>
      <c r="Q125" s="10" t="s">
        <v>22</v>
      </c>
      <c r="R125" s="10" t="s">
        <v>22</v>
      </c>
      <c r="S125" s="10" t="s">
        <v>22</v>
      </c>
      <c r="T125" s="10" t="s">
        <v>22</v>
      </c>
      <c r="U125" s="10" t="s">
        <v>22</v>
      </c>
      <c r="V125" s="10" t="s">
        <v>22</v>
      </c>
      <c r="W125" s="10" t="s">
        <v>22</v>
      </c>
      <c r="X125" s="10" t="s">
        <v>22</v>
      </c>
      <c r="Y125" s="10" t="s">
        <v>22</v>
      </c>
      <c r="Z125" s="10" t="s">
        <v>22</v>
      </c>
    </row>
    <row r="126" spans="1:26" ht="24" customHeight="1" x14ac:dyDescent="0.2">
      <c r="A126" s="9" t="s">
        <v>17404</v>
      </c>
      <c r="B126" s="9" t="s">
        <v>14</v>
      </c>
      <c r="C126" s="9" t="s">
        <v>620</v>
      </c>
      <c r="D126" s="6" t="s">
        <v>621</v>
      </c>
      <c r="E126" s="22">
        <v>44633</v>
      </c>
      <c r="F126" s="22">
        <v>46458</v>
      </c>
      <c r="G126" s="6" t="s">
        <v>625</v>
      </c>
      <c r="H126" s="6" t="s">
        <v>18</v>
      </c>
      <c r="I126" s="6" t="s">
        <v>19</v>
      </c>
      <c r="J126" s="6" t="s">
        <v>626</v>
      </c>
      <c r="K126" s="9" t="s">
        <v>627</v>
      </c>
      <c r="L126" s="10" t="s">
        <v>22</v>
      </c>
      <c r="M126" s="10" t="s">
        <v>22</v>
      </c>
      <c r="N126" s="10" t="s">
        <v>22</v>
      </c>
      <c r="O126" s="10" t="s">
        <v>22</v>
      </c>
      <c r="P126" s="10" t="s">
        <v>22</v>
      </c>
      <c r="Q126" s="10" t="s">
        <v>22</v>
      </c>
      <c r="R126" s="10" t="s">
        <v>22</v>
      </c>
      <c r="S126" s="10" t="s">
        <v>22</v>
      </c>
      <c r="T126" s="10" t="s">
        <v>22</v>
      </c>
      <c r="U126" s="10" t="s">
        <v>22</v>
      </c>
      <c r="V126" s="10" t="s">
        <v>22</v>
      </c>
      <c r="W126" s="10" t="s">
        <v>22</v>
      </c>
      <c r="X126" s="10" t="s">
        <v>22</v>
      </c>
      <c r="Y126" s="10" t="s">
        <v>22</v>
      </c>
      <c r="Z126" s="10" t="s">
        <v>22</v>
      </c>
    </row>
    <row r="127" spans="1:26" ht="24" customHeight="1" x14ac:dyDescent="0.2">
      <c r="A127" s="9" t="s">
        <v>17405</v>
      </c>
      <c r="B127" s="9" t="s">
        <v>14</v>
      </c>
      <c r="C127" s="9" t="s">
        <v>628</v>
      </c>
      <c r="D127" s="6" t="s">
        <v>629</v>
      </c>
      <c r="E127" s="22">
        <v>44635</v>
      </c>
      <c r="F127" s="22">
        <v>46460</v>
      </c>
      <c r="G127" s="6" t="s">
        <v>630</v>
      </c>
      <c r="H127" s="6" t="s">
        <v>62</v>
      </c>
      <c r="I127" s="6" t="s">
        <v>379</v>
      </c>
      <c r="J127" s="6" t="s">
        <v>631</v>
      </c>
      <c r="K127" s="9" t="s">
        <v>632</v>
      </c>
      <c r="L127" s="10" t="s">
        <v>22</v>
      </c>
      <c r="M127" s="10" t="s">
        <v>22</v>
      </c>
      <c r="N127" s="10" t="s">
        <v>22</v>
      </c>
      <c r="O127" s="10" t="s">
        <v>22</v>
      </c>
      <c r="P127" s="10" t="s">
        <v>22</v>
      </c>
      <c r="Q127" s="10" t="s">
        <v>22</v>
      </c>
      <c r="U127" s="10" t="s">
        <v>22</v>
      </c>
      <c r="V127" s="10" t="s">
        <v>22</v>
      </c>
      <c r="W127" s="10" t="s">
        <v>22</v>
      </c>
      <c r="X127" s="10" t="s">
        <v>22</v>
      </c>
      <c r="Y127" s="10" t="s">
        <v>22</v>
      </c>
      <c r="Z127" s="10" t="s">
        <v>22</v>
      </c>
    </row>
    <row r="128" spans="1:26" ht="24" customHeight="1" x14ac:dyDescent="0.2">
      <c r="A128" s="9" t="s">
        <v>17406</v>
      </c>
      <c r="B128" s="9" t="s">
        <v>14</v>
      </c>
      <c r="C128" s="9" t="s">
        <v>633</v>
      </c>
      <c r="D128" s="6" t="s">
        <v>634</v>
      </c>
      <c r="E128" s="22">
        <v>44635</v>
      </c>
      <c r="F128" s="22">
        <v>46460</v>
      </c>
      <c r="G128" s="6" t="s">
        <v>635</v>
      </c>
      <c r="H128" s="6" t="s">
        <v>18</v>
      </c>
      <c r="I128" s="6" t="s">
        <v>26</v>
      </c>
      <c r="J128" s="6" t="s">
        <v>636</v>
      </c>
      <c r="K128" s="9" t="s">
        <v>637</v>
      </c>
      <c r="L128" s="10" t="s">
        <v>22</v>
      </c>
      <c r="M128" s="10" t="s">
        <v>22</v>
      </c>
      <c r="N128" s="10" t="s">
        <v>22</v>
      </c>
      <c r="O128" s="10" t="s">
        <v>22</v>
      </c>
      <c r="P128" s="10" t="s">
        <v>22</v>
      </c>
      <c r="Q128" s="10" t="s">
        <v>22</v>
      </c>
      <c r="R128" s="10" t="s">
        <v>22</v>
      </c>
      <c r="S128" s="10" t="s">
        <v>22</v>
      </c>
      <c r="T128" s="10" t="s">
        <v>22</v>
      </c>
      <c r="U128" s="10" t="s">
        <v>22</v>
      </c>
      <c r="V128" s="10" t="s">
        <v>22</v>
      </c>
      <c r="W128" s="10" t="s">
        <v>22</v>
      </c>
      <c r="X128" s="10" t="s">
        <v>22</v>
      </c>
      <c r="Y128" s="10" t="s">
        <v>22</v>
      </c>
      <c r="Z128" s="10" t="s">
        <v>22</v>
      </c>
    </row>
    <row r="129" spans="1:26" ht="24" customHeight="1" x14ac:dyDescent="0.2">
      <c r="A129" s="9" t="s">
        <v>17407</v>
      </c>
      <c r="B129" s="9" t="s">
        <v>14</v>
      </c>
      <c r="C129" s="9" t="s">
        <v>638</v>
      </c>
      <c r="D129" s="6" t="s">
        <v>639</v>
      </c>
      <c r="E129" s="22">
        <v>44635</v>
      </c>
      <c r="F129" s="22">
        <v>46460</v>
      </c>
      <c r="G129" s="6" t="s">
        <v>640</v>
      </c>
      <c r="H129" s="6" t="s">
        <v>62</v>
      </c>
      <c r="I129" s="6" t="s">
        <v>73</v>
      </c>
      <c r="J129" s="6" t="s">
        <v>641</v>
      </c>
      <c r="K129" s="9" t="s">
        <v>642</v>
      </c>
      <c r="L129" s="10" t="s">
        <v>22</v>
      </c>
      <c r="M129" s="10" t="s">
        <v>22</v>
      </c>
      <c r="N129" s="10" t="s">
        <v>22</v>
      </c>
      <c r="O129" s="10" t="s">
        <v>22</v>
      </c>
      <c r="P129" s="10" t="s">
        <v>22</v>
      </c>
      <c r="Q129" s="10" t="s">
        <v>22</v>
      </c>
      <c r="R129" s="10" t="s">
        <v>22</v>
      </c>
      <c r="S129" s="10" t="s">
        <v>22</v>
      </c>
      <c r="T129" s="10" t="s">
        <v>22</v>
      </c>
      <c r="U129" s="10" t="s">
        <v>22</v>
      </c>
      <c r="V129" s="10" t="s">
        <v>22</v>
      </c>
      <c r="W129" s="10" t="s">
        <v>22</v>
      </c>
      <c r="X129" s="10" t="s">
        <v>22</v>
      </c>
      <c r="Y129" s="10" t="s">
        <v>22</v>
      </c>
      <c r="Z129" s="10" t="s">
        <v>22</v>
      </c>
    </row>
    <row r="130" spans="1:26" ht="24" customHeight="1" x14ac:dyDescent="0.2">
      <c r="A130" s="9" t="s">
        <v>17408</v>
      </c>
      <c r="B130" s="9" t="s">
        <v>14</v>
      </c>
      <c r="C130" s="9" t="s">
        <v>643</v>
      </c>
      <c r="D130" s="6" t="s">
        <v>644</v>
      </c>
      <c r="E130" s="22">
        <v>44635</v>
      </c>
      <c r="F130" s="22">
        <v>46460</v>
      </c>
      <c r="G130" s="6" t="s">
        <v>645</v>
      </c>
      <c r="H130" s="6" t="s">
        <v>363</v>
      </c>
      <c r="I130" s="6" t="s">
        <v>646</v>
      </c>
      <c r="J130" s="6" t="s">
        <v>647</v>
      </c>
      <c r="K130" s="9" t="s">
        <v>648</v>
      </c>
      <c r="L130" s="10" t="s">
        <v>22</v>
      </c>
      <c r="M130" s="10" t="s">
        <v>22</v>
      </c>
      <c r="N130" s="10" t="s">
        <v>22</v>
      </c>
      <c r="O130" s="10" t="s">
        <v>22</v>
      </c>
      <c r="P130" s="10" t="s">
        <v>22</v>
      </c>
      <c r="Q130" s="10" t="s">
        <v>22</v>
      </c>
      <c r="R130" s="10" t="s">
        <v>22</v>
      </c>
      <c r="S130" s="10" t="s">
        <v>22</v>
      </c>
      <c r="T130" s="10" t="s">
        <v>22</v>
      </c>
      <c r="U130" s="10" t="s">
        <v>22</v>
      </c>
      <c r="V130" s="10" t="s">
        <v>22</v>
      </c>
      <c r="W130" s="10" t="s">
        <v>22</v>
      </c>
      <c r="X130" s="10" t="s">
        <v>22</v>
      </c>
      <c r="Y130" s="10" t="s">
        <v>22</v>
      </c>
      <c r="Z130" s="10" t="s">
        <v>22</v>
      </c>
    </row>
    <row r="131" spans="1:26" ht="24" customHeight="1" x14ac:dyDescent="0.2">
      <c r="A131" s="9" t="s">
        <v>17409</v>
      </c>
      <c r="B131" s="9" t="s">
        <v>14</v>
      </c>
      <c r="C131" s="9" t="s">
        <v>649</v>
      </c>
      <c r="D131" s="6" t="s">
        <v>650</v>
      </c>
      <c r="E131" s="22">
        <v>44635</v>
      </c>
      <c r="F131" s="22">
        <v>46460</v>
      </c>
      <c r="G131" s="6" t="s">
        <v>651</v>
      </c>
      <c r="H131" s="6" t="s">
        <v>62</v>
      </c>
      <c r="I131" s="6" t="s">
        <v>186</v>
      </c>
      <c r="J131" s="6" t="s">
        <v>652</v>
      </c>
      <c r="L131" s="10" t="s">
        <v>22</v>
      </c>
      <c r="M131" s="10" t="s">
        <v>22</v>
      </c>
      <c r="N131" s="10" t="s">
        <v>22</v>
      </c>
      <c r="O131" s="10" t="s">
        <v>22</v>
      </c>
      <c r="P131" s="10" t="s">
        <v>22</v>
      </c>
      <c r="Q131" s="10" t="s">
        <v>22</v>
      </c>
      <c r="R131" s="10" t="s">
        <v>22</v>
      </c>
      <c r="S131" s="10" t="s">
        <v>22</v>
      </c>
      <c r="T131" s="10" t="s">
        <v>22</v>
      </c>
      <c r="U131" s="10" t="s">
        <v>22</v>
      </c>
      <c r="V131" s="10" t="s">
        <v>22</v>
      </c>
      <c r="W131" s="10" t="s">
        <v>22</v>
      </c>
      <c r="X131" s="10" t="s">
        <v>22</v>
      </c>
      <c r="Y131" s="10" t="s">
        <v>22</v>
      </c>
      <c r="Z131" s="10" t="s">
        <v>22</v>
      </c>
    </row>
    <row r="132" spans="1:26" ht="24" customHeight="1" x14ac:dyDescent="0.2">
      <c r="A132" s="9" t="s">
        <v>17410</v>
      </c>
      <c r="B132" s="9" t="s">
        <v>14</v>
      </c>
      <c r="C132" s="9" t="s">
        <v>653</v>
      </c>
      <c r="D132" s="6" t="s">
        <v>654</v>
      </c>
      <c r="E132" s="22">
        <v>44635</v>
      </c>
      <c r="F132" s="22">
        <v>46460</v>
      </c>
      <c r="G132" s="6" t="s">
        <v>655</v>
      </c>
      <c r="H132" s="6" t="s">
        <v>18</v>
      </c>
      <c r="I132" s="6" t="s">
        <v>26</v>
      </c>
      <c r="J132" s="6" t="s">
        <v>656</v>
      </c>
      <c r="K132" s="9" t="s">
        <v>657</v>
      </c>
      <c r="L132" s="10" t="s">
        <v>22</v>
      </c>
      <c r="M132" s="10" t="s">
        <v>22</v>
      </c>
      <c r="N132" s="10" t="s">
        <v>22</v>
      </c>
      <c r="O132" s="10" t="s">
        <v>22</v>
      </c>
      <c r="P132" s="10" t="s">
        <v>22</v>
      </c>
      <c r="Q132" s="10" t="s">
        <v>22</v>
      </c>
      <c r="U132" s="10" t="s">
        <v>22</v>
      </c>
      <c r="V132" s="10" t="s">
        <v>22</v>
      </c>
      <c r="W132" s="10" t="s">
        <v>22</v>
      </c>
      <c r="X132" s="10" t="s">
        <v>22</v>
      </c>
      <c r="Y132" s="10" t="s">
        <v>22</v>
      </c>
      <c r="Z132" s="10" t="s">
        <v>22</v>
      </c>
    </row>
    <row r="133" spans="1:26" ht="24" customHeight="1" x14ac:dyDescent="0.2">
      <c r="A133" s="9" t="s">
        <v>17411</v>
      </c>
      <c r="B133" s="9" t="s">
        <v>14</v>
      </c>
      <c r="C133" s="9" t="s">
        <v>658</v>
      </c>
      <c r="D133" s="6" t="s">
        <v>659</v>
      </c>
      <c r="E133" s="22">
        <v>44635</v>
      </c>
      <c r="F133" s="22">
        <v>46460</v>
      </c>
      <c r="G133" s="6" t="s">
        <v>660</v>
      </c>
      <c r="H133" s="6" t="s">
        <v>18</v>
      </c>
      <c r="I133" s="6" t="s">
        <v>19</v>
      </c>
      <c r="J133" s="6" t="s">
        <v>661</v>
      </c>
      <c r="K133" s="9" t="s">
        <v>662</v>
      </c>
      <c r="L133" s="10" t="s">
        <v>22</v>
      </c>
      <c r="M133" s="10" t="s">
        <v>22</v>
      </c>
      <c r="N133" s="10" t="s">
        <v>22</v>
      </c>
      <c r="O133" s="10" t="s">
        <v>22</v>
      </c>
      <c r="P133" s="10" t="s">
        <v>22</v>
      </c>
      <c r="Q133" s="10" t="s">
        <v>22</v>
      </c>
      <c r="R133" s="10" t="s">
        <v>22</v>
      </c>
      <c r="S133" s="10" t="s">
        <v>22</v>
      </c>
      <c r="T133" s="10" t="s">
        <v>22</v>
      </c>
      <c r="U133" s="10" t="s">
        <v>22</v>
      </c>
      <c r="V133" s="10" t="s">
        <v>22</v>
      </c>
      <c r="W133" s="10" t="s">
        <v>22</v>
      </c>
      <c r="X133" s="10" t="s">
        <v>22</v>
      </c>
      <c r="Y133" s="10" t="s">
        <v>22</v>
      </c>
      <c r="Z133" s="10" t="s">
        <v>22</v>
      </c>
    </row>
    <row r="134" spans="1:26" ht="24" customHeight="1" x14ac:dyDescent="0.2">
      <c r="A134" s="9" t="s">
        <v>17412</v>
      </c>
      <c r="B134" s="9" t="s">
        <v>14</v>
      </c>
      <c r="C134" s="9" t="s">
        <v>663</v>
      </c>
      <c r="D134" s="6" t="s">
        <v>664</v>
      </c>
      <c r="E134" s="22">
        <v>44635</v>
      </c>
      <c r="F134" s="22">
        <v>46460</v>
      </c>
      <c r="G134" s="6" t="s">
        <v>665</v>
      </c>
      <c r="H134" s="6" t="s">
        <v>62</v>
      </c>
      <c r="I134" s="6" t="s">
        <v>403</v>
      </c>
      <c r="J134" s="6" t="s">
        <v>666</v>
      </c>
      <c r="K134" s="9" t="s">
        <v>667</v>
      </c>
      <c r="L134" s="10" t="s">
        <v>22</v>
      </c>
      <c r="M134" s="10" t="s">
        <v>22</v>
      </c>
      <c r="N134" s="10" t="s">
        <v>22</v>
      </c>
      <c r="O134" s="10" t="s">
        <v>22</v>
      </c>
      <c r="P134" s="10" t="s">
        <v>22</v>
      </c>
      <c r="Q134" s="10" t="s">
        <v>22</v>
      </c>
      <c r="U134" s="10" t="s">
        <v>22</v>
      </c>
      <c r="V134" s="10" t="s">
        <v>22</v>
      </c>
      <c r="W134" s="10" t="s">
        <v>22</v>
      </c>
    </row>
    <row r="135" spans="1:26" ht="24" customHeight="1" x14ac:dyDescent="0.2">
      <c r="A135" s="9" t="s">
        <v>17413</v>
      </c>
      <c r="B135" s="9" t="s">
        <v>14</v>
      </c>
      <c r="C135" s="9" t="s">
        <v>668</v>
      </c>
      <c r="D135" s="6" t="s">
        <v>669</v>
      </c>
      <c r="E135" s="22">
        <v>44635</v>
      </c>
      <c r="F135" s="22">
        <v>46460</v>
      </c>
      <c r="G135" s="6" t="s">
        <v>670</v>
      </c>
      <c r="H135" s="6" t="s">
        <v>62</v>
      </c>
      <c r="I135" s="6" t="s">
        <v>306</v>
      </c>
      <c r="J135" s="6" t="s">
        <v>671</v>
      </c>
      <c r="K135" s="9" t="s">
        <v>672</v>
      </c>
      <c r="L135" s="10" t="s">
        <v>22</v>
      </c>
      <c r="M135" s="10" t="s">
        <v>22</v>
      </c>
      <c r="N135" s="10" t="s">
        <v>22</v>
      </c>
      <c r="O135" s="10" t="s">
        <v>22</v>
      </c>
      <c r="P135" s="10" t="s">
        <v>22</v>
      </c>
      <c r="Q135" s="10" t="s">
        <v>22</v>
      </c>
      <c r="U135" s="10" t="s">
        <v>22</v>
      </c>
      <c r="V135" s="10" t="s">
        <v>22</v>
      </c>
      <c r="W135" s="10" t="s">
        <v>22</v>
      </c>
      <c r="X135" s="10" t="s">
        <v>22</v>
      </c>
      <c r="Y135" s="10" t="s">
        <v>22</v>
      </c>
      <c r="Z135" s="10" t="s">
        <v>22</v>
      </c>
    </row>
    <row r="136" spans="1:26" ht="24" customHeight="1" x14ac:dyDescent="0.2">
      <c r="A136" s="9" t="s">
        <v>17414</v>
      </c>
      <c r="B136" s="9" t="s">
        <v>14</v>
      </c>
      <c r="C136" s="9" t="s">
        <v>673</v>
      </c>
      <c r="D136" s="6" t="s">
        <v>674</v>
      </c>
      <c r="E136" s="22">
        <v>44639</v>
      </c>
      <c r="F136" s="22">
        <v>46464</v>
      </c>
      <c r="G136" s="6" t="s">
        <v>675</v>
      </c>
      <c r="H136" s="6" t="s">
        <v>62</v>
      </c>
      <c r="I136" s="6" t="s">
        <v>477</v>
      </c>
      <c r="J136" s="6" t="s">
        <v>676</v>
      </c>
      <c r="K136" s="9" t="s">
        <v>677</v>
      </c>
      <c r="L136" s="10" t="s">
        <v>22</v>
      </c>
      <c r="M136" s="10" t="s">
        <v>22</v>
      </c>
      <c r="N136" s="10" t="s">
        <v>22</v>
      </c>
      <c r="O136" s="10" t="s">
        <v>22</v>
      </c>
      <c r="P136" s="10" t="s">
        <v>22</v>
      </c>
      <c r="Q136" s="10" t="s">
        <v>22</v>
      </c>
      <c r="R136" s="10" t="s">
        <v>22</v>
      </c>
      <c r="S136" s="10" t="s">
        <v>22</v>
      </c>
      <c r="T136" s="10" t="s">
        <v>22</v>
      </c>
      <c r="U136" s="10" t="s">
        <v>22</v>
      </c>
      <c r="V136" s="10" t="s">
        <v>22</v>
      </c>
      <c r="W136" s="10" t="s">
        <v>22</v>
      </c>
      <c r="X136" s="10" t="s">
        <v>22</v>
      </c>
      <c r="Y136" s="10" t="s">
        <v>22</v>
      </c>
      <c r="Z136" s="10" t="s">
        <v>22</v>
      </c>
    </row>
    <row r="137" spans="1:26" ht="24" customHeight="1" x14ac:dyDescent="0.2">
      <c r="A137" s="9" t="s">
        <v>17415</v>
      </c>
      <c r="B137" s="9" t="s">
        <v>14</v>
      </c>
      <c r="C137" s="9" t="s">
        <v>678</v>
      </c>
      <c r="D137" s="6" t="s">
        <v>679</v>
      </c>
      <c r="E137" s="22">
        <v>44639</v>
      </c>
      <c r="F137" s="22">
        <v>46464</v>
      </c>
      <c r="G137" s="6" t="s">
        <v>680</v>
      </c>
      <c r="H137" s="6" t="s">
        <v>18</v>
      </c>
      <c r="I137" s="6" t="s">
        <v>26</v>
      </c>
      <c r="J137" s="6" t="s">
        <v>681</v>
      </c>
      <c r="K137" s="9" t="s">
        <v>682</v>
      </c>
      <c r="L137" s="10" t="s">
        <v>22</v>
      </c>
      <c r="M137" s="10" t="s">
        <v>22</v>
      </c>
      <c r="N137" s="10" t="s">
        <v>22</v>
      </c>
      <c r="O137" s="10" t="s">
        <v>22</v>
      </c>
      <c r="P137" s="10" t="s">
        <v>22</v>
      </c>
      <c r="Q137" s="10" t="s">
        <v>22</v>
      </c>
      <c r="R137" s="10" t="s">
        <v>22</v>
      </c>
      <c r="S137" s="10" t="s">
        <v>22</v>
      </c>
      <c r="T137" s="10" t="s">
        <v>22</v>
      </c>
      <c r="U137" s="10" t="s">
        <v>22</v>
      </c>
      <c r="V137" s="10" t="s">
        <v>22</v>
      </c>
      <c r="W137" s="10" t="s">
        <v>22</v>
      </c>
      <c r="X137" s="10" t="s">
        <v>22</v>
      </c>
      <c r="Y137" s="10" t="s">
        <v>22</v>
      </c>
      <c r="Z137" s="10" t="s">
        <v>22</v>
      </c>
    </row>
    <row r="138" spans="1:26" ht="24" customHeight="1" x14ac:dyDescent="0.2">
      <c r="A138" s="9" t="s">
        <v>17416</v>
      </c>
      <c r="B138" s="9" t="s">
        <v>14</v>
      </c>
      <c r="C138" s="9" t="s">
        <v>683</v>
      </c>
      <c r="D138" s="6" t="s">
        <v>684</v>
      </c>
      <c r="E138" s="22">
        <v>44639</v>
      </c>
      <c r="F138" s="22">
        <v>46464</v>
      </c>
      <c r="G138" s="6" t="s">
        <v>685</v>
      </c>
      <c r="H138" s="6" t="s">
        <v>18</v>
      </c>
      <c r="I138" s="6" t="s">
        <v>19</v>
      </c>
      <c r="J138" s="6" t="s">
        <v>686</v>
      </c>
      <c r="K138" s="9" t="s">
        <v>687</v>
      </c>
      <c r="L138" s="10" t="s">
        <v>22</v>
      </c>
      <c r="M138" s="10" t="s">
        <v>22</v>
      </c>
      <c r="N138" s="10" t="s">
        <v>22</v>
      </c>
      <c r="O138" s="10" t="s">
        <v>22</v>
      </c>
      <c r="P138" s="10" t="s">
        <v>22</v>
      </c>
      <c r="Q138" s="10" t="s">
        <v>22</v>
      </c>
      <c r="R138" s="10" t="s">
        <v>22</v>
      </c>
      <c r="S138" s="10" t="s">
        <v>22</v>
      </c>
      <c r="T138" s="10" t="s">
        <v>22</v>
      </c>
      <c r="U138" s="10" t="s">
        <v>22</v>
      </c>
      <c r="V138" s="10" t="s">
        <v>22</v>
      </c>
      <c r="W138" s="10" t="s">
        <v>22</v>
      </c>
      <c r="X138" s="10" t="s">
        <v>22</v>
      </c>
      <c r="Y138" s="10" t="s">
        <v>22</v>
      </c>
      <c r="Z138" s="10" t="s">
        <v>22</v>
      </c>
    </row>
    <row r="139" spans="1:26" ht="24" customHeight="1" x14ac:dyDescent="0.2">
      <c r="A139" s="9" t="s">
        <v>17417</v>
      </c>
      <c r="B139" s="9" t="s">
        <v>14</v>
      </c>
      <c r="C139" s="9" t="s">
        <v>688</v>
      </c>
      <c r="D139" s="6" t="s">
        <v>689</v>
      </c>
      <c r="E139" s="22">
        <v>44639</v>
      </c>
      <c r="F139" s="22">
        <v>46464</v>
      </c>
      <c r="G139" s="6" t="s">
        <v>690</v>
      </c>
      <c r="H139" s="6" t="s">
        <v>18</v>
      </c>
      <c r="I139" s="6" t="s">
        <v>19</v>
      </c>
      <c r="J139" s="6" t="s">
        <v>691</v>
      </c>
      <c r="K139" s="9" t="s">
        <v>692</v>
      </c>
      <c r="L139" s="10" t="s">
        <v>22</v>
      </c>
      <c r="M139" s="10" t="s">
        <v>22</v>
      </c>
      <c r="N139" s="10" t="s">
        <v>22</v>
      </c>
      <c r="O139" s="10" t="s">
        <v>22</v>
      </c>
      <c r="P139" s="10" t="s">
        <v>22</v>
      </c>
      <c r="Q139" s="10" t="s">
        <v>22</v>
      </c>
      <c r="R139" s="10" t="s">
        <v>22</v>
      </c>
      <c r="S139" s="10" t="s">
        <v>22</v>
      </c>
      <c r="T139" s="10" t="s">
        <v>22</v>
      </c>
      <c r="U139" s="10" t="s">
        <v>22</v>
      </c>
      <c r="V139" s="10" t="s">
        <v>22</v>
      </c>
      <c r="W139" s="10" t="s">
        <v>22</v>
      </c>
      <c r="X139" s="10" t="s">
        <v>22</v>
      </c>
      <c r="Y139" s="10" t="s">
        <v>22</v>
      </c>
      <c r="Z139" s="10" t="s">
        <v>22</v>
      </c>
    </row>
    <row r="140" spans="1:26" ht="24" customHeight="1" x14ac:dyDescent="0.2">
      <c r="A140" s="9" t="s">
        <v>17418</v>
      </c>
      <c r="B140" s="9" t="s">
        <v>14</v>
      </c>
      <c r="C140" s="9" t="s">
        <v>693</v>
      </c>
      <c r="D140" s="6" t="s">
        <v>694</v>
      </c>
      <c r="E140" s="22">
        <v>44639</v>
      </c>
      <c r="F140" s="22">
        <v>46464</v>
      </c>
      <c r="G140" s="6" t="s">
        <v>695</v>
      </c>
      <c r="H140" s="6" t="s">
        <v>18</v>
      </c>
      <c r="I140" s="6" t="s">
        <v>26</v>
      </c>
      <c r="J140" s="6" t="s">
        <v>696</v>
      </c>
      <c r="K140" s="9" t="s">
        <v>697</v>
      </c>
      <c r="M140" s="10" t="s">
        <v>22</v>
      </c>
      <c r="N140" s="10" t="s">
        <v>22</v>
      </c>
      <c r="P140" s="10" t="s">
        <v>22</v>
      </c>
      <c r="Q140" s="10" t="s">
        <v>22</v>
      </c>
      <c r="S140" s="10" t="s">
        <v>22</v>
      </c>
      <c r="T140" s="10" t="s">
        <v>22</v>
      </c>
      <c r="V140" s="10" t="s">
        <v>22</v>
      </c>
      <c r="W140" s="10" t="s">
        <v>22</v>
      </c>
      <c r="Y140" s="10" t="s">
        <v>22</v>
      </c>
      <c r="Z140" s="10" t="s">
        <v>22</v>
      </c>
    </row>
    <row r="141" spans="1:26" ht="24" customHeight="1" x14ac:dyDescent="0.2">
      <c r="A141" s="9" t="s">
        <v>17419</v>
      </c>
      <c r="B141" s="9" t="s">
        <v>14</v>
      </c>
      <c r="C141" s="9" t="s">
        <v>698</v>
      </c>
      <c r="D141" s="6" t="s">
        <v>699</v>
      </c>
      <c r="E141" s="22">
        <v>44639</v>
      </c>
      <c r="F141" s="22">
        <v>46464</v>
      </c>
      <c r="G141" s="6" t="s">
        <v>700</v>
      </c>
      <c r="H141" s="6" t="s">
        <v>701</v>
      </c>
      <c r="I141" s="6" t="s">
        <v>702</v>
      </c>
      <c r="J141" s="6" t="s">
        <v>703</v>
      </c>
      <c r="K141" s="9" t="s">
        <v>704</v>
      </c>
      <c r="L141" s="10" t="s">
        <v>22</v>
      </c>
      <c r="M141" s="10" t="s">
        <v>22</v>
      </c>
      <c r="N141" s="10" t="s">
        <v>22</v>
      </c>
      <c r="O141" s="10" t="s">
        <v>22</v>
      </c>
      <c r="P141" s="10" t="s">
        <v>22</v>
      </c>
      <c r="Q141" s="10" t="s">
        <v>22</v>
      </c>
      <c r="U141" s="10" t="s">
        <v>22</v>
      </c>
      <c r="V141" s="10" t="s">
        <v>22</v>
      </c>
      <c r="W141" s="10" t="s">
        <v>22</v>
      </c>
      <c r="X141" s="10" t="s">
        <v>22</v>
      </c>
      <c r="Y141" s="10" t="s">
        <v>22</v>
      </c>
      <c r="Z141" s="10" t="s">
        <v>22</v>
      </c>
    </row>
    <row r="142" spans="1:26" ht="24" customHeight="1" x14ac:dyDescent="0.2">
      <c r="A142" s="9" t="s">
        <v>17420</v>
      </c>
      <c r="B142" s="9" t="s">
        <v>14</v>
      </c>
      <c r="C142" s="9" t="s">
        <v>705</v>
      </c>
      <c r="D142" s="6" t="s">
        <v>706</v>
      </c>
      <c r="E142" s="22">
        <v>44639</v>
      </c>
      <c r="F142" s="22">
        <v>46464</v>
      </c>
      <c r="G142" s="6" t="s">
        <v>707</v>
      </c>
      <c r="H142" s="6" t="s">
        <v>18</v>
      </c>
      <c r="I142" s="6" t="s">
        <v>19</v>
      </c>
      <c r="J142" s="6" t="s">
        <v>708</v>
      </c>
      <c r="L142" s="10" t="s">
        <v>22</v>
      </c>
      <c r="M142" s="10" t="s">
        <v>22</v>
      </c>
      <c r="N142" s="10" t="s">
        <v>22</v>
      </c>
      <c r="O142" s="10" t="s">
        <v>22</v>
      </c>
      <c r="P142" s="10" t="s">
        <v>22</v>
      </c>
      <c r="Q142" s="10" t="s">
        <v>22</v>
      </c>
      <c r="U142" s="10" t="s">
        <v>22</v>
      </c>
      <c r="V142" s="10" t="s">
        <v>22</v>
      </c>
      <c r="W142" s="10" t="s">
        <v>22</v>
      </c>
      <c r="X142" s="10" t="s">
        <v>22</v>
      </c>
      <c r="Y142" s="10" t="s">
        <v>22</v>
      </c>
      <c r="Z142" s="10" t="s">
        <v>22</v>
      </c>
    </row>
    <row r="143" spans="1:26" ht="24" customHeight="1" x14ac:dyDescent="0.2">
      <c r="A143" s="9" t="s">
        <v>17421</v>
      </c>
      <c r="B143" s="9" t="s">
        <v>14</v>
      </c>
      <c r="C143" s="9" t="s">
        <v>709</v>
      </c>
      <c r="D143" s="6" t="s">
        <v>710</v>
      </c>
      <c r="E143" s="22">
        <v>44639</v>
      </c>
      <c r="F143" s="22">
        <v>46464</v>
      </c>
      <c r="G143" s="6" t="s">
        <v>711</v>
      </c>
      <c r="H143" s="6" t="s">
        <v>363</v>
      </c>
      <c r="I143" s="6" t="s">
        <v>466</v>
      </c>
      <c r="J143" s="6" t="s">
        <v>712</v>
      </c>
      <c r="K143" s="9" t="s">
        <v>713</v>
      </c>
      <c r="L143" s="10" t="s">
        <v>22</v>
      </c>
      <c r="M143" s="10" t="s">
        <v>22</v>
      </c>
      <c r="N143" s="10" t="s">
        <v>22</v>
      </c>
      <c r="O143" s="10" t="s">
        <v>22</v>
      </c>
      <c r="P143" s="10" t="s">
        <v>22</v>
      </c>
      <c r="Q143" s="10" t="s">
        <v>22</v>
      </c>
      <c r="U143" s="10" t="s">
        <v>22</v>
      </c>
      <c r="V143" s="10" t="s">
        <v>22</v>
      </c>
      <c r="W143" s="10" t="s">
        <v>22</v>
      </c>
      <c r="X143" s="10" t="s">
        <v>22</v>
      </c>
      <c r="Y143" s="10" t="s">
        <v>22</v>
      </c>
      <c r="Z143" s="10" t="s">
        <v>22</v>
      </c>
    </row>
    <row r="144" spans="1:26" ht="24" customHeight="1" x14ac:dyDescent="0.2">
      <c r="A144" s="9" t="s">
        <v>17422</v>
      </c>
      <c r="B144" s="9" t="s">
        <v>14</v>
      </c>
      <c r="C144" s="9" t="s">
        <v>714</v>
      </c>
      <c r="D144" s="6" t="s">
        <v>715</v>
      </c>
      <c r="E144" s="22">
        <v>44639</v>
      </c>
      <c r="F144" s="22">
        <v>46464</v>
      </c>
      <c r="G144" s="6" t="s">
        <v>716</v>
      </c>
      <c r="H144" s="6" t="s">
        <v>62</v>
      </c>
      <c r="I144" s="6" t="s">
        <v>435</v>
      </c>
      <c r="J144" s="6" t="s">
        <v>717</v>
      </c>
      <c r="K144" s="9" t="s">
        <v>718</v>
      </c>
      <c r="L144" s="10" t="s">
        <v>22</v>
      </c>
      <c r="M144" s="10" t="s">
        <v>22</v>
      </c>
      <c r="N144" s="10" t="s">
        <v>22</v>
      </c>
      <c r="O144" s="10" t="s">
        <v>22</v>
      </c>
      <c r="P144" s="10" t="s">
        <v>22</v>
      </c>
      <c r="Q144" s="10" t="s">
        <v>22</v>
      </c>
      <c r="R144" s="10" t="s">
        <v>22</v>
      </c>
      <c r="S144" s="10" t="s">
        <v>22</v>
      </c>
      <c r="T144" s="10" t="s">
        <v>22</v>
      </c>
      <c r="U144" s="10" t="s">
        <v>22</v>
      </c>
      <c r="V144" s="10" t="s">
        <v>22</v>
      </c>
      <c r="W144" s="10" t="s">
        <v>22</v>
      </c>
      <c r="X144" s="10" t="s">
        <v>22</v>
      </c>
      <c r="Y144" s="10" t="s">
        <v>22</v>
      </c>
      <c r="Z144" s="10" t="s">
        <v>22</v>
      </c>
    </row>
    <row r="145" spans="1:26" ht="24" customHeight="1" x14ac:dyDescent="0.2">
      <c r="A145" s="9" t="s">
        <v>17423</v>
      </c>
      <c r="B145" s="9" t="s">
        <v>14</v>
      </c>
      <c r="C145" s="9" t="s">
        <v>719</v>
      </c>
      <c r="D145" s="6" t="s">
        <v>720</v>
      </c>
      <c r="E145" s="22">
        <v>44639</v>
      </c>
      <c r="F145" s="22">
        <v>46464</v>
      </c>
      <c r="G145" s="6" t="s">
        <v>721</v>
      </c>
      <c r="H145" s="6" t="s">
        <v>18</v>
      </c>
      <c r="I145" s="6" t="s">
        <v>19</v>
      </c>
      <c r="J145" s="6" t="s">
        <v>722</v>
      </c>
      <c r="K145" s="9" t="s">
        <v>723</v>
      </c>
      <c r="L145" s="10" t="s">
        <v>22</v>
      </c>
      <c r="M145" s="10" t="s">
        <v>22</v>
      </c>
      <c r="N145" s="10" t="s">
        <v>22</v>
      </c>
      <c r="O145" s="10" t="s">
        <v>22</v>
      </c>
      <c r="P145" s="10" t="s">
        <v>22</v>
      </c>
      <c r="Q145" s="10" t="s">
        <v>22</v>
      </c>
      <c r="R145" s="10" t="s">
        <v>22</v>
      </c>
      <c r="S145" s="10" t="s">
        <v>22</v>
      </c>
      <c r="T145" s="10" t="s">
        <v>22</v>
      </c>
      <c r="U145" s="10" t="s">
        <v>22</v>
      </c>
      <c r="V145" s="10" t="s">
        <v>22</v>
      </c>
      <c r="W145" s="10" t="s">
        <v>22</v>
      </c>
      <c r="X145" s="10" t="s">
        <v>22</v>
      </c>
      <c r="Y145" s="10" t="s">
        <v>22</v>
      </c>
      <c r="Z145" s="10" t="s">
        <v>22</v>
      </c>
    </row>
    <row r="146" spans="1:26" ht="24" customHeight="1" x14ac:dyDescent="0.2">
      <c r="A146" s="9" t="s">
        <v>17424</v>
      </c>
      <c r="B146" s="9" t="s">
        <v>14</v>
      </c>
      <c r="C146" s="9" t="s">
        <v>724</v>
      </c>
      <c r="D146" s="6" t="s">
        <v>725</v>
      </c>
      <c r="E146" s="22">
        <v>44639</v>
      </c>
      <c r="F146" s="22">
        <v>46464</v>
      </c>
      <c r="G146" s="6" t="s">
        <v>726</v>
      </c>
      <c r="H146" s="6" t="s">
        <v>18</v>
      </c>
      <c r="I146" s="6" t="s">
        <v>727</v>
      </c>
      <c r="J146" s="6" t="s">
        <v>728</v>
      </c>
      <c r="K146" s="9" t="s">
        <v>729</v>
      </c>
      <c r="L146" s="10" t="s">
        <v>22</v>
      </c>
      <c r="M146" s="10" t="s">
        <v>22</v>
      </c>
      <c r="N146" s="10" t="s">
        <v>22</v>
      </c>
      <c r="O146" s="10" t="s">
        <v>22</v>
      </c>
      <c r="P146" s="10" t="s">
        <v>22</v>
      </c>
      <c r="Q146" s="10" t="s">
        <v>22</v>
      </c>
      <c r="U146" s="10" t="s">
        <v>22</v>
      </c>
      <c r="V146" s="10" t="s">
        <v>22</v>
      </c>
      <c r="W146" s="10" t="s">
        <v>22</v>
      </c>
      <c r="X146" s="10" t="s">
        <v>22</v>
      </c>
      <c r="Y146" s="10" t="s">
        <v>22</v>
      </c>
      <c r="Z146" s="10" t="s">
        <v>22</v>
      </c>
    </row>
    <row r="147" spans="1:26" ht="24" customHeight="1" x14ac:dyDescent="0.2">
      <c r="A147" s="9" t="s">
        <v>17425</v>
      </c>
      <c r="B147" s="9" t="s">
        <v>14</v>
      </c>
      <c r="C147" s="9" t="s">
        <v>730</v>
      </c>
      <c r="D147" s="6" t="s">
        <v>731</v>
      </c>
      <c r="E147" s="22">
        <v>44640</v>
      </c>
      <c r="F147" s="22">
        <v>46465</v>
      </c>
      <c r="G147" s="6" t="s">
        <v>732</v>
      </c>
      <c r="H147" s="6" t="s">
        <v>62</v>
      </c>
      <c r="I147" s="6" t="s">
        <v>477</v>
      </c>
      <c r="J147" s="6" t="s">
        <v>733</v>
      </c>
      <c r="K147" s="9" t="s">
        <v>734</v>
      </c>
      <c r="L147" s="10" t="s">
        <v>22</v>
      </c>
      <c r="M147" s="10" t="s">
        <v>22</v>
      </c>
      <c r="N147" s="10" t="s">
        <v>22</v>
      </c>
      <c r="O147" s="10" t="s">
        <v>22</v>
      </c>
      <c r="P147" s="10" t="s">
        <v>22</v>
      </c>
      <c r="Q147" s="10" t="s">
        <v>22</v>
      </c>
      <c r="R147" s="10" t="s">
        <v>22</v>
      </c>
      <c r="S147" s="10" t="s">
        <v>22</v>
      </c>
      <c r="T147" s="10" t="s">
        <v>22</v>
      </c>
      <c r="U147" s="10" t="s">
        <v>22</v>
      </c>
      <c r="V147" s="10" t="s">
        <v>22</v>
      </c>
      <c r="W147" s="10" t="s">
        <v>22</v>
      </c>
      <c r="X147" s="10" t="s">
        <v>22</v>
      </c>
      <c r="Y147" s="10" t="s">
        <v>22</v>
      </c>
      <c r="Z147" s="10" t="s">
        <v>22</v>
      </c>
    </row>
    <row r="148" spans="1:26" ht="24" customHeight="1" x14ac:dyDescent="0.2">
      <c r="A148" s="9" t="s">
        <v>17426</v>
      </c>
      <c r="B148" s="9" t="s">
        <v>14</v>
      </c>
      <c r="C148" s="9" t="s">
        <v>735</v>
      </c>
      <c r="D148" s="6" t="s">
        <v>736</v>
      </c>
      <c r="E148" s="22">
        <v>44640</v>
      </c>
      <c r="F148" s="22">
        <v>46465</v>
      </c>
      <c r="G148" s="6" t="s">
        <v>737</v>
      </c>
      <c r="H148" s="6" t="s">
        <v>62</v>
      </c>
      <c r="I148" s="6" t="s">
        <v>738</v>
      </c>
      <c r="J148" s="6" t="s">
        <v>739</v>
      </c>
      <c r="K148" s="9" t="s">
        <v>740</v>
      </c>
      <c r="L148" s="10" t="s">
        <v>22</v>
      </c>
      <c r="M148" s="10" t="s">
        <v>22</v>
      </c>
      <c r="N148" s="10" t="s">
        <v>22</v>
      </c>
      <c r="O148" s="10" t="s">
        <v>22</v>
      </c>
      <c r="P148" s="10" t="s">
        <v>22</v>
      </c>
      <c r="Q148" s="10" t="s">
        <v>22</v>
      </c>
      <c r="R148" s="10" t="s">
        <v>22</v>
      </c>
      <c r="S148" s="10" t="s">
        <v>22</v>
      </c>
      <c r="T148" s="10" t="s">
        <v>22</v>
      </c>
      <c r="U148" s="10" t="s">
        <v>22</v>
      </c>
      <c r="V148" s="10" t="s">
        <v>22</v>
      </c>
      <c r="W148" s="10" t="s">
        <v>22</v>
      </c>
      <c r="X148" s="10" t="s">
        <v>22</v>
      </c>
      <c r="Y148" s="10" t="s">
        <v>22</v>
      </c>
      <c r="Z148" s="10" t="s">
        <v>22</v>
      </c>
    </row>
    <row r="149" spans="1:26" ht="24" customHeight="1" x14ac:dyDescent="0.2">
      <c r="A149" s="9" t="s">
        <v>17427</v>
      </c>
      <c r="B149" s="9" t="s">
        <v>14</v>
      </c>
      <c r="C149" s="9" t="s">
        <v>741</v>
      </c>
      <c r="D149" s="6" t="s">
        <v>742</v>
      </c>
      <c r="E149" s="22">
        <v>44640</v>
      </c>
      <c r="F149" s="22">
        <v>46465</v>
      </c>
      <c r="G149" s="6" t="s">
        <v>743</v>
      </c>
      <c r="H149" s="6" t="s">
        <v>363</v>
      </c>
      <c r="I149" s="6" t="s">
        <v>597</v>
      </c>
      <c r="J149" s="6" t="s">
        <v>744</v>
      </c>
      <c r="K149" s="9" t="s">
        <v>745</v>
      </c>
      <c r="L149" s="10" t="s">
        <v>22</v>
      </c>
      <c r="M149" s="10" t="s">
        <v>22</v>
      </c>
      <c r="N149" s="10" t="s">
        <v>22</v>
      </c>
      <c r="O149" s="10" t="s">
        <v>22</v>
      </c>
      <c r="P149" s="10" t="s">
        <v>22</v>
      </c>
      <c r="Q149" s="10" t="s">
        <v>22</v>
      </c>
      <c r="R149" s="10" t="s">
        <v>22</v>
      </c>
      <c r="S149" s="10" t="s">
        <v>22</v>
      </c>
      <c r="T149" s="10" t="s">
        <v>22</v>
      </c>
      <c r="U149" s="10" t="s">
        <v>22</v>
      </c>
      <c r="V149" s="10" t="s">
        <v>22</v>
      </c>
      <c r="W149" s="10" t="s">
        <v>22</v>
      </c>
      <c r="X149" s="10" t="s">
        <v>22</v>
      </c>
      <c r="Y149" s="10" t="s">
        <v>22</v>
      </c>
      <c r="Z149" s="10" t="s">
        <v>22</v>
      </c>
    </row>
    <row r="150" spans="1:26" ht="24" customHeight="1" x14ac:dyDescent="0.2">
      <c r="A150" s="9" t="s">
        <v>17428</v>
      </c>
      <c r="B150" s="9" t="s">
        <v>14</v>
      </c>
      <c r="C150" s="9" t="s">
        <v>746</v>
      </c>
      <c r="D150" s="6" t="s">
        <v>747</v>
      </c>
      <c r="E150" s="22">
        <v>44640</v>
      </c>
      <c r="F150" s="22">
        <v>46465</v>
      </c>
      <c r="G150" s="6" t="s">
        <v>748</v>
      </c>
      <c r="H150" s="6" t="s">
        <v>62</v>
      </c>
      <c r="I150" s="6" t="s">
        <v>477</v>
      </c>
      <c r="J150" s="6" t="s">
        <v>749</v>
      </c>
      <c r="K150" s="9" t="s">
        <v>750</v>
      </c>
      <c r="L150" s="10" t="s">
        <v>22</v>
      </c>
      <c r="M150" s="10" t="s">
        <v>22</v>
      </c>
      <c r="N150" s="10" t="s">
        <v>22</v>
      </c>
      <c r="O150" s="10" t="s">
        <v>22</v>
      </c>
      <c r="P150" s="10" t="s">
        <v>22</v>
      </c>
      <c r="Q150" s="10" t="s">
        <v>22</v>
      </c>
      <c r="R150" s="10" t="s">
        <v>22</v>
      </c>
      <c r="S150" s="10" t="s">
        <v>22</v>
      </c>
      <c r="T150" s="10" t="s">
        <v>22</v>
      </c>
      <c r="U150" s="10" t="s">
        <v>22</v>
      </c>
      <c r="V150" s="10" t="s">
        <v>22</v>
      </c>
      <c r="W150" s="10" t="s">
        <v>22</v>
      </c>
      <c r="X150" s="10" t="s">
        <v>22</v>
      </c>
      <c r="Y150" s="10" t="s">
        <v>22</v>
      </c>
      <c r="Z150" s="10" t="s">
        <v>22</v>
      </c>
    </row>
    <row r="151" spans="1:26" ht="24" customHeight="1" x14ac:dyDescent="0.2">
      <c r="A151" s="9" t="s">
        <v>17429</v>
      </c>
      <c r="B151" s="9" t="s">
        <v>14</v>
      </c>
      <c r="C151" s="9" t="s">
        <v>751</v>
      </c>
      <c r="D151" s="6" t="s">
        <v>752</v>
      </c>
      <c r="E151" s="22">
        <v>44640</v>
      </c>
      <c r="F151" s="22">
        <v>46465</v>
      </c>
      <c r="G151" s="6" t="s">
        <v>753</v>
      </c>
      <c r="H151" s="6" t="s">
        <v>62</v>
      </c>
      <c r="I151" s="6" t="s">
        <v>73</v>
      </c>
      <c r="J151" s="6" t="s">
        <v>754</v>
      </c>
      <c r="K151" s="9" t="s">
        <v>755</v>
      </c>
      <c r="L151" s="10" t="s">
        <v>22</v>
      </c>
      <c r="M151" s="10" t="s">
        <v>22</v>
      </c>
      <c r="N151" s="10" t="s">
        <v>22</v>
      </c>
      <c r="O151" s="10" t="s">
        <v>22</v>
      </c>
      <c r="P151" s="10" t="s">
        <v>22</v>
      </c>
      <c r="Q151" s="10" t="s">
        <v>22</v>
      </c>
      <c r="R151" s="10" t="s">
        <v>22</v>
      </c>
      <c r="S151" s="10" t="s">
        <v>22</v>
      </c>
      <c r="T151" s="10" t="s">
        <v>22</v>
      </c>
      <c r="U151" s="10" t="s">
        <v>22</v>
      </c>
      <c r="V151" s="10" t="s">
        <v>22</v>
      </c>
      <c r="W151" s="10" t="s">
        <v>22</v>
      </c>
      <c r="X151" s="10" t="s">
        <v>22</v>
      </c>
      <c r="Y151" s="10" t="s">
        <v>22</v>
      </c>
      <c r="Z151" s="10" t="s">
        <v>22</v>
      </c>
    </row>
    <row r="152" spans="1:26" ht="24" customHeight="1" x14ac:dyDescent="0.2">
      <c r="A152" s="9" t="s">
        <v>17430</v>
      </c>
      <c r="B152" s="9" t="s">
        <v>14</v>
      </c>
      <c r="C152" s="9" t="s">
        <v>756</v>
      </c>
      <c r="D152" s="6" t="s">
        <v>757</v>
      </c>
      <c r="E152" s="22">
        <v>44640</v>
      </c>
      <c r="F152" s="22">
        <v>46465</v>
      </c>
      <c r="G152" s="6" t="s">
        <v>758</v>
      </c>
      <c r="H152" s="6" t="s">
        <v>18</v>
      </c>
      <c r="I152" s="6" t="s">
        <v>19</v>
      </c>
      <c r="J152" s="6" t="s">
        <v>759</v>
      </c>
      <c r="K152" s="9" t="s">
        <v>760</v>
      </c>
      <c r="L152" s="10" t="s">
        <v>22</v>
      </c>
      <c r="M152" s="10" t="s">
        <v>22</v>
      </c>
      <c r="N152" s="10" t="s">
        <v>22</v>
      </c>
      <c r="O152" s="10" t="s">
        <v>22</v>
      </c>
      <c r="P152" s="10" t="s">
        <v>22</v>
      </c>
      <c r="Q152" s="10" t="s">
        <v>22</v>
      </c>
      <c r="R152" s="10" t="s">
        <v>22</v>
      </c>
      <c r="S152" s="10" t="s">
        <v>22</v>
      </c>
      <c r="T152" s="10" t="s">
        <v>22</v>
      </c>
      <c r="U152" s="10" t="s">
        <v>22</v>
      </c>
      <c r="V152" s="10" t="s">
        <v>22</v>
      </c>
      <c r="W152" s="10" t="s">
        <v>22</v>
      </c>
      <c r="X152" s="10" t="s">
        <v>22</v>
      </c>
      <c r="Y152" s="10" t="s">
        <v>22</v>
      </c>
      <c r="Z152" s="10" t="s">
        <v>22</v>
      </c>
    </row>
    <row r="153" spans="1:26" ht="24" customHeight="1" x14ac:dyDescent="0.2">
      <c r="A153" s="9" t="s">
        <v>17431</v>
      </c>
      <c r="B153" s="9" t="s">
        <v>14</v>
      </c>
      <c r="C153" s="9" t="s">
        <v>762</v>
      </c>
      <c r="D153" s="6" t="s">
        <v>763</v>
      </c>
      <c r="E153" s="22">
        <v>44640</v>
      </c>
      <c r="F153" s="22">
        <v>46465</v>
      </c>
      <c r="G153" s="6" t="s">
        <v>764</v>
      </c>
      <c r="H153" s="6" t="s">
        <v>62</v>
      </c>
      <c r="I153" s="6" t="s">
        <v>252</v>
      </c>
      <c r="J153" s="6" t="s">
        <v>765</v>
      </c>
      <c r="K153" s="9" t="s">
        <v>766</v>
      </c>
      <c r="L153" s="10" t="s">
        <v>22</v>
      </c>
      <c r="M153" s="10" t="s">
        <v>22</v>
      </c>
      <c r="N153" s="10" t="s">
        <v>22</v>
      </c>
      <c r="O153" s="10" t="s">
        <v>22</v>
      </c>
      <c r="P153" s="10" t="s">
        <v>22</v>
      </c>
      <c r="Q153" s="10" t="s">
        <v>22</v>
      </c>
      <c r="R153" s="10" t="s">
        <v>22</v>
      </c>
      <c r="S153" s="10" t="s">
        <v>22</v>
      </c>
      <c r="T153" s="10" t="s">
        <v>22</v>
      </c>
      <c r="U153" s="10" t="s">
        <v>22</v>
      </c>
      <c r="V153" s="10" t="s">
        <v>22</v>
      </c>
      <c r="W153" s="10" t="s">
        <v>22</v>
      </c>
      <c r="X153" s="10" t="s">
        <v>22</v>
      </c>
      <c r="Y153" s="10" t="s">
        <v>22</v>
      </c>
      <c r="Z153" s="10" t="s">
        <v>22</v>
      </c>
    </row>
    <row r="154" spans="1:26" ht="24" customHeight="1" x14ac:dyDescent="0.2">
      <c r="A154" s="9" t="s">
        <v>17432</v>
      </c>
      <c r="B154" s="9" t="s">
        <v>14</v>
      </c>
      <c r="C154" s="9" t="s">
        <v>767</v>
      </c>
      <c r="D154" s="6" t="s">
        <v>768</v>
      </c>
      <c r="E154" s="22">
        <v>44640</v>
      </c>
      <c r="F154" s="22">
        <v>46465</v>
      </c>
      <c r="G154" s="6" t="s">
        <v>769</v>
      </c>
      <c r="H154" s="6" t="s">
        <v>62</v>
      </c>
      <c r="I154" s="6" t="s">
        <v>551</v>
      </c>
      <c r="J154" s="6" t="s">
        <v>770</v>
      </c>
      <c r="K154" s="9" t="s">
        <v>771</v>
      </c>
      <c r="L154" s="10" t="s">
        <v>22</v>
      </c>
      <c r="M154" s="10" t="s">
        <v>22</v>
      </c>
      <c r="N154" s="10" t="s">
        <v>22</v>
      </c>
      <c r="O154" s="10" t="s">
        <v>22</v>
      </c>
      <c r="P154" s="10" t="s">
        <v>22</v>
      </c>
      <c r="Q154" s="10" t="s">
        <v>22</v>
      </c>
      <c r="R154" s="10" t="s">
        <v>22</v>
      </c>
      <c r="S154" s="10" t="s">
        <v>22</v>
      </c>
      <c r="T154" s="10" t="s">
        <v>22</v>
      </c>
      <c r="U154" s="10" t="s">
        <v>22</v>
      </c>
      <c r="V154" s="10" t="s">
        <v>22</v>
      </c>
      <c r="W154" s="10" t="s">
        <v>22</v>
      </c>
      <c r="X154" s="10" t="s">
        <v>22</v>
      </c>
      <c r="Y154" s="10" t="s">
        <v>22</v>
      </c>
      <c r="Z154" s="10" t="s">
        <v>22</v>
      </c>
    </row>
    <row r="155" spans="1:26" ht="24" customHeight="1" x14ac:dyDescent="0.2">
      <c r="A155" s="9" t="s">
        <v>17433</v>
      </c>
      <c r="B155" s="9" t="s">
        <v>14</v>
      </c>
      <c r="C155" s="9" t="s">
        <v>767</v>
      </c>
      <c r="D155" s="6" t="s">
        <v>768</v>
      </c>
      <c r="E155" s="22">
        <v>44640</v>
      </c>
      <c r="F155" s="22">
        <v>46465</v>
      </c>
      <c r="G155" s="6" t="s">
        <v>772</v>
      </c>
      <c r="H155" s="6" t="s">
        <v>62</v>
      </c>
      <c r="I155" s="6" t="s">
        <v>493</v>
      </c>
      <c r="J155" s="6" t="s">
        <v>773</v>
      </c>
      <c r="K155" s="9" t="s">
        <v>774</v>
      </c>
      <c r="L155" s="10" t="s">
        <v>22</v>
      </c>
      <c r="M155" s="10" t="s">
        <v>22</v>
      </c>
      <c r="N155" s="10" t="s">
        <v>22</v>
      </c>
      <c r="O155" s="10" t="s">
        <v>22</v>
      </c>
      <c r="P155" s="10" t="s">
        <v>22</v>
      </c>
      <c r="Q155" s="10" t="s">
        <v>22</v>
      </c>
      <c r="R155" s="10" t="s">
        <v>22</v>
      </c>
      <c r="S155" s="10" t="s">
        <v>22</v>
      </c>
      <c r="T155" s="10" t="s">
        <v>22</v>
      </c>
      <c r="U155" s="10" t="s">
        <v>22</v>
      </c>
      <c r="V155" s="10" t="s">
        <v>22</v>
      </c>
      <c r="W155" s="10" t="s">
        <v>22</v>
      </c>
      <c r="X155" s="10" t="s">
        <v>22</v>
      </c>
      <c r="Y155" s="10" t="s">
        <v>22</v>
      </c>
      <c r="Z155" s="10" t="s">
        <v>22</v>
      </c>
    </row>
    <row r="156" spans="1:26" ht="24" customHeight="1" x14ac:dyDescent="0.2">
      <c r="A156" s="9" t="s">
        <v>17434</v>
      </c>
      <c r="B156" s="9" t="s">
        <v>14</v>
      </c>
      <c r="C156" s="9" t="s">
        <v>767</v>
      </c>
      <c r="D156" s="6" t="s">
        <v>768</v>
      </c>
      <c r="E156" s="22">
        <v>44640</v>
      </c>
      <c r="F156" s="22">
        <v>46465</v>
      </c>
      <c r="G156" s="6" t="s">
        <v>775</v>
      </c>
      <c r="H156" s="6" t="s">
        <v>18</v>
      </c>
      <c r="I156" s="6" t="s">
        <v>392</v>
      </c>
      <c r="J156" s="6" t="s">
        <v>776</v>
      </c>
      <c r="K156" s="9" t="s">
        <v>777</v>
      </c>
      <c r="L156" s="10" t="s">
        <v>22</v>
      </c>
      <c r="M156" s="10" t="s">
        <v>22</v>
      </c>
      <c r="N156" s="10" t="s">
        <v>22</v>
      </c>
      <c r="O156" s="10" t="s">
        <v>22</v>
      </c>
      <c r="P156" s="10" t="s">
        <v>22</v>
      </c>
      <c r="Q156" s="10" t="s">
        <v>22</v>
      </c>
      <c r="R156" s="10" t="s">
        <v>22</v>
      </c>
      <c r="S156" s="10" t="s">
        <v>22</v>
      </c>
      <c r="T156" s="10" t="s">
        <v>22</v>
      </c>
      <c r="U156" s="10" t="s">
        <v>22</v>
      </c>
      <c r="V156" s="10" t="s">
        <v>22</v>
      </c>
      <c r="W156" s="10" t="s">
        <v>22</v>
      </c>
      <c r="X156" s="10" t="s">
        <v>22</v>
      </c>
      <c r="Y156" s="10" t="s">
        <v>22</v>
      </c>
      <c r="Z156" s="10" t="s">
        <v>22</v>
      </c>
    </row>
    <row r="157" spans="1:26" ht="24" customHeight="1" x14ac:dyDescent="0.2">
      <c r="A157" s="9" t="s">
        <v>17435</v>
      </c>
      <c r="B157" s="9" t="s">
        <v>14</v>
      </c>
      <c r="C157" s="9" t="s">
        <v>778</v>
      </c>
      <c r="D157" s="6" t="s">
        <v>779</v>
      </c>
      <c r="E157" s="22">
        <v>44643</v>
      </c>
      <c r="F157" s="22">
        <v>46468</v>
      </c>
      <c r="G157" s="6" t="s">
        <v>780</v>
      </c>
      <c r="H157" s="6" t="s">
        <v>18</v>
      </c>
      <c r="I157" s="6" t="s">
        <v>19</v>
      </c>
      <c r="J157" s="6" t="s">
        <v>781</v>
      </c>
      <c r="K157" s="9" t="s">
        <v>782</v>
      </c>
      <c r="L157" s="10" t="s">
        <v>22</v>
      </c>
      <c r="M157" s="10" t="s">
        <v>22</v>
      </c>
      <c r="N157" s="10" t="s">
        <v>22</v>
      </c>
      <c r="O157" s="10" t="s">
        <v>22</v>
      </c>
      <c r="P157" s="10" t="s">
        <v>22</v>
      </c>
      <c r="Q157" s="10" t="s">
        <v>22</v>
      </c>
      <c r="U157" s="10" t="s">
        <v>22</v>
      </c>
      <c r="V157" s="10" t="s">
        <v>22</v>
      </c>
      <c r="W157" s="10" t="s">
        <v>22</v>
      </c>
      <c r="X157" s="10" t="s">
        <v>22</v>
      </c>
      <c r="Y157" s="10" t="s">
        <v>22</v>
      </c>
      <c r="Z157" s="10" t="s">
        <v>22</v>
      </c>
    </row>
    <row r="158" spans="1:26" ht="34" customHeight="1" x14ac:dyDescent="0.2">
      <c r="A158" s="9" t="s">
        <v>17436</v>
      </c>
      <c r="B158" s="9" t="s">
        <v>14</v>
      </c>
      <c r="C158" s="9" t="s">
        <v>783</v>
      </c>
      <c r="D158" s="6" t="s">
        <v>784</v>
      </c>
      <c r="E158" s="22">
        <v>44643</v>
      </c>
      <c r="F158" s="22">
        <v>46468</v>
      </c>
      <c r="G158" s="6" t="s">
        <v>785</v>
      </c>
      <c r="H158" s="6" t="s">
        <v>62</v>
      </c>
      <c r="I158" s="6" t="s">
        <v>312</v>
      </c>
      <c r="J158" s="6" t="s">
        <v>786</v>
      </c>
      <c r="K158" s="9" t="s">
        <v>787</v>
      </c>
      <c r="L158" s="10" t="s">
        <v>22</v>
      </c>
      <c r="M158" s="10" t="s">
        <v>22</v>
      </c>
      <c r="N158" s="10" t="s">
        <v>22</v>
      </c>
      <c r="O158" s="10" t="s">
        <v>22</v>
      </c>
      <c r="P158" s="10" t="s">
        <v>22</v>
      </c>
      <c r="Q158" s="10" t="s">
        <v>22</v>
      </c>
      <c r="R158" s="10" t="s">
        <v>22</v>
      </c>
      <c r="S158" s="10" t="s">
        <v>22</v>
      </c>
      <c r="T158" s="10" t="s">
        <v>22</v>
      </c>
      <c r="U158" s="10" t="s">
        <v>22</v>
      </c>
      <c r="V158" s="10" t="s">
        <v>22</v>
      </c>
      <c r="W158" s="10" t="s">
        <v>22</v>
      </c>
      <c r="X158" s="10" t="s">
        <v>22</v>
      </c>
      <c r="Y158" s="10" t="s">
        <v>22</v>
      </c>
      <c r="Z158" s="10" t="s">
        <v>22</v>
      </c>
    </row>
    <row r="159" spans="1:26" ht="40.5" customHeight="1" x14ac:dyDescent="0.2">
      <c r="A159" s="9" t="s">
        <v>17437</v>
      </c>
      <c r="B159" s="9" t="s">
        <v>14</v>
      </c>
      <c r="C159" s="9" t="s">
        <v>783</v>
      </c>
      <c r="D159" s="6" t="s">
        <v>784</v>
      </c>
      <c r="E159" s="22">
        <v>44643</v>
      </c>
      <c r="F159" s="22">
        <v>46468</v>
      </c>
      <c r="G159" s="6" t="s">
        <v>788</v>
      </c>
      <c r="H159" s="6" t="s">
        <v>18</v>
      </c>
      <c r="I159" s="6" t="s">
        <v>19</v>
      </c>
      <c r="J159" s="6" t="s">
        <v>789</v>
      </c>
      <c r="K159" s="9" t="s">
        <v>790</v>
      </c>
      <c r="L159" s="10" t="s">
        <v>22</v>
      </c>
      <c r="M159" s="10" t="s">
        <v>22</v>
      </c>
      <c r="N159" s="10" t="s">
        <v>22</v>
      </c>
      <c r="O159" s="10" t="s">
        <v>22</v>
      </c>
      <c r="P159" s="10" t="s">
        <v>22</v>
      </c>
      <c r="Q159" s="10" t="s">
        <v>22</v>
      </c>
      <c r="R159" s="10" t="s">
        <v>22</v>
      </c>
      <c r="S159" s="10" t="s">
        <v>22</v>
      </c>
      <c r="T159" s="10" t="s">
        <v>22</v>
      </c>
      <c r="U159" s="10" t="s">
        <v>22</v>
      </c>
      <c r="V159" s="10" t="s">
        <v>22</v>
      </c>
      <c r="W159" s="10" t="s">
        <v>22</v>
      </c>
      <c r="X159" s="10" t="s">
        <v>22</v>
      </c>
      <c r="Y159" s="10" t="s">
        <v>22</v>
      </c>
      <c r="Z159" s="10" t="s">
        <v>22</v>
      </c>
    </row>
    <row r="160" spans="1:26" ht="40.5" customHeight="1" x14ac:dyDescent="0.2">
      <c r="A160" s="9" t="s">
        <v>17438</v>
      </c>
      <c r="B160" s="9" t="s">
        <v>14</v>
      </c>
      <c r="C160" s="9" t="s">
        <v>783</v>
      </c>
      <c r="D160" s="6" t="s">
        <v>784</v>
      </c>
      <c r="E160" s="22">
        <v>44643</v>
      </c>
      <c r="F160" s="22">
        <v>46468</v>
      </c>
      <c r="G160" s="6" t="s">
        <v>791</v>
      </c>
      <c r="H160" s="6" t="s">
        <v>18</v>
      </c>
      <c r="I160" s="6" t="s">
        <v>392</v>
      </c>
      <c r="J160" s="6" t="s">
        <v>792</v>
      </c>
      <c r="K160" s="9" t="s">
        <v>793</v>
      </c>
      <c r="M160" s="10" t="s">
        <v>22</v>
      </c>
      <c r="N160" s="10" t="s">
        <v>22</v>
      </c>
      <c r="O160" s="10" t="s">
        <v>22</v>
      </c>
      <c r="Q160" s="10" t="s">
        <v>22</v>
      </c>
      <c r="V160" s="10" t="s">
        <v>22</v>
      </c>
      <c r="W160" s="10" t="s">
        <v>22</v>
      </c>
      <c r="X160" s="10" t="s">
        <v>22</v>
      </c>
      <c r="Z160" s="10" t="s">
        <v>22</v>
      </c>
    </row>
    <row r="161" spans="1:26" ht="40.5" customHeight="1" x14ac:dyDescent="0.2">
      <c r="A161" s="9" t="s">
        <v>17439</v>
      </c>
      <c r="B161" s="9" t="s">
        <v>14</v>
      </c>
      <c r="C161" s="9" t="s">
        <v>783</v>
      </c>
      <c r="D161" s="6" t="s">
        <v>784</v>
      </c>
      <c r="E161" s="22">
        <v>44643</v>
      </c>
      <c r="F161" s="22">
        <v>46468</v>
      </c>
      <c r="G161" s="6" t="s">
        <v>794</v>
      </c>
      <c r="H161" s="6" t="s">
        <v>18</v>
      </c>
      <c r="I161" s="6" t="s">
        <v>19</v>
      </c>
      <c r="J161" s="6" t="s">
        <v>795</v>
      </c>
      <c r="K161" s="9" t="s">
        <v>796</v>
      </c>
      <c r="M161" s="10" t="s">
        <v>22</v>
      </c>
      <c r="N161" s="10" t="s">
        <v>22</v>
      </c>
      <c r="O161" s="10" t="s">
        <v>22</v>
      </c>
      <c r="Q161" s="10" t="s">
        <v>22</v>
      </c>
      <c r="V161" s="10" t="s">
        <v>22</v>
      </c>
      <c r="W161" s="10" t="s">
        <v>22</v>
      </c>
      <c r="X161" s="10" t="s">
        <v>22</v>
      </c>
      <c r="Z161" s="10" t="s">
        <v>22</v>
      </c>
    </row>
    <row r="162" spans="1:26" ht="40.5" customHeight="1" x14ac:dyDescent="0.2">
      <c r="A162" s="9" t="s">
        <v>17440</v>
      </c>
      <c r="B162" s="9" t="s">
        <v>14</v>
      </c>
      <c r="C162" s="9" t="s">
        <v>783</v>
      </c>
      <c r="D162" s="6" t="s">
        <v>784</v>
      </c>
      <c r="E162" s="22">
        <v>44643</v>
      </c>
      <c r="F162" s="22">
        <v>46468</v>
      </c>
      <c r="G162" s="6" t="s">
        <v>797</v>
      </c>
      <c r="H162" s="6" t="s">
        <v>18</v>
      </c>
      <c r="I162" s="6" t="s">
        <v>19</v>
      </c>
      <c r="J162" s="6" t="s">
        <v>795</v>
      </c>
      <c r="K162" s="9" t="s">
        <v>798</v>
      </c>
      <c r="M162" s="10" t="s">
        <v>22</v>
      </c>
      <c r="N162" s="10" t="s">
        <v>22</v>
      </c>
      <c r="O162" s="10" t="s">
        <v>22</v>
      </c>
      <c r="Q162" s="10" t="s">
        <v>22</v>
      </c>
      <c r="V162" s="10" t="s">
        <v>22</v>
      </c>
      <c r="W162" s="10" t="s">
        <v>22</v>
      </c>
      <c r="X162" s="10" t="s">
        <v>22</v>
      </c>
      <c r="Z162" s="10" t="s">
        <v>22</v>
      </c>
    </row>
    <row r="163" spans="1:26" ht="40.5" customHeight="1" x14ac:dyDescent="0.2">
      <c r="A163" s="9" t="s">
        <v>17441</v>
      </c>
      <c r="B163" s="9" t="s">
        <v>14</v>
      </c>
      <c r="C163" s="9" t="s">
        <v>783</v>
      </c>
      <c r="D163" s="6" t="s">
        <v>784</v>
      </c>
      <c r="E163" s="22">
        <v>44643</v>
      </c>
      <c r="F163" s="22">
        <v>46468</v>
      </c>
      <c r="G163" s="6" t="s">
        <v>799</v>
      </c>
      <c r="H163" s="6" t="s">
        <v>562</v>
      </c>
      <c r="I163" s="6" t="s">
        <v>563</v>
      </c>
      <c r="J163" s="6" t="s">
        <v>800</v>
      </c>
      <c r="K163" s="9" t="s">
        <v>801</v>
      </c>
      <c r="M163" s="10" t="s">
        <v>22</v>
      </c>
      <c r="N163" s="10" t="s">
        <v>22</v>
      </c>
      <c r="O163" s="10" t="s">
        <v>22</v>
      </c>
      <c r="Q163" s="10" t="s">
        <v>22</v>
      </c>
      <c r="V163" s="10" t="s">
        <v>22</v>
      </c>
      <c r="W163" s="10" t="s">
        <v>22</v>
      </c>
      <c r="X163" s="10" t="s">
        <v>22</v>
      </c>
      <c r="Z163" s="10" t="s">
        <v>22</v>
      </c>
    </row>
    <row r="164" spans="1:26" ht="24" customHeight="1" x14ac:dyDescent="0.2">
      <c r="A164" s="9" t="s">
        <v>17442</v>
      </c>
      <c r="B164" s="9" t="s">
        <v>14</v>
      </c>
      <c r="C164" s="9" t="s">
        <v>802</v>
      </c>
      <c r="D164" s="6" t="s">
        <v>803</v>
      </c>
      <c r="E164" s="22">
        <v>44643</v>
      </c>
      <c r="F164" s="22">
        <v>46468</v>
      </c>
      <c r="G164" s="6" t="s">
        <v>804</v>
      </c>
      <c r="H164" s="6" t="s">
        <v>62</v>
      </c>
      <c r="I164" s="6" t="s">
        <v>290</v>
      </c>
      <c r="J164" s="6" t="s">
        <v>805</v>
      </c>
      <c r="K164" s="9" t="s">
        <v>806</v>
      </c>
      <c r="L164" s="10" t="s">
        <v>22</v>
      </c>
      <c r="M164" s="10" t="s">
        <v>22</v>
      </c>
      <c r="N164" s="10" t="s">
        <v>22</v>
      </c>
      <c r="O164" s="10" t="s">
        <v>22</v>
      </c>
      <c r="P164" s="10" t="s">
        <v>22</v>
      </c>
      <c r="Q164" s="10" t="s">
        <v>22</v>
      </c>
      <c r="R164" s="10" t="s">
        <v>22</v>
      </c>
      <c r="S164" s="10" t="s">
        <v>22</v>
      </c>
      <c r="T164" s="10" t="s">
        <v>22</v>
      </c>
      <c r="U164" s="10" t="s">
        <v>22</v>
      </c>
      <c r="V164" s="10" t="s">
        <v>22</v>
      </c>
      <c r="W164" s="10" t="s">
        <v>22</v>
      </c>
      <c r="X164" s="10" t="s">
        <v>22</v>
      </c>
      <c r="Y164" s="10" t="s">
        <v>22</v>
      </c>
      <c r="Z164" s="10" t="s">
        <v>22</v>
      </c>
    </row>
    <row r="165" spans="1:26" ht="24" customHeight="1" x14ac:dyDescent="0.2">
      <c r="A165" s="9" t="s">
        <v>17443</v>
      </c>
      <c r="B165" s="9" t="s">
        <v>14</v>
      </c>
      <c r="C165" s="9" t="s">
        <v>807</v>
      </c>
      <c r="D165" s="6" t="s">
        <v>808</v>
      </c>
      <c r="E165" s="22">
        <v>44643</v>
      </c>
      <c r="F165" s="22">
        <v>46468</v>
      </c>
      <c r="G165" s="6" t="s">
        <v>809</v>
      </c>
      <c r="H165" s="6" t="s">
        <v>18</v>
      </c>
      <c r="I165" s="6" t="s">
        <v>26</v>
      </c>
      <c r="J165" s="6" t="s">
        <v>810</v>
      </c>
      <c r="K165" s="9" t="s">
        <v>811</v>
      </c>
      <c r="L165" s="10" t="s">
        <v>22</v>
      </c>
      <c r="M165" s="10" t="s">
        <v>22</v>
      </c>
      <c r="N165" s="10" t="s">
        <v>22</v>
      </c>
      <c r="O165" s="10" t="s">
        <v>22</v>
      </c>
      <c r="P165" s="10" t="s">
        <v>22</v>
      </c>
      <c r="Q165" s="10" t="s">
        <v>22</v>
      </c>
      <c r="R165" s="10" t="s">
        <v>22</v>
      </c>
      <c r="S165" s="10" t="s">
        <v>22</v>
      </c>
      <c r="T165" s="10" t="s">
        <v>22</v>
      </c>
      <c r="U165" s="10" t="s">
        <v>22</v>
      </c>
      <c r="V165" s="10" t="s">
        <v>22</v>
      </c>
      <c r="W165" s="10" t="s">
        <v>22</v>
      </c>
      <c r="X165" s="10" t="s">
        <v>22</v>
      </c>
      <c r="Y165" s="10" t="s">
        <v>22</v>
      </c>
      <c r="Z165" s="10" t="s">
        <v>22</v>
      </c>
    </row>
    <row r="166" spans="1:26" ht="24" customHeight="1" x14ac:dyDescent="0.2">
      <c r="A166" s="9" t="s">
        <v>17444</v>
      </c>
      <c r="B166" s="9" t="s">
        <v>14</v>
      </c>
      <c r="C166" s="9" t="s">
        <v>812</v>
      </c>
      <c r="D166" s="6" t="s">
        <v>813</v>
      </c>
      <c r="E166" s="22">
        <v>44643</v>
      </c>
      <c r="F166" s="22">
        <v>46468</v>
      </c>
      <c r="G166" s="6" t="s">
        <v>814</v>
      </c>
      <c r="H166" s="6" t="s">
        <v>18</v>
      </c>
      <c r="I166" s="6" t="s">
        <v>19</v>
      </c>
      <c r="J166" s="6" t="s">
        <v>815</v>
      </c>
      <c r="L166" s="10" t="s">
        <v>22</v>
      </c>
      <c r="M166" s="10" t="s">
        <v>22</v>
      </c>
      <c r="N166" s="10" t="s">
        <v>22</v>
      </c>
      <c r="O166" s="10" t="s">
        <v>22</v>
      </c>
      <c r="P166" s="10" t="s">
        <v>22</v>
      </c>
      <c r="Q166" s="10" t="s">
        <v>22</v>
      </c>
      <c r="R166" s="10" t="s">
        <v>22</v>
      </c>
      <c r="S166" s="10" t="s">
        <v>22</v>
      </c>
      <c r="T166" s="10" t="s">
        <v>22</v>
      </c>
      <c r="U166" s="10" t="s">
        <v>22</v>
      </c>
      <c r="V166" s="10" t="s">
        <v>22</v>
      </c>
      <c r="W166" s="10" t="s">
        <v>22</v>
      </c>
      <c r="X166" s="10" t="s">
        <v>22</v>
      </c>
      <c r="Y166" s="10" t="s">
        <v>22</v>
      </c>
      <c r="Z166" s="10" t="s">
        <v>22</v>
      </c>
    </row>
    <row r="167" spans="1:26" ht="24" customHeight="1" x14ac:dyDescent="0.2">
      <c r="A167" s="9" t="s">
        <v>17445</v>
      </c>
      <c r="B167" s="9" t="s">
        <v>14</v>
      </c>
      <c r="C167" s="9" t="s">
        <v>816</v>
      </c>
      <c r="D167" s="6" t="s">
        <v>817</v>
      </c>
      <c r="E167" s="22">
        <v>44643</v>
      </c>
      <c r="F167" s="22">
        <v>46468</v>
      </c>
      <c r="G167" s="6" t="s">
        <v>818</v>
      </c>
      <c r="H167" s="6" t="s">
        <v>62</v>
      </c>
      <c r="I167" s="6" t="s">
        <v>819</v>
      </c>
      <c r="J167" s="6" t="s">
        <v>820</v>
      </c>
      <c r="K167" s="9" t="s">
        <v>821</v>
      </c>
      <c r="L167" s="10" t="s">
        <v>22</v>
      </c>
      <c r="M167" s="10" t="s">
        <v>22</v>
      </c>
      <c r="N167" s="10" t="s">
        <v>22</v>
      </c>
      <c r="O167" s="10" t="s">
        <v>22</v>
      </c>
      <c r="P167" s="10" t="s">
        <v>22</v>
      </c>
      <c r="Q167" s="10" t="s">
        <v>22</v>
      </c>
      <c r="R167" s="10" t="s">
        <v>22</v>
      </c>
      <c r="S167" s="10" t="s">
        <v>22</v>
      </c>
      <c r="T167" s="10" t="s">
        <v>22</v>
      </c>
      <c r="U167" s="10" t="s">
        <v>22</v>
      </c>
      <c r="V167" s="10" t="s">
        <v>22</v>
      </c>
      <c r="W167" s="10" t="s">
        <v>22</v>
      </c>
      <c r="X167" s="10" t="s">
        <v>22</v>
      </c>
      <c r="Y167" s="10" t="s">
        <v>22</v>
      </c>
      <c r="Z167" s="10" t="s">
        <v>22</v>
      </c>
    </row>
    <row r="168" spans="1:26" ht="24" customHeight="1" x14ac:dyDescent="0.2">
      <c r="A168" s="9" t="s">
        <v>17446</v>
      </c>
      <c r="B168" s="9" t="s">
        <v>14</v>
      </c>
      <c r="C168" s="9" t="s">
        <v>822</v>
      </c>
      <c r="D168" s="6" t="s">
        <v>823</v>
      </c>
      <c r="E168" s="22">
        <v>44643</v>
      </c>
      <c r="F168" s="22">
        <v>46468</v>
      </c>
      <c r="G168" s="6" t="s">
        <v>824</v>
      </c>
      <c r="H168" s="6" t="s">
        <v>229</v>
      </c>
      <c r="I168" s="6" t="s">
        <v>825</v>
      </c>
      <c r="J168" s="6" t="s">
        <v>826</v>
      </c>
      <c r="L168" s="10" t="s">
        <v>22</v>
      </c>
      <c r="M168" s="10" t="s">
        <v>22</v>
      </c>
      <c r="N168" s="10" t="s">
        <v>22</v>
      </c>
      <c r="O168" s="10" t="s">
        <v>22</v>
      </c>
      <c r="P168" s="10" t="s">
        <v>22</v>
      </c>
      <c r="Q168" s="10" t="s">
        <v>22</v>
      </c>
      <c r="R168" s="10" t="s">
        <v>22</v>
      </c>
      <c r="S168" s="10" t="s">
        <v>22</v>
      </c>
      <c r="T168" s="10" t="s">
        <v>22</v>
      </c>
      <c r="U168" s="10" t="s">
        <v>22</v>
      </c>
      <c r="V168" s="10" t="s">
        <v>22</v>
      </c>
      <c r="W168" s="10" t="s">
        <v>22</v>
      </c>
      <c r="X168" s="10" t="s">
        <v>22</v>
      </c>
      <c r="Y168" s="10" t="s">
        <v>22</v>
      </c>
      <c r="Z168" s="10" t="s">
        <v>22</v>
      </c>
    </row>
    <row r="169" spans="1:26" ht="24" customHeight="1" x14ac:dyDescent="0.2">
      <c r="A169" s="9" t="s">
        <v>17447</v>
      </c>
      <c r="B169" s="9" t="s">
        <v>14</v>
      </c>
      <c r="C169" s="9" t="s">
        <v>827</v>
      </c>
      <c r="D169" s="6" t="s">
        <v>828</v>
      </c>
      <c r="E169" s="22">
        <v>44646</v>
      </c>
      <c r="F169" s="22">
        <v>46471</v>
      </c>
      <c r="G169" s="6" t="s">
        <v>829</v>
      </c>
      <c r="H169" s="6" t="s">
        <v>18</v>
      </c>
      <c r="I169" s="6" t="s">
        <v>26</v>
      </c>
      <c r="J169" s="6" t="s">
        <v>830</v>
      </c>
      <c r="K169" s="9" t="s">
        <v>831</v>
      </c>
      <c r="L169" s="10" t="s">
        <v>22</v>
      </c>
      <c r="M169" s="10" t="s">
        <v>22</v>
      </c>
      <c r="N169" s="10" t="s">
        <v>22</v>
      </c>
      <c r="O169" s="10" t="s">
        <v>22</v>
      </c>
      <c r="P169" s="10" t="s">
        <v>22</v>
      </c>
      <c r="Q169" s="10" t="s">
        <v>22</v>
      </c>
      <c r="R169" s="10" t="s">
        <v>22</v>
      </c>
      <c r="S169" s="10" t="s">
        <v>22</v>
      </c>
      <c r="T169" s="10" t="s">
        <v>22</v>
      </c>
      <c r="U169" s="10" t="s">
        <v>22</v>
      </c>
      <c r="V169" s="10" t="s">
        <v>22</v>
      </c>
      <c r="W169" s="10" t="s">
        <v>22</v>
      </c>
      <c r="X169" s="10" t="s">
        <v>22</v>
      </c>
      <c r="Y169" s="10" t="s">
        <v>22</v>
      </c>
      <c r="Z169" s="10" t="s">
        <v>22</v>
      </c>
    </row>
    <row r="170" spans="1:26" ht="24" customHeight="1" x14ac:dyDescent="0.2">
      <c r="A170" s="9" t="s">
        <v>17448</v>
      </c>
      <c r="B170" s="9" t="s">
        <v>14</v>
      </c>
      <c r="C170" s="9" t="s">
        <v>832</v>
      </c>
      <c r="D170" s="6" t="s">
        <v>833</v>
      </c>
      <c r="E170" s="22">
        <v>44646</v>
      </c>
      <c r="F170" s="22">
        <v>46471</v>
      </c>
      <c r="G170" s="6" t="s">
        <v>834</v>
      </c>
      <c r="H170" s="6" t="s">
        <v>229</v>
      </c>
      <c r="I170" s="6" t="s">
        <v>835</v>
      </c>
      <c r="J170" s="6" t="s">
        <v>836</v>
      </c>
      <c r="K170" s="9" t="s">
        <v>837</v>
      </c>
      <c r="L170" s="10" t="s">
        <v>22</v>
      </c>
      <c r="M170" s="10" t="s">
        <v>22</v>
      </c>
      <c r="N170" s="10" t="s">
        <v>22</v>
      </c>
      <c r="O170" s="10" t="s">
        <v>22</v>
      </c>
      <c r="P170" s="10" t="s">
        <v>22</v>
      </c>
      <c r="Q170" s="10" t="s">
        <v>22</v>
      </c>
      <c r="R170" s="10" t="s">
        <v>22</v>
      </c>
      <c r="S170" s="10" t="s">
        <v>22</v>
      </c>
      <c r="T170" s="10" t="s">
        <v>22</v>
      </c>
      <c r="U170" s="10" t="s">
        <v>22</v>
      </c>
      <c r="V170" s="10" t="s">
        <v>22</v>
      </c>
      <c r="W170" s="10" t="s">
        <v>22</v>
      </c>
      <c r="X170" s="10" t="s">
        <v>22</v>
      </c>
      <c r="Y170" s="10" t="s">
        <v>22</v>
      </c>
      <c r="Z170" s="10" t="s">
        <v>22</v>
      </c>
    </row>
    <row r="171" spans="1:26" ht="24" customHeight="1" x14ac:dyDescent="0.2">
      <c r="A171" s="9" t="s">
        <v>17449</v>
      </c>
      <c r="B171" s="9" t="s">
        <v>14</v>
      </c>
      <c r="C171" s="9" t="s">
        <v>839</v>
      </c>
      <c r="D171" s="6" t="s">
        <v>840</v>
      </c>
      <c r="E171" s="22">
        <v>44646</v>
      </c>
      <c r="F171" s="22">
        <v>46471</v>
      </c>
      <c r="G171" s="6" t="s">
        <v>841</v>
      </c>
      <c r="H171" s="6" t="s">
        <v>62</v>
      </c>
      <c r="I171" s="6" t="s">
        <v>842</v>
      </c>
      <c r="J171" s="6" t="s">
        <v>843</v>
      </c>
      <c r="K171" s="9" t="s">
        <v>844</v>
      </c>
      <c r="L171" s="10" t="s">
        <v>22</v>
      </c>
      <c r="M171" s="10" t="s">
        <v>22</v>
      </c>
      <c r="N171" s="10" t="s">
        <v>22</v>
      </c>
      <c r="O171" s="10" t="s">
        <v>22</v>
      </c>
      <c r="P171" s="10" t="s">
        <v>22</v>
      </c>
      <c r="Q171" s="10" t="s">
        <v>22</v>
      </c>
      <c r="R171" s="10" t="s">
        <v>22</v>
      </c>
      <c r="S171" s="10" t="s">
        <v>22</v>
      </c>
      <c r="T171" s="10" t="s">
        <v>22</v>
      </c>
      <c r="U171" s="10" t="s">
        <v>22</v>
      </c>
      <c r="V171" s="10" t="s">
        <v>22</v>
      </c>
      <c r="W171" s="10" t="s">
        <v>22</v>
      </c>
      <c r="X171" s="10" t="s">
        <v>22</v>
      </c>
      <c r="Y171" s="10" t="s">
        <v>22</v>
      </c>
      <c r="Z171" s="10" t="s">
        <v>22</v>
      </c>
    </row>
    <row r="172" spans="1:26" ht="24" customHeight="1" x14ac:dyDescent="0.2">
      <c r="A172" s="9" t="s">
        <v>17450</v>
      </c>
      <c r="B172" s="9" t="s">
        <v>14</v>
      </c>
      <c r="C172" s="9" t="s">
        <v>845</v>
      </c>
      <c r="D172" s="6" t="s">
        <v>846</v>
      </c>
      <c r="E172" s="22">
        <v>44646</v>
      </c>
      <c r="F172" s="22">
        <v>46471</v>
      </c>
      <c r="G172" s="6" t="s">
        <v>847</v>
      </c>
      <c r="H172" s="6" t="s">
        <v>18</v>
      </c>
      <c r="I172" s="6" t="s">
        <v>19</v>
      </c>
      <c r="J172" s="6" t="s">
        <v>848</v>
      </c>
      <c r="K172" s="9" t="s">
        <v>849</v>
      </c>
      <c r="L172" s="10" t="s">
        <v>22</v>
      </c>
      <c r="M172" s="10" t="s">
        <v>22</v>
      </c>
      <c r="N172" s="10" t="s">
        <v>22</v>
      </c>
      <c r="O172" s="10" t="s">
        <v>22</v>
      </c>
      <c r="P172" s="10" t="s">
        <v>22</v>
      </c>
      <c r="Q172" s="10" t="s">
        <v>22</v>
      </c>
      <c r="U172" s="10" t="s">
        <v>22</v>
      </c>
      <c r="V172" s="10" t="s">
        <v>22</v>
      </c>
      <c r="W172" s="10" t="s">
        <v>22</v>
      </c>
      <c r="X172" s="10" t="s">
        <v>22</v>
      </c>
      <c r="Y172" s="10" t="s">
        <v>22</v>
      </c>
      <c r="Z172" s="10" t="s">
        <v>22</v>
      </c>
    </row>
    <row r="173" spans="1:26" ht="24" customHeight="1" x14ac:dyDescent="0.2">
      <c r="A173" s="9" t="s">
        <v>17451</v>
      </c>
      <c r="B173" s="9" t="s">
        <v>14</v>
      </c>
      <c r="C173" s="9" t="s">
        <v>850</v>
      </c>
      <c r="D173" s="6" t="s">
        <v>851</v>
      </c>
      <c r="E173" s="22">
        <v>44646</v>
      </c>
      <c r="F173" s="22">
        <v>46471</v>
      </c>
      <c r="G173" s="6" t="s">
        <v>852</v>
      </c>
      <c r="H173" s="6" t="s">
        <v>62</v>
      </c>
      <c r="I173" s="6" t="s">
        <v>73</v>
      </c>
      <c r="J173" s="6" t="s">
        <v>853</v>
      </c>
      <c r="L173" s="10" t="s">
        <v>22</v>
      </c>
      <c r="M173" s="10" t="s">
        <v>22</v>
      </c>
      <c r="N173" s="10" t="s">
        <v>22</v>
      </c>
      <c r="O173" s="10" t="s">
        <v>22</v>
      </c>
      <c r="P173" s="10" t="s">
        <v>22</v>
      </c>
      <c r="Q173" s="10" t="s">
        <v>22</v>
      </c>
      <c r="R173" s="10" t="s">
        <v>22</v>
      </c>
      <c r="S173" s="10" t="s">
        <v>22</v>
      </c>
      <c r="T173" s="10" t="s">
        <v>22</v>
      </c>
      <c r="U173" s="10" t="s">
        <v>22</v>
      </c>
      <c r="V173" s="10" t="s">
        <v>22</v>
      </c>
      <c r="W173" s="10" t="s">
        <v>22</v>
      </c>
      <c r="X173" s="10" t="s">
        <v>22</v>
      </c>
      <c r="Y173" s="10" t="s">
        <v>22</v>
      </c>
      <c r="Z173" s="10" t="s">
        <v>22</v>
      </c>
    </row>
    <row r="174" spans="1:26" ht="24" customHeight="1" x14ac:dyDescent="0.2">
      <c r="A174" s="9" t="s">
        <v>17452</v>
      </c>
      <c r="B174" s="9" t="s">
        <v>14</v>
      </c>
      <c r="C174" s="9" t="s">
        <v>854</v>
      </c>
      <c r="D174" s="6" t="s">
        <v>855</v>
      </c>
      <c r="E174" s="22">
        <v>44646</v>
      </c>
      <c r="F174" s="22">
        <v>46471</v>
      </c>
      <c r="G174" s="6" t="s">
        <v>856</v>
      </c>
      <c r="H174" s="6" t="s">
        <v>202</v>
      </c>
      <c r="I174" s="6" t="s">
        <v>857</v>
      </c>
      <c r="J174" s="6" t="s">
        <v>858</v>
      </c>
      <c r="K174" s="9" t="s">
        <v>859</v>
      </c>
      <c r="L174" s="10" t="s">
        <v>22</v>
      </c>
      <c r="M174" s="10" t="s">
        <v>22</v>
      </c>
      <c r="N174" s="10" t="s">
        <v>22</v>
      </c>
      <c r="O174" s="10" t="s">
        <v>22</v>
      </c>
      <c r="P174" s="10" t="s">
        <v>22</v>
      </c>
      <c r="Q174" s="10" t="s">
        <v>22</v>
      </c>
      <c r="U174" s="10" t="s">
        <v>22</v>
      </c>
      <c r="V174" s="10" t="s">
        <v>22</v>
      </c>
      <c r="W174" s="10" t="s">
        <v>22</v>
      </c>
      <c r="X174" s="10" t="s">
        <v>22</v>
      </c>
      <c r="Y174" s="10" t="s">
        <v>22</v>
      </c>
      <c r="Z174" s="10" t="s">
        <v>22</v>
      </c>
    </row>
    <row r="175" spans="1:26" ht="24" customHeight="1" x14ac:dyDescent="0.2">
      <c r="A175" s="9" t="s">
        <v>17453</v>
      </c>
      <c r="B175" s="9" t="s">
        <v>14</v>
      </c>
      <c r="C175" s="9" t="s">
        <v>860</v>
      </c>
      <c r="D175" s="6" t="s">
        <v>861</v>
      </c>
      <c r="E175" s="22">
        <v>44648</v>
      </c>
      <c r="F175" s="22">
        <v>46473</v>
      </c>
      <c r="G175" s="6" t="s">
        <v>862</v>
      </c>
      <c r="H175" s="6" t="s">
        <v>202</v>
      </c>
      <c r="I175" s="6" t="s">
        <v>863</v>
      </c>
      <c r="J175" s="6" t="s">
        <v>864</v>
      </c>
      <c r="K175" s="9" t="s">
        <v>865</v>
      </c>
      <c r="L175" s="10" t="s">
        <v>22</v>
      </c>
      <c r="M175" s="10" t="s">
        <v>22</v>
      </c>
      <c r="N175" s="10" t="s">
        <v>22</v>
      </c>
      <c r="O175" s="10" t="s">
        <v>22</v>
      </c>
      <c r="P175" s="10" t="s">
        <v>22</v>
      </c>
      <c r="Q175" s="10" t="s">
        <v>22</v>
      </c>
      <c r="R175" s="10" t="s">
        <v>22</v>
      </c>
      <c r="S175" s="10" t="s">
        <v>22</v>
      </c>
      <c r="T175" s="10" t="s">
        <v>22</v>
      </c>
      <c r="U175" s="10" t="s">
        <v>22</v>
      </c>
      <c r="V175" s="10" t="s">
        <v>22</v>
      </c>
      <c r="W175" s="10" t="s">
        <v>22</v>
      </c>
      <c r="X175" s="10" t="s">
        <v>22</v>
      </c>
      <c r="Y175" s="10" t="s">
        <v>22</v>
      </c>
      <c r="Z175" s="10" t="s">
        <v>22</v>
      </c>
    </row>
    <row r="176" spans="1:26" ht="24" customHeight="1" x14ac:dyDescent="0.2">
      <c r="A176" s="9" t="s">
        <v>17454</v>
      </c>
      <c r="B176" s="9" t="s">
        <v>14</v>
      </c>
      <c r="C176" s="9" t="s">
        <v>866</v>
      </c>
      <c r="D176" s="6" t="s">
        <v>867</v>
      </c>
      <c r="E176" s="22">
        <v>44648</v>
      </c>
      <c r="F176" s="22">
        <v>46473</v>
      </c>
      <c r="G176" s="6" t="s">
        <v>868</v>
      </c>
      <c r="H176" s="6" t="s">
        <v>62</v>
      </c>
      <c r="I176" s="6" t="s">
        <v>379</v>
      </c>
      <c r="J176" s="6" t="s">
        <v>16181</v>
      </c>
      <c r="K176" s="9" t="s">
        <v>869</v>
      </c>
      <c r="L176" s="10" t="s">
        <v>22</v>
      </c>
      <c r="M176" s="10" t="s">
        <v>22</v>
      </c>
      <c r="N176" s="10" t="s">
        <v>22</v>
      </c>
      <c r="O176" s="10" t="s">
        <v>22</v>
      </c>
      <c r="P176" s="10" t="s">
        <v>22</v>
      </c>
      <c r="Q176" s="10" t="s">
        <v>22</v>
      </c>
      <c r="R176" s="10" t="s">
        <v>22</v>
      </c>
      <c r="S176" s="10" t="s">
        <v>22</v>
      </c>
      <c r="T176" s="10" t="s">
        <v>22</v>
      </c>
      <c r="U176" s="10" t="s">
        <v>22</v>
      </c>
      <c r="V176" s="10" t="s">
        <v>22</v>
      </c>
      <c r="W176" s="10" t="s">
        <v>22</v>
      </c>
      <c r="X176" s="10" t="s">
        <v>22</v>
      </c>
      <c r="Y176" s="10" t="s">
        <v>22</v>
      </c>
      <c r="Z176" s="10" t="s">
        <v>22</v>
      </c>
    </row>
    <row r="177" spans="1:26" ht="24" customHeight="1" x14ac:dyDescent="0.2">
      <c r="A177" s="9" t="s">
        <v>17455</v>
      </c>
      <c r="B177" s="9" t="s">
        <v>14</v>
      </c>
      <c r="C177" s="9" t="s">
        <v>870</v>
      </c>
      <c r="D177" s="6" t="s">
        <v>871</v>
      </c>
      <c r="E177" s="22">
        <v>44648</v>
      </c>
      <c r="F177" s="22">
        <v>46473</v>
      </c>
      <c r="G177" s="6" t="s">
        <v>872</v>
      </c>
      <c r="H177" s="6" t="s">
        <v>202</v>
      </c>
      <c r="I177" s="6" t="s">
        <v>873</v>
      </c>
      <c r="J177" s="6" t="s">
        <v>874</v>
      </c>
      <c r="K177" s="9" t="s">
        <v>875</v>
      </c>
      <c r="L177" s="10" t="s">
        <v>22</v>
      </c>
      <c r="M177" s="10" t="s">
        <v>22</v>
      </c>
      <c r="N177" s="10" t="s">
        <v>22</v>
      </c>
      <c r="O177" s="10" t="s">
        <v>22</v>
      </c>
      <c r="P177" s="10" t="s">
        <v>22</v>
      </c>
      <c r="Q177" s="10" t="s">
        <v>22</v>
      </c>
      <c r="R177" s="10" t="s">
        <v>22</v>
      </c>
      <c r="S177" s="10" t="s">
        <v>22</v>
      </c>
      <c r="T177" s="10" t="s">
        <v>22</v>
      </c>
      <c r="V177" s="10" t="s">
        <v>22</v>
      </c>
      <c r="W177" s="10" t="s">
        <v>22</v>
      </c>
      <c r="Y177" s="10" t="s">
        <v>22</v>
      </c>
      <c r="Z177" s="10" t="s">
        <v>22</v>
      </c>
    </row>
    <row r="178" spans="1:26" ht="24" customHeight="1" x14ac:dyDescent="0.2">
      <c r="A178" s="9" t="s">
        <v>17456</v>
      </c>
      <c r="B178" s="9" t="s">
        <v>14</v>
      </c>
      <c r="C178" s="9" t="s">
        <v>876</v>
      </c>
      <c r="D178" s="6" t="s">
        <v>877</v>
      </c>
      <c r="E178" s="22">
        <v>44648</v>
      </c>
      <c r="F178" s="22">
        <v>46473</v>
      </c>
      <c r="G178" s="6" t="s">
        <v>878</v>
      </c>
      <c r="H178" s="6" t="s">
        <v>202</v>
      </c>
      <c r="I178" s="6" t="s">
        <v>879</v>
      </c>
      <c r="J178" s="6" t="s">
        <v>880</v>
      </c>
      <c r="K178" s="9" t="s">
        <v>881</v>
      </c>
      <c r="L178" s="10" t="s">
        <v>22</v>
      </c>
      <c r="M178" s="10" t="s">
        <v>22</v>
      </c>
      <c r="N178" s="10" t="s">
        <v>22</v>
      </c>
      <c r="O178" s="10" t="s">
        <v>22</v>
      </c>
      <c r="P178" s="10" t="s">
        <v>22</v>
      </c>
      <c r="Q178" s="10" t="s">
        <v>22</v>
      </c>
      <c r="R178" s="10" t="s">
        <v>22</v>
      </c>
      <c r="S178" s="10" t="s">
        <v>22</v>
      </c>
      <c r="T178" s="10" t="s">
        <v>22</v>
      </c>
      <c r="U178" s="10" t="s">
        <v>22</v>
      </c>
      <c r="V178" s="10" t="s">
        <v>22</v>
      </c>
      <c r="W178" s="10" t="s">
        <v>22</v>
      </c>
      <c r="X178" s="10" t="s">
        <v>22</v>
      </c>
      <c r="Y178" s="10" t="s">
        <v>22</v>
      </c>
      <c r="Z178" s="10" t="s">
        <v>22</v>
      </c>
    </row>
    <row r="179" spans="1:26" ht="24" customHeight="1" x14ac:dyDescent="0.2">
      <c r="A179" s="9" t="s">
        <v>17457</v>
      </c>
      <c r="B179" s="9" t="s">
        <v>14</v>
      </c>
      <c r="C179" s="9" t="s">
        <v>882</v>
      </c>
      <c r="D179" s="6" t="s">
        <v>883</v>
      </c>
      <c r="E179" s="22">
        <v>44648</v>
      </c>
      <c r="F179" s="22">
        <v>46473</v>
      </c>
      <c r="G179" s="6" t="s">
        <v>884</v>
      </c>
      <c r="H179" s="6" t="s">
        <v>62</v>
      </c>
      <c r="I179" s="6" t="s">
        <v>264</v>
      </c>
      <c r="J179" s="6" t="s">
        <v>885</v>
      </c>
      <c r="K179" s="9" t="s">
        <v>886</v>
      </c>
      <c r="L179" s="10" t="s">
        <v>22</v>
      </c>
      <c r="M179" s="10" t="s">
        <v>22</v>
      </c>
      <c r="N179" s="10" t="s">
        <v>22</v>
      </c>
      <c r="O179" s="10" t="s">
        <v>22</v>
      </c>
      <c r="P179" s="10" t="s">
        <v>22</v>
      </c>
      <c r="Q179" s="10" t="s">
        <v>22</v>
      </c>
      <c r="R179" s="10" t="s">
        <v>22</v>
      </c>
      <c r="S179" s="10" t="s">
        <v>22</v>
      </c>
      <c r="T179" s="10" t="s">
        <v>22</v>
      </c>
      <c r="U179" s="10" t="s">
        <v>22</v>
      </c>
      <c r="V179" s="10" t="s">
        <v>22</v>
      </c>
      <c r="W179" s="10" t="s">
        <v>22</v>
      </c>
      <c r="X179" s="10" t="s">
        <v>22</v>
      </c>
      <c r="Y179" s="10" t="s">
        <v>22</v>
      </c>
      <c r="Z179" s="10" t="s">
        <v>22</v>
      </c>
    </row>
    <row r="180" spans="1:26" ht="24" customHeight="1" x14ac:dyDescent="0.2">
      <c r="A180" s="9" t="s">
        <v>17458</v>
      </c>
      <c r="B180" s="9" t="s">
        <v>14</v>
      </c>
      <c r="C180" s="9" t="s">
        <v>887</v>
      </c>
      <c r="D180" s="6" t="s">
        <v>888</v>
      </c>
      <c r="E180" s="22">
        <v>44648</v>
      </c>
      <c r="F180" s="22">
        <v>46473</v>
      </c>
      <c r="G180" s="6" t="s">
        <v>889</v>
      </c>
      <c r="H180" s="6" t="s">
        <v>229</v>
      </c>
      <c r="I180" s="6" t="s">
        <v>324</v>
      </c>
      <c r="J180" s="6" t="s">
        <v>890</v>
      </c>
      <c r="K180" s="9" t="s">
        <v>891</v>
      </c>
      <c r="L180" s="10" t="s">
        <v>22</v>
      </c>
      <c r="M180" s="10" t="s">
        <v>22</v>
      </c>
      <c r="N180" s="10" t="s">
        <v>22</v>
      </c>
      <c r="O180" s="10" t="s">
        <v>22</v>
      </c>
      <c r="P180" s="10" t="s">
        <v>22</v>
      </c>
      <c r="Q180" s="10" t="s">
        <v>22</v>
      </c>
      <c r="R180" s="10" t="s">
        <v>22</v>
      </c>
      <c r="S180" s="10" t="s">
        <v>22</v>
      </c>
      <c r="T180" s="10" t="s">
        <v>22</v>
      </c>
      <c r="U180" s="10" t="s">
        <v>22</v>
      </c>
      <c r="V180" s="10" t="s">
        <v>22</v>
      </c>
      <c r="W180" s="10" t="s">
        <v>22</v>
      </c>
      <c r="X180" s="10" t="s">
        <v>22</v>
      </c>
      <c r="Y180" s="10" t="s">
        <v>22</v>
      </c>
      <c r="Z180" s="10" t="s">
        <v>22</v>
      </c>
    </row>
    <row r="181" spans="1:26" ht="24" customHeight="1" x14ac:dyDescent="0.2">
      <c r="A181" s="9" t="s">
        <v>17459</v>
      </c>
      <c r="B181" s="9" t="s">
        <v>14</v>
      </c>
      <c r="C181" s="9" t="s">
        <v>892</v>
      </c>
      <c r="D181" s="6" t="s">
        <v>893</v>
      </c>
      <c r="E181" s="22">
        <v>44648</v>
      </c>
      <c r="F181" s="22">
        <v>46473</v>
      </c>
      <c r="G181" s="6" t="s">
        <v>894</v>
      </c>
      <c r="H181" s="6" t="s">
        <v>202</v>
      </c>
      <c r="I181" s="6" t="s">
        <v>336</v>
      </c>
      <c r="J181" s="6" t="s">
        <v>895</v>
      </c>
      <c r="L181" s="10" t="s">
        <v>22</v>
      </c>
      <c r="M181" s="10" t="s">
        <v>22</v>
      </c>
      <c r="N181" s="10" t="s">
        <v>22</v>
      </c>
      <c r="O181" s="10" t="s">
        <v>22</v>
      </c>
      <c r="P181" s="10" t="s">
        <v>22</v>
      </c>
      <c r="Q181" s="10" t="s">
        <v>22</v>
      </c>
      <c r="R181" s="10" t="s">
        <v>22</v>
      </c>
      <c r="S181" s="10" t="s">
        <v>22</v>
      </c>
      <c r="T181" s="10" t="s">
        <v>22</v>
      </c>
      <c r="U181" s="10" t="s">
        <v>22</v>
      </c>
      <c r="V181" s="10" t="s">
        <v>22</v>
      </c>
      <c r="W181" s="10" t="s">
        <v>22</v>
      </c>
      <c r="X181" s="10" t="s">
        <v>22</v>
      </c>
      <c r="Y181" s="10" t="s">
        <v>22</v>
      </c>
      <c r="Z181" s="10" t="s">
        <v>22</v>
      </c>
    </row>
    <row r="182" spans="1:26" ht="24" customHeight="1" x14ac:dyDescent="0.2">
      <c r="A182" s="9" t="s">
        <v>17460</v>
      </c>
      <c r="B182" s="9" t="s">
        <v>14</v>
      </c>
      <c r="C182" s="9" t="s">
        <v>896</v>
      </c>
      <c r="D182" s="6" t="s">
        <v>897</v>
      </c>
      <c r="E182" s="22">
        <v>44648</v>
      </c>
      <c r="F182" s="22">
        <v>46473</v>
      </c>
      <c r="G182" s="6" t="s">
        <v>898</v>
      </c>
      <c r="H182" s="6" t="s">
        <v>62</v>
      </c>
      <c r="I182" s="6" t="s">
        <v>477</v>
      </c>
      <c r="J182" s="6" t="s">
        <v>899</v>
      </c>
      <c r="K182" s="9" t="s">
        <v>900</v>
      </c>
      <c r="L182" s="10" t="s">
        <v>22</v>
      </c>
      <c r="M182" s="10" t="s">
        <v>22</v>
      </c>
      <c r="N182" s="10" t="s">
        <v>22</v>
      </c>
      <c r="O182" s="10" t="s">
        <v>22</v>
      </c>
      <c r="P182" s="10" t="s">
        <v>22</v>
      </c>
      <c r="Q182" s="10" t="s">
        <v>22</v>
      </c>
      <c r="U182" s="10" t="s">
        <v>22</v>
      </c>
      <c r="V182" s="10" t="s">
        <v>22</v>
      </c>
      <c r="W182" s="10" t="s">
        <v>22</v>
      </c>
      <c r="X182" s="10" t="s">
        <v>22</v>
      </c>
      <c r="Y182" s="10" t="s">
        <v>22</v>
      </c>
      <c r="Z182" s="10" t="s">
        <v>22</v>
      </c>
    </row>
    <row r="183" spans="1:26" ht="24" customHeight="1" x14ac:dyDescent="0.2">
      <c r="A183" s="9" t="s">
        <v>17461</v>
      </c>
      <c r="B183" s="9" t="s">
        <v>14</v>
      </c>
      <c r="C183" s="9" t="s">
        <v>901</v>
      </c>
      <c r="D183" s="6" t="s">
        <v>902</v>
      </c>
      <c r="E183" s="22">
        <v>44648</v>
      </c>
      <c r="F183" s="22">
        <v>46473</v>
      </c>
      <c r="G183" s="6" t="s">
        <v>903</v>
      </c>
      <c r="H183" s="6" t="s">
        <v>62</v>
      </c>
      <c r="I183" s="6" t="s">
        <v>63</v>
      </c>
      <c r="J183" s="6" t="s">
        <v>904</v>
      </c>
      <c r="K183" s="9" t="s">
        <v>905</v>
      </c>
      <c r="L183" s="10" t="s">
        <v>22</v>
      </c>
      <c r="M183" s="10" t="s">
        <v>22</v>
      </c>
      <c r="N183" s="10" t="s">
        <v>22</v>
      </c>
      <c r="O183" s="10" t="s">
        <v>22</v>
      </c>
      <c r="P183" s="10" t="s">
        <v>22</v>
      </c>
      <c r="Q183" s="10" t="s">
        <v>22</v>
      </c>
      <c r="U183" s="10" t="s">
        <v>22</v>
      </c>
      <c r="V183" s="10" t="s">
        <v>22</v>
      </c>
      <c r="W183" s="10" t="s">
        <v>22</v>
      </c>
      <c r="X183" s="10" t="s">
        <v>22</v>
      </c>
      <c r="Y183" s="10" t="s">
        <v>22</v>
      </c>
      <c r="Z183" s="10" t="s">
        <v>22</v>
      </c>
    </row>
    <row r="184" spans="1:26" ht="24" customHeight="1" x14ac:dyDescent="0.2">
      <c r="A184" s="9" t="s">
        <v>17462</v>
      </c>
      <c r="B184" s="9" t="s">
        <v>14</v>
      </c>
      <c r="C184" s="9" t="s">
        <v>906</v>
      </c>
      <c r="D184" s="6" t="s">
        <v>907</v>
      </c>
      <c r="E184" s="22">
        <v>44648</v>
      </c>
      <c r="F184" s="22">
        <v>46473</v>
      </c>
      <c r="G184" s="6" t="s">
        <v>908</v>
      </c>
      <c r="H184" s="6" t="s">
        <v>62</v>
      </c>
      <c r="I184" s="6" t="s">
        <v>842</v>
      </c>
      <c r="J184" s="6" t="s">
        <v>909</v>
      </c>
      <c r="K184" s="9" t="s">
        <v>910</v>
      </c>
      <c r="L184" s="10" t="s">
        <v>22</v>
      </c>
      <c r="M184" s="10" t="s">
        <v>22</v>
      </c>
      <c r="N184" s="10" t="s">
        <v>22</v>
      </c>
      <c r="O184" s="10" t="s">
        <v>22</v>
      </c>
      <c r="P184" s="10" t="s">
        <v>22</v>
      </c>
      <c r="Q184" s="10" t="s">
        <v>22</v>
      </c>
      <c r="R184" s="10" t="s">
        <v>22</v>
      </c>
      <c r="S184" s="10" t="s">
        <v>22</v>
      </c>
      <c r="T184" s="10" t="s">
        <v>22</v>
      </c>
      <c r="U184" s="10" t="s">
        <v>22</v>
      </c>
      <c r="V184" s="10" t="s">
        <v>22</v>
      </c>
      <c r="W184" s="10" t="s">
        <v>22</v>
      </c>
      <c r="X184" s="10" t="s">
        <v>22</v>
      </c>
      <c r="Y184" s="10" t="s">
        <v>22</v>
      </c>
      <c r="Z184" s="10" t="s">
        <v>22</v>
      </c>
    </row>
    <row r="185" spans="1:26" ht="24" customHeight="1" x14ac:dyDescent="0.2">
      <c r="A185" s="9" t="s">
        <v>17463</v>
      </c>
      <c r="B185" s="9" t="s">
        <v>14</v>
      </c>
      <c r="C185" s="9" t="s">
        <v>911</v>
      </c>
      <c r="D185" s="6" t="s">
        <v>912</v>
      </c>
      <c r="E185" s="22">
        <v>44648</v>
      </c>
      <c r="F185" s="22">
        <v>46473</v>
      </c>
      <c r="G185" s="6" t="s">
        <v>913</v>
      </c>
      <c r="H185" s="6" t="s">
        <v>62</v>
      </c>
      <c r="I185" s="6" t="s">
        <v>819</v>
      </c>
      <c r="J185" s="6" t="s">
        <v>914</v>
      </c>
      <c r="K185" s="9" t="s">
        <v>915</v>
      </c>
      <c r="L185" s="10" t="s">
        <v>22</v>
      </c>
      <c r="M185" s="10" t="s">
        <v>22</v>
      </c>
      <c r="N185" s="10" t="s">
        <v>22</v>
      </c>
      <c r="O185" s="10" t="s">
        <v>22</v>
      </c>
      <c r="P185" s="10" t="s">
        <v>22</v>
      </c>
      <c r="Q185" s="10" t="s">
        <v>22</v>
      </c>
      <c r="R185" s="10" t="s">
        <v>22</v>
      </c>
      <c r="S185" s="10" t="s">
        <v>22</v>
      </c>
      <c r="T185" s="10" t="s">
        <v>22</v>
      </c>
      <c r="U185" s="10" t="s">
        <v>22</v>
      </c>
      <c r="V185" s="10" t="s">
        <v>22</v>
      </c>
      <c r="W185" s="10" t="s">
        <v>22</v>
      </c>
      <c r="X185" s="10" t="s">
        <v>22</v>
      </c>
      <c r="Y185" s="10" t="s">
        <v>22</v>
      </c>
      <c r="Z185" s="10" t="s">
        <v>22</v>
      </c>
    </row>
    <row r="186" spans="1:26" ht="24" customHeight="1" x14ac:dyDescent="0.2">
      <c r="A186" s="9" t="s">
        <v>17464</v>
      </c>
      <c r="B186" s="9" t="s">
        <v>14</v>
      </c>
      <c r="C186" s="9" t="s">
        <v>916</v>
      </c>
      <c r="D186" s="6" t="s">
        <v>917</v>
      </c>
      <c r="E186" s="22">
        <v>44648</v>
      </c>
      <c r="F186" s="22">
        <v>46473</v>
      </c>
      <c r="G186" s="6" t="s">
        <v>918</v>
      </c>
      <c r="H186" s="6" t="s">
        <v>62</v>
      </c>
      <c r="I186" s="6" t="s">
        <v>63</v>
      </c>
      <c r="J186" s="6" t="s">
        <v>919</v>
      </c>
      <c r="K186" s="9" t="s">
        <v>920</v>
      </c>
      <c r="L186" s="10" t="s">
        <v>22</v>
      </c>
      <c r="M186" s="10" t="s">
        <v>22</v>
      </c>
      <c r="N186" s="10" t="s">
        <v>22</v>
      </c>
      <c r="O186" s="10" t="s">
        <v>22</v>
      </c>
      <c r="P186" s="10" t="s">
        <v>22</v>
      </c>
      <c r="Q186" s="10" t="s">
        <v>22</v>
      </c>
      <c r="S186" s="10" t="s">
        <v>22</v>
      </c>
      <c r="T186" s="10" t="s">
        <v>22</v>
      </c>
      <c r="U186" s="10" t="s">
        <v>22</v>
      </c>
      <c r="V186" s="10" t="s">
        <v>22</v>
      </c>
      <c r="W186" s="10" t="s">
        <v>22</v>
      </c>
      <c r="X186" s="10" t="s">
        <v>22</v>
      </c>
      <c r="Y186" s="10" t="s">
        <v>22</v>
      </c>
      <c r="Z186" s="10" t="s">
        <v>22</v>
      </c>
    </row>
    <row r="187" spans="1:26" ht="24" customHeight="1" x14ac:dyDescent="0.2">
      <c r="A187" s="9" t="s">
        <v>17465</v>
      </c>
      <c r="B187" s="9" t="s">
        <v>14</v>
      </c>
      <c r="C187" s="9" t="s">
        <v>921</v>
      </c>
      <c r="D187" s="6" t="s">
        <v>922</v>
      </c>
      <c r="E187" s="22">
        <v>44648</v>
      </c>
      <c r="F187" s="22">
        <v>46473</v>
      </c>
      <c r="G187" s="6" t="s">
        <v>923</v>
      </c>
      <c r="H187" s="6" t="s">
        <v>62</v>
      </c>
      <c r="I187" s="6" t="s">
        <v>63</v>
      </c>
      <c r="J187" s="6" t="s">
        <v>924</v>
      </c>
      <c r="K187" s="9" t="s">
        <v>925</v>
      </c>
      <c r="L187" s="10" t="s">
        <v>22</v>
      </c>
      <c r="M187" s="10" t="s">
        <v>22</v>
      </c>
      <c r="N187" s="10" t="s">
        <v>22</v>
      </c>
      <c r="O187" s="10" t="s">
        <v>22</v>
      </c>
      <c r="P187" s="10" t="s">
        <v>22</v>
      </c>
      <c r="Q187" s="10" t="s">
        <v>22</v>
      </c>
      <c r="S187" s="10" t="s">
        <v>22</v>
      </c>
      <c r="T187" s="10" t="s">
        <v>22</v>
      </c>
      <c r="U187" s="10" t="s">
        <v>22</v>
      </c>
      <c r="V187" s="10" t="s">
        <v>22</v>
      </c>
      <c r="W187" s="10" t="s">
        <v>22</v>
      </c>
      <c r="X187" s="10" t="s">
        <v>22</v>
      </c>
      <c r="Y187" s="10" t="s">
        <v>22</v>
      </c>
      <c r="Z187" s="10" t="s">
        <v>22</v>
      </c>
    </row>
    <row r="188" spans="1:26" ht="24" customHeight="1" x14ac:dyDescent="0.2">
      <c r="A188" s="9" t="s">
        <v>17466</v>
      </c>
      <c r="B188" s="9" t="s">
        <v>14</v>
      </c>
      <c r="C188" s="9" t="s">
        <v>926</v>
      </c>
      <c r="D188" s="6" t="s">
        <v>927</v>
      </c>
      <c r="E188" s="22">
        <v>44648</v>
      </c>
      <c r="F188" s="22">
        <v>46473</v>
      </c>
      <c r="G188" s="6" t="s">
        <v>928</v>
      </c>
      <c r="H188" s="6" t="s">
        <v>62</v>
      </c>
      <c r="I188" s="6" t="s">
        <v>379</v>
      </c>
      <c r="J188" s="6" t="s">
        <v>929</v>
      </c>
      <c r="L188" s="10" t="s">
        <v>22</v>
      </c>
      <c r="M188" s="10" t="s">
        <v>22</v>
      </c>
      <c r="N188" s="10" t="s">
        <v>22</v>
      </c>
      <c r="O188" s="10" t="s">
        <v>22</v>
      </c>
      <c r="P188" s="10" t="s">
        <v>22</v>
      </c>
      <c r="Q188" s="10" t="s">
        <v>22</v>
      </c>
      <c r="U188" s="10" t="s">
        <v>22</v>
      </c>
      <c r="V188" s="10" t="s">
        <v>22</v>
      </c>
      <c r="W188" s="10" t="s">
        <v>22</v>
      </c>
      <c r="X188" s="10" t="s">
        <v>22</v>
      </c>
      <c r="Y188" s="10" t="s">
        <v>22</v>
      </c>
      <c r="Z188" s="10" t="s">
        <v>22</v>
      </c>
    </row>
    <row r="189" spans="1:26" ht="24" customHeight="1" x14ac:dyDescent="0.2">
      <c r="A189" s="9" t="s">
        <v>17467</v>
      </c>
      <c r="B189" s="9" t="s">
        <v>14</v>
      </c>
      <c r="C189" s="9" t="s">
        <v>930</v>
      </c>
      <c r="D189" s="6" t="s">
        <v>931</v>
      </c>
      <c r="E189" s="22">
        <v>44648</v>
      </c>
      <c r="F189" s="22">
        <v>46473</v>
      </c>
      <c r="G189" s="6" t="s">
        <v>932</v>
      </c>
      <c r="H189" s="6" t="s">
        <v>62</v>
      </c>
      <c r="I189" s="6" t="s">
        <v>186</v>
      </c>
      <c r="J189" s="6" t="s">
        <v>933</v>
      </c>
      <c r="K189" s="9" t="s">
        <v>934</v>
      </c>
      <c r="L189" s="10" t="s">
        <v>22</v>
      </c>
      <c r="M189" s="10" t="s">
        <v>22</v>
      </c>
      <c r="N189" s="10" t="s">
        <v>22</v>
      </c>
      <c r="O189" s="10" t="s">
        <v>22</v>
      </c>
      <c r="P189" s="10" t="s">
        <v>22</v>
      </c>
      <c r="Q189" s="10" t="s">
        <v>22</v>
      </c>
      <c r="R189" s="10" t="s">
        <v>22</v>
      </c>
      <c r="S189" s="10" t="s">
        <v>22</v>
      </c>
      <c r="T189" s="10" t="s">
        <v>22</v>
      </c>
      <c r="U189" s="10" t="s">
        <v>22</v>
      </c>
      <c r="V189" s="10" t="s">
        <v>22</v>
      </c>
      <c r="W189" s="10" t="s">
        <v>22</v>
      </c>
      <c r="X189" s="10" t="s">
        <v>22</v>
      </c>
      <c r="Y189" s="10" t="s">
        <v>22</v>
      </c>
      <c r="Z189" s="10" t="s">
        <v>22</v>
      </c>
    </row>
    <row r="190" spans="1:26" ht="24" customHeight="1" x14ac:dyDescent="0.2">
      <c r="A190" s="9" t="s">
        <v>17468</v>
      </c>
      <c r="B190" s="9" t="s">
        <v>14</v>
      </c>
      <c r="C190" s="9" t="s">
        <v>935</v>
      </c>
      <c r="D190" s="6" t="s">
        <v>936</v>
      </c>
      <c r="E190" s="22">
        <v>44648</v>
      </c>
      <c r="F190" s="22">
        <v>46473</v>
      </c>
      <c r="G190" s="6" t="s">
        <v>937</v>
      </c>
      <c r="H190" s="6" t="s">
        <v>62</v>
      </c>
      <c r="I190" s="6" t="s">
        <v>938</v>
      </c>
      <c r="J190" s="6" t="s">
        <v>939</v>
      </c>
      <c r="K190" s="9" t="s">
        <v>940</v>
      </c>
      <c r="L190" s="10" t="s">
        <v>22</v>
      </c>
      <c r="M190" s="10" t="s">
        <v>22</v>
      </c>
      <c r="N190" s="10" t="s">
        <v>22</v>
      </c>
      <c r="O190" s="10" t="s">
        <v>22</v>
      </c>
      <c r="P190" s="10" t="s">
        <v>22</v>
      </c>
      <c r="Q190" s="10" t="s">
        <v>22</v>
      </c>
      <c r="R190" s="10" t="s">
        <v>22</v>
      </c>
      <c r="S190" s="10" t="s">
        <v>22</v>
      </c>
      <c r="T190" s="10" t="s">
        <v>22</v>
      </c>
      <c r="U190" s="10" t="s">
        <v>22</v>
      </c>
      <c r="V190" s="10" t="s">
        <v>22</v>
      </c>
      <c r="W190" s="10" t="s">
        <v>22</v>
      </c>
      <c r="X190" s="10" t="s">
        <v>22</v>
      </c>
      <c r="Y190" s="10" t="s">
        <v>22</v>
      </c>
      <c r="Z190" s="10" t="s">
        <v>22</v>
      </c>
    </row>
    <row r="191" spans="1:26" ht="24" customHeight="1" x14ac:dyDescent="0.2">
      <c r="A191" s="9" t="s">
        <v>17469</v>
      </c>
      <c r="B191" s="9" t="s">
        <v>14</v>
      </c>
      <c r="C191" s="9" t="s">
        <v>941</v>
      </c>
      <c r="D191" s="6" t="s">
        <v>942</v>
      </c>
      <c r="E191" s="22">
        <v>44648</v>
      </c>
      <c r="F191" s="22">
        <v>46473</v>
      </c>
      <c r="G191" s="6" t="s">
        <v>943</v>
      </c>
      <c r="H191" s="6" t="s">
        <v>62</v>
      </c>
      <c r="I191" s="6" t="s">
        <v>477</v>
      </c>
      <c r="J191" s="6" t="s">
        <v>944</v>
      </c>
      <c r="K191" s="9" t="s">
        <v>945</v>
      </c>
      <c r="L191" s="10" t="s">
        <v>22</v>
      </c>
      <c r="M191" s="10" t="s">
        <v>22</v>
      </c>
      <c r="N191" s="10" t="s">
        <v>22</v>
      </c>
      <c r="O191" s="10" t="s">
        <v>22</v>
      </c>
      <c r="P191" s="10" t="s">
        <v>22</v>
      </c>
      <c r="Q191" s="10" t="s">
        <v>22</v>
      </c>
      <c r="R191" s="10" t="s">
        <v>22</v>
      </c>
      <c r="S191" s="10" t="s">
        <v>22</v>
      </c>
      <c r="T191" s="10" t="s">
        <v>22</v>
      </c>
      <c r="U191" s="10" t="s">
        <v>22</v>
      </c>
      <c r="V191" s="10" t="s">
        <v>22</v>
      </c>
      <c r="W191" s="10" t="s">
        <v>22</v>
      </c>
      <c r="X191" s="10" t="s">
        <v>22</v>
      </c>
      <c r="Y191" s="10" t="s">
        <v>22</v>
      </c>
      <c r="Z191" s="10" t="s">
        <v>22</v>
      </c>
    </row>
    <row r="192" spans="1:26" ht="24" customHeight="1" x14ac:dyDescent="0.2">
      <c r="A192" s="9" t="s">
        <v>17470</v>
      </c>
      <c r="B192" s="9" t="s">
        <v>14</v>
      </c>
      <c r="C192" s="9" t="s">
        <v>946</v>
      </c>
      <c r="D192" s="6" t="s">
        <v>947</v>
      </c>
      <c r="E192" s="22">
        <v>44648</v>
      </c>
      <c r="F192" s="22">
        <v>46473</v>
      </c>
      <c r="G192" s="6" t="s">
        <v>948</v>
      </c>
      <c r="H192" s="6" t="s">
        <v>62</v>
      </c>
      <c r="I192" s="6" t="s">
        <v>477</v>
      </c>
      <c r="J192" s="6" t="s">
        <v>949</v>
      </c>
      <c r="K192" s="9" t="s">
        <v>950</v>
      </c>
      <c r="L192" s="10" t="s">
        <v>22</v>
      </c>
      <c r="M192" s="10" t="s">
        <v>22</v>
      </c>
      <c r="N192" s="10" t="s">
        <v>22</v>
      </c>
      <c r="O192" s="10" t="s">
        <v>22</v>
      </c>
      <c r="P192" s="10" t="s">
        <v>22</v>
      </c>
      <c r="Q192" s="10" t="s">
        <v>22</v>
      </c>
      <c r="R192" s="10" t="s">
        <v>22</v>
      </c>
      <c r="S192" s="10" t="s">
        <v>22</v>
      </c>
      <c r="T192" s="10" t="s">
        <v>22</v>
      </c>
      <c r="U192" s="10" t="s">
        <v>22</v>
      </c>
      <c r="V192" s="10" t="s">
        <v>22</v>
      </c>
      <c r="W192" s="10" t="s">
        <v>22</v>
      </c>
      <c r="X192" s="10" t="s">
        <v>22</v>
      </c>
      <c r="Y192" s="10" t="s">
        <v>22</v>
      </c>
      <c r="Z192" s="10" t="s">
        <v>22</v>
      </c>
    </row>
    <row r="193" spans="1:26" ht="24" customHeight="1" x14ac:dyDescent="0.2">
      <c r="A193" s="9" t="s">
        <v>17471</v>
      </c>
      <c r="B193" s="9" t="s">
        <v>14</v>
      </c>
      <c r="C193" s="9" t="s">
        <v>951</v>
      </c>
      <c r="D193" s="6" t="s">
        <v>952</v>
      </c>
      <c r="E193" s="22">
        <v>44649</v>
      </c>
      <c r="F193" s="22">
        <v>46474</v>
      </c>
      <c r="G193" s="6" t="s">
        <v>953</v>
      </c>
      <c r="H193" s="6" t="s">
        <v>202</v>
      </c>
      <c r="I193" s="6" t="s">
        <v>954</v>
      </c>
      <c r="J193" s="6" t="s">
        <v>955</v>
      </c>
      <c r="K193" s="9" t="s">
        <v>956</v>
      </c>
      <c r="L193" s="10" t="s">
        <v>22</v>
      </c>
      <c r="M193" s="10" t="s">
        <v>22</v>
      </c>
      <c r="N193" s="10" t="s">
        <v>22</v>
      </c>
      <c r="O193" s="10" t="s">
        <v>22</v>
      </c>
      <c r="P193" s="10" t="s">
        <v>22</v>
      </c>
      <c r="Q193" s="10" t="s">
        <v>22</v>
      </c>
      <c r="R193" s="10" t="s">
        <v>22</v>
      </c>
      <c r="S193" s="10" t="s">
        <v>22</v>
      </c>
      <c r="T193" s="10" t="s">
        <v>22</v>
      </c>
      <c r="U193" s="10" t="s">
        <v>22</v>
      </c>
      <c r="V193" s="10" t="s">
        <v>22</v>
      </c>
      <c r="W193" s="10" t="s">
        <v>22</v>
      </c>
      <c r="X193" s="10" t="s">
        <v>22</v>
      </c>
      <c r="Y193" s="10" t="s">
        <v>22</v>
      </c>
      <c r="Z193" s="10" t="s">
        <v>22</v>
      </c>
    </row>
    <row r="194" spans="1:26" ht="24" customHeight="1" x14ac:dyDescent="0.2">
      <c r="A194" s="9" t="s">
        <v>17472</v>
      </c>
      <c r="B194" s="9" t="s">
        <v>14</v>
      </c>
      <c r="C194" s="9" t="s">
        <v>957</v>
      </c>
      <c r="D194" s="6" t="s">
        <v>958</v>
      </c>
      <c r="E194" s="22">
        <v>44649</v>
      </c>
      <c r="F194" s="22">
        <v>46474</v>
      </c>
      <c r="G194" s="6" t="s">
        <v>959</v>
      </c>
      <c r="H194" s="6" t="s">
        <v>202</v>
      </c>
      <c r="I194" s="6" t="s">
        <v>954</v>
      </c>
      <c r="J194" s="6" t="s">
        <v>955</v>
      </c>
      <c r="K194" s="9" t="s">
        <v>960</v>
      </c>
      <c r="L194" s="10" t="s">
        <v>22</v>
      </c>
      <c r="M194" s="10" t="s">
        <v>22</v>
      </c>
      <c r="N194" s="10" t="s">
        <v>22</v>
      </c>
      <c r="O194" s="10" t="s">
        <v>22</v>
      </c>
      <c r="P194" s="10" t="s">
        <v>22</v>
      </c>
      <c r="Q194" s="10" t="s">
        <v>22</v>
      </c>
      <c r="R194" s="10" t="s">
        <v>22</v>
      </c>
      <c r="S194" s="10" t="s">
        <v>22</v>
      </c>
      <c r="T194" s="10" t="s">
        <v>22</v>
      </c>
      <c r="U194" s="10" t="s">
        <v>22</v>
      </c>
      <c r="V194" s="10" t="s">
        <v>22</v>
      </c>
      <c r="W194" s="10" t="s">
        <v>22</v>
      </c>
      <c r="X194" s="10" t="s">
        <v>22</v>
      </c>
      <c r="Y194" s="10" t="s">
        <v>22</v>
      </c>
      <c r="Z194" s="10" t="s">
        <v>22</v>
      </c>
    </row>
    <row r="195" spans="1:26" ht="24" customHeight="1" x14ac:dyDescent="0.2">
      <c r="A195" s="9" t="s">
        <v>17473</v>
      </c>
      <c r="B195" s="9" t="s">
        <v>14</v>
      </c>
      <c r="C195" s="9" t="s">
        <v>961</v>
      </c>
      <c r="D195" s="6" t="s">
        <v>962</v>
      </c>
      <c r="E195" s="22">
        <v>44649</v>
      </c>
      <c r="F195" s="22">
        <v>46474</v>
      </c>
      <c r="G195" s="6" t="s">
        <v>963</v>
      </c>
      <c r="H195" s="6" t="s">
        <v>62</v>
      </c>
      <c r="I195" s="6" t="s">
        <v>63</v>
      </c>
      <c r="J195" s="6" t="s">
        <v>964</v>
      </c>
      <c r="K195" s="9" t="s">
        <v>965</v>
      </c>
      <c r="L195" s="10" t="s">
        <v>22</v>
      </c>
      <c r="M195" s="10" t="s">
        <v>22</v>
      </c>
      <c r="N195" s="10" t="s">
        <v>22</v>
      </c>
      <c r="O195" s="10" t="s">
        <v>22</v>
      </c>
      <c r="P195" s="10" t="s">
        <v>22</v>
      </c>
      <c r="Q195" s="10" t="s">
        <v>22</v>
      </c>
      <c r="R195" s="10" t="s">
        <v>22</v>
      </c>
      <c r="S195" s="10" t="s">
        <v>22</v>
      </c>
      <c r="T195" s="10" t="s">
        <v>22</v>
      </c>
      <c r="U195" s="10" t="s">
        <v>22</v>
      </c>
      <c r="V195" s="10" t="s">
        <v>22</v>
      </c>
      <c r="W195" s="10" t="s">
        <v>22</v>
      </c>
      <c r="X195" s="10" t="s">
        <v>22</v>
      </c>
      <c r="Y195" s="10" t="s">
        <v>22</v>
      </c>
      <c r="Z195" s="10" t="s">
        <v>22</v>
      </c>
    </row>
    <row r="196" spans="1:26" ht="24" customHeight="1" x14ac:dyDescent="0.2">
      <c r="A196" s="9" t="s">
        <v>17474</v>
      </c>
      <c r="B196" s="9" t="s">
        <v>14</v>
      </c>
      <c r="C196" s="9" t="s">
        <v>966</v>
      </c>
      <c r="D196" s="6" t="s">
        <v>967</v>
      </c>
      <c r="E196" s="22">
        <v>44649</v>
      </c>
      <c r="F196" s="22">
        <v>46474</v>
      </c>
      <c r="G196" s="6" t="s">
        <v>968</v>
      </c>
      <c r="H196" s="6" t="s">
        <v>202</v>
      </c>
      <c r="I196" s="6" t="s">
        <v>863</v>
      </c>
      <c r="J196" s="6" t="s">
        <v>969</v>
      </c>
      <c r="K196" s="9" t="s">
        <v>970</v>
      </c>
      <c r="L196" s="10" t="s">
        <v>22</v>
      </c>
      <c r="M196" s="10" t="s">
        <v>22</v>
      </c>
      <c r="N196" s="10" t="s">
        <v>22</v>
      </c>
      <c r="O196" s="10" t="s">
        <v>22</v>
      </c>
      <c r="P196" s="10" t="s">
        <v>22</v>
      </c>
      <c r="Q196" s="10" t="s">
        <v>22</v>
      </c>
      <c r="R196" s="10" t="s">
        <v>22</v>
      </c>
      <c r="S196" s="10" t="s">
        <v>22</v>
      </c>
      <c r="T196" s="10" t="s">
        <v>22</v>
      </c>
      <c r="U196" s="10" t="s">
        <v>22</v>
      </c>
      <c r="V196" s="10" t="s">
        <v>22</v>
      </c>
      <c r="W196" s="10" t="s">
        <v>22</v>
      </c>
      <c r="X196" s="10" t="s">
        <v>22</v>
      </c>
      <c r="Y196" s="10" t="s">
        <v>22</v>
      </c>
      <c r="Z196" s="10" t="s">
        <v>22</v>
      </c>
    </row>
    <row r="197" spans="1:26" ht="24" customHeight="1" x14ac:dyDescent="0.2">
      <c r="A197" s="9" t="s">
        <v>17475</v>
      </c>
      <c r="B197" s="9" t="s">
        <v>14</v>
      </c>
      <c r="C197" s="9" t="s">
        <v>971</v>
      </c>
      <c r="D197" s="6" t="s">
        <v>972</v>
      </c>
      <c r="E197" s="22">
        <v>44649</v>
      </c>
      <c r="F197" s="22">
        <v>46474</v>
      </c>
      <c r="G197" s="6" t="s">
        <v>973</v>
      </c>
      <c r="H197" s="6" t="s">
        <v>18</v>
      </c>
      <c r="I197" s="6" t="s">
        <v>19</v>
      </c>
      <c r="J197" s="6" t="s">
        <v>974</v>
      </c>
      <c r="K197" s="9" t="s">
        <v>975</v>
      </c>
      <c r="L197" s="10" t="s">
        <v>22</v>
      </c>
      <c r="M197" s="10" t="s">
        <v>22</v>
      </c>
      <c r="N197" s="10" t="s">
        <v>22</v>
      </c>
      <c r="O197" s="10" t="s">
        <v>22</v>
      </c>
      <c r="P197" s="10" t="s">
        <v>22</v>
      </c>
      <c r="Q197" s="10" t="s">
        <v>22</v>
      </c>
      <c r="R197" s="10" t="s">
        <v>22</v>
      </c>
      <c r="S197" s="10" t="s">
        <v>22</v>
      </c>
      <c r="T197" s="10" t="s">
        <v>22</v>
      </c>
      <c r="U197" s="10" t="s">
        <v>22</v>
      </c>
      <c r="V197" s="10" t="s">
        <v>22</v>
      </c>
      <c r="W197" s="10" t="s">
        <v>22</v>
      </c>
      <c r="X197" s="10" t="s">
        <v>22</v>
      </c>
      <c r="Y197" s="10" t="s">
        <v>22</v>
      </c>
      <c r="Z197" s="10" t="s">
        <v>22</v>
      </c>
    </row>
    <row r="198" spans="1:26" ht="24" customHeight="1" x14ac:dyDescent="0.2">
      <c r="A198" s="9" t="s">
        <v>17476</v>
      </c>
      <c r="B198" s="9" t="s">
        <v>14</v>
      </c>
      <c r="C198" s="9" t="s">
        <v>976</v>
      </c>
      <c r="D198" s="6" t="s">
        <v>977</v>
      </c>
      <c r="E198" s="22">
        <v>44649</v>
      </c>
      <c r="F198" s="22">
        <v>46474</v>
      </c>
      <c r="G198" s="6" t="s">
        <v>978</v>
      </c>
      <c r="H198" s="6" t="s">
        <v>62</v>
      </c>
      <c r="I198" s="6" t="s">
        <v>306</v>
      </c>
      <c r="J198" s="6" t="s">
        <v>979</v>
      </c>
      <c r="K198" s="9" t="s">
        <v>980</v>
      </c>
      <c r="L198" s="10" t="s">
        <v>22</v>
      </c>
      <c r="M198" s="10" t="s">
        <v>22</v>
      </c>
      <c r="N198" s="10" t="s">
        <v>22</v>
      </c>
      <c r="O198" s="10" t="s">
        <v>22</v>
      </c>
      <c r="P198" s="10" t="s">
        <v>22</v>
      </c>
      <c r="Q198" s="10" t="s">
        <v>22</v>
      </c>
      <c r="R198" s="10" t="s">
        <v>22</v>
      </c>
      <c r="S198" s="10" t="s">
        <v>22</v>
      </c>
      <c r="T198" s="10" t="s">
        <v>22</v>
      </c>
      <c r="U198" s="10" t="s">
        <v>22</v>
      </c>
      <c r="V198" s="10" t="s">
        <v>22</v>
      </c>
      <c r="W198" s="10" t="s">
        <v>22</v>
      </c>
      <c r="X198" s="10" t="s">
        <v>22</v>
      </c>
      <c r="Y198" s="10" t="s">
        <v>22</v>
      </c>
      <c r="Z198" s="10" t="s">
        <v>22</v>
      </c>
    </row>
    <row r="199" spans="1:26" ht="24" customHeight="1" x14ac:dyDescent="0.2">
      <c r="A199" s="9" t="s">
        <v>17477</v>
      </c>
      <c r="B199" s="9" t="s">
        <v>14</v>
      </c>
      <c r="C199" s="9" t="s">
        <v>981</v>
      </c>
      <c r="D199" s="6" t="s">
        <v>982</v>
      </c>
      <c r="E199" s="22">
        <v>44649</v>
      </c>
      <c r="F199" s="22">
        <v>46474</v>
      </c>
      <c r="G199" s="6" t="s">
        <v>983</v>
      </c>
      <c r="H199" s="6" t="s">
        <v>62</v>
      </c>
      <c r="I199" s="6" t="s">
        <v>938</v>
      </c>
      <c r="J199" s="6" t="s">
        <v>984</v>
      </c>
      <c r="K199" s="9" t="s">
        <v>985</v>
      </c>
      <c r="L199" s="10" t="s">
        <v>22</v>
      </c>
      <c r="M199" s="10" t="s">
        <v>22</v>
      </c>
      <c r="N199" s="10" t="s">
        <v>22</v>
      </c>
      <c r="O199" s="10" t="s">
        <v>22</v>
      </c>
      <c r="P199" s="10" t="s">
        <v>22</v>
      </c>
      <c r="Q199" s="10" t="s">
        <v>22</v>
      </c>
      <c r="U199" s="10" t="s">
        <v>22</v>
      </c>
      <c r="V199" s="10" t="s">
        <v>22</v>
      </c>
      <c r="W199" s="10" t="s">
        <v>22</v>
      </c>
      <c r="X199" s="10" t="s">
        <v>22</v>
      </c>
      <c r="Y199" s="10" t="s">
        <v>22</v>
      </c>
      <c r="Z199" s="10" t="s">
        <v>22</v>
      </c>
    </row>
    <row r="200" spans="1:26" ht="24" customHeight="1" x14ac:dyDescent="0.2">
      <c r="A200" s="9" t="s">
        <v>17478</v>
      </c>
      <c r="B200" s="9" t="s">
        <v>14</v>
      </c>
      <c r="C200" s="9" t="s">
        <v>986</v>
      </c>
      <c r="D200" s="6" t="s">
        <v>987</v>
      </c>
      <c r="E200" s="22">
        <v>44649</v>
      </c>
      <c r="F200" s="22">
        <v>46474</v>
      </c>
      <c r="G200" s="6" t="s">
        <v>988</v>
      </c>
      <c r="H200" s="6" t="s">
        <v>62</v>
      </c>
      <c r="I200" s="6" t="s">
        <v>357</v>
      </c>
      <c r="J200" s="6" t="s">
        <v>989</v>
      </c>
      <c r="K200" s="9" t="s">
        <v>990</v>
      </c>
      <c r="L200" s="10" t="s">
        <v>22</v>
      </c>
      <c r="M200" s="10" t="s">
        <v>22</v>
      </c>
      <c r="N200" s="10" t="s">
        <v>22</v>
      </c>
      <c r="O200" s="10" t="s">
        <v>22</v>
      </c>
      <c r="P200" s="10" t="s">
        <v>22</v>
      </c>
      <c r="Q200" s="10" t="s">
        <v>22</v>
      </c>
      <c r="R200" s="10" t="s">
        <v>22</v>
      </c>
      <c r="S200" s="10" t="s">
        <v>22</v>
      </c>
      <c r="T200" s="10" t="s">
        <v>22</v>
      </c>
      <c r="U200" s="10" t="s">
        <v>22</v>
      </c>
      <c r="V200" s="10" t="s">
        <v>22</v>
      </c>
      <c r="W200" s="10" t="s">
        <v>22</v>
      </c>
      <c r="X200" s="10" t="s">
        <v>22</v>
      </c>
      <c r="Y200" s="10" t="s">
        <v>22</v>
      </c>
      <c r="Z200" s="10" t="s">
        <v>22</v>
      </c>
    </row>
    <row r="201" spans="1:26" ht="24" customHeight="1" x14ac:dyDescent="0.2">
      <c r="A201" s="9" t="s">
        <v>17479</v>
      </c>
      <c r="B201" s="9" t="s">
        <v>14</v>
      </c>
      <c r="C201" s="9" t="s">
        <v>991</v>
      </c>
      <c r="D201" s="6" t="s">
        <v>992</v>
      </c>
      <c r="E201" s="22">
        <v>44649</v>
      </c>
      <c r="F201" s="22">
        <v>46474</v>
      </c>
      <c r="G201" s="6" t="s">
        <v>993</v>
      </c>
      <c r="H201" s="6" t="s">
        <v>62</v>
      </c>
      <c r="I201" s="6" t="s">
        <v>994</v>
      </c>
      <c r="J201" s="6" t="s">
        <v>995</v>
      </c>
      <c r="K201" s="9" t="s">
        <v>996</v>
      </c>
      <c r="L201" s="10" t="s">
        <v>22</v>
      </c>
      <c r="M201" s="10" t="s">
        <v>22</v>
      </c>
      <c r="N201" s="10" t="s">
        <v>22</v>
      </c>
      <c r="O201" s="10" t="s">
        <v>22</v>
      </c>
      <c r="P201" s="10" t="s">
        <v>22</v>
      </c>
      <c r="Q201" s="10" t="s">
        <v>22</v>
      </c>
      <c r="U201" s="10" t="s">
        <v>22</v>
      </c>
      <c r="V201" s="10" t="s">
        <v>22</v>
      </c>
      <c r="W201" s="10" t="s">
        <v>22</v>
      </c>
      <c r="X201" s="10" t="s">
        <v>22</v>
      </c>
      <c r="Y201" s="10" t="s">
        <v>22</v>
      </c>
      <c r="Z201" s="10" t="s">
        <v>22</v>
      </c>
    </row>
    <row r="202" spans="1:26" ht="24" customHeight="1" x14ac:dyDescent="0.2">
      <c r="A202" s="9" t="s">
        <v>17480</v>
      </c>
      <c r="B202" s="9" t="s">
        <v>14</v>
      </c>
      <c r="C202" s="9" t="s">
        <v>997</v>
      </c>
      <c r="D202" s="6" t="s">
        <v>998</v>
      </c>
      <c r="E202" s="22">
        <v>44649</v>
      </c>
      <c r="F202" s="22">
        <v>46474</v>
      </c>
      <c r="G202" s="6" t="s">
        <v>999</v>
      </c>
      <c r="H202" s="6" t="s">
        <v>18</v>
      </c>
      <c r="I202" s="6" t="s">
        <v>19</v>
      </c>
      <c r="J202" s="6" t="s">
        <v>1000</v>
      </c>
      <c r="K202" s="9" t="s">
        <v>1001</v>
      </c>
      <c r="L202" s="10" t="s">
        <v>22</v>
      </c>
      <c r="M202" s="10" t="s">
        <v>22</v>
      </c>
      <c r="N202" s="10" t="s">
        <v>22</v>
      </c>
      <c r="O202" s="10" t="s">
        <v>22</v>
      </c>
      <c r="P202" s="10" t="s">
        <v>22</v>
      </c>
      <c r="Q202" s="10" t="s">
        <v>22</v>
      </c>
      <c r="R202" s="10" t="s">
        <v>22</v>
      </c>
      <c r="S202" s="10" t="s">
        <v>22</v>
      </c>
      <c r="T202" s="10" t="s">
        <v>22</v>
      </c>
      <c r="U202" s="10" t="s">
        <v>22</v>
      </c>
      <c r="V202" s="10" t="s">
        <v>22</v>
      </c>
      <c r="W202" s="10" t="s">
        <v>22</v>
      </c>
      <c r="X202" s="10" t="s">
        <v>22</v>
      </c>
      <c r="Y202" s="10" t="s">
        <v>22</v>
      </c>
      <c r="Z202" s="10" t="s">
        <v>22</v>
      </c>
    </row>
    <row r="203" spans="1:26" ht="24" customHeight="1" x14ac:dyDescent="0.2">
      <c r="A203" s="9" t="s">
        <v>17481</v>
      </c>
      <c r="B203" s="9" t="s">
        <v>14</v>
      </c>
      <c r="C203" s="9" t="s">
        <v>1002</v>
      </c>
      <c r="D203" s="6" t="s">
        <v>1003</v>
      </c>
      <c r="E203" s="22">
        <v>44649</v>
      </c>
      <c r="F203" s="22">
        <v>46474</v>
      </c>
      <c r="G203" s="6" t="s">
        <v>1004</v>
      </c>
      <c r="H203" s="6" t="s">
        <v>18</v>
      </c>
      <c r="I203" s="6" t="s">
        <v>26</v>
      </c>
      <c r="J203" s="6" t="s">
        <v>1005</v>
      </c>
      <c r="K203" s="9" t="s">
        <v>1006</v>
      </c>
      <c r="L203" s="10" t="s">
        <v>22</v>
      </c>
      <c r="M203" s="10" t="s">
        <v>22</v>
      </c>
      <c r="N203" s="10" t="s">
        <v>22</v>
      </c>
      <c r="O203" s="10" t="s">
        <v>22</v>
      </c>
      <c r="P203" s="10" t="s">
        <v>22</v>
      </c>
      <c r="Q203" s="10" t="s">
        <v>22</v>
      </c>
      <c r="U203" s="10" t="s">
        <v>22</v>
      </c>
      <c r="V203" s="10" t="s">
        <v>22</v>
      </c>
      <c r="W203" s="10" t="s">
        <v>22</v>
      </c>
      <c r="X203" s="10" t="s">
        <v>22</v>
      </c>
      <c r="Y203" s="10" t="s">
        <v>22</v>
      </c>
      <c r="Z203" s="10" t="s">
        <v>22</v>
      </c>
    </row>
    <row r="204" spans="1:26" ht="24" customHeight="1" x14ac:dyDescent="0.2">
      <c r="A204" s="9" t="s">
        <v>17482</v>
      </c>
      <c r="B204" s="9" t="s">
        <v>14</v>
      </c>
      <c r="C204" s="9" t="s">
        <v>1007</v>
      </c>
      <c r="D204" s="6" t="s">
        <v>1008</v>
      </c>
      <c r="E204" s="22">
        <v>44649</v>
      </c>
      <c r="F204" s="22">
        <v>46474</v>
      </c>
      <c r="G204" s="6" t="s">
        <v>1009</v>
      </c>
      <c r="H204" s="6" t="s">
        <v>62</v>
      </c>
      <c r="I204" s="6" t="s">
        <v>493</v>
      </c>
      <c r="J204" s="6" t="s">
        <v>1010</v>
      </c>
      <c r="K204" s="9" t="s">
        <v>1011</v>
      </c>
      <c r="L204" s="10" t="s">
        <v>22</v>
      </c>
      <c r="M204" s="10" t="s">
        <v>22</v>
      </c>
      <c r="N204" s="10" t="s">
        <v>22</v>
      </c>
      <c r="O204" s="10" t="s">
        <v>22</v>
      </c>
      <c r="P204" s="10" t="s">
        <v>22</v>
      </c>
      <c r="Q204" s="10" t="s">
        <v>22</v>
      </c>
      <c r="U204" s="10" t="s">
        <v>22</v>
      </c>
      <c r="V204" s="10" t="s">
        <v>22</v>
      </c>
      <c r="W204" s="10" t="s">
        <v>22</v>
      </c>
      <c r="X204" s="10" t="s">
        <v>22</v>
      </c>
      <c r="Y204" s="10" t="s">
        <v>22</v>
      </c>
      <c r="Z204" s="10" t="s">
        <v>22</v>
      </c>
    </row>
    <row r="205" spans="1:26" ht="24" customHeight="1" x14ac:dyDescent="0.2">
      <c r="A205" s="9" t="s">
        <v>17483</v>
      </c>
      <c r="B205" s="9" t="s">
        <v>14</v>
      </c>
      <c r="C205" s="9" t="s">
        <v>1012</v>
      </c>
      <c r="D205" s="6" t="s">
        <v>1013</v>
      </c>
      <c r="E205" s="22">
        <v>44649</v>
      </c>
      <c r="F205" s="22">
        <v>46474</v>
      </c>
      <c r="G205" s="6" t="s">
        <v>1014</v>
      </c>
      <c r="H205" s="6" t="s">
        <v>62</v>
      </c>
      <c r="I205" s="6" t="s">
        <v>591</v>
      </c>
      <c r="J205" s="6" t="s">
        <v>1015</v>
      </c>
      <c r="K205" s="9" t="s">
        <v>1016</v>
      </c>
      <c r="L205" s="10" t="s">
        <v>22</v>
      </c>
      <c r="M205" s="10" t="s">
        <v>22</v>
      </c>
      <c r="N205" s="10" t="s">
        <v>22</v>
      </c>
      <c r="O205" s="10" t="s">
        <v>22</v>
      </c>
      <c r="P205" s="10" t="s">
        <v>22</v>
      </c>
      <c r="Q205" s="10" t="s">
        <v>22</v>
      </c>
      <c r="R205" s="10" t="s">
        <v>22</v>
      </c>
      <c r="S205" s="10" t="s">
        <v>22</v>
      </c>
      <c r="T205" s="10" t="s">
        <v>22</v>
      </c>
    </row>
    <row r="206" spans="1:26" ht="24" customHeight="1" x14ac:dyDescent="0.2">
      <c r="A206" s="9" t="s">
        <v>17484</v>
      </c>
      <c r="B206" s="9" t="s">
        <v>14</v>
      </c>
      <c r="C206" s="9" t="s">
        <v>1017</v>
      </c>
      <c r="D206" s="6" t="s">
        <v>1018</v>
      </c>
      <c r="E206" s="22">
        <v>44649</v>
      </c>
      <c r="F206" s="22">
        <v>46474</v>
      </c>
      <c r="G206" s="6" t="s">
        <v>1019</v>
      </c>
      <c r="H206" s="6" t="s">
        <v>18</v>
      </c>
      <c r="I206" s="6" t="s">
        <v>19</v>
      </c>
      <c r="J206" s="6" t="s">
        <v>1020</v>
      </c>
      <c r="K206" s="9" t="s">
        <v>1021</v>
      </c>
      <c r="L206" s="10" t="s">
        <v>22</v>
      </c>
      <c r="M206" s="10" t="s">
        <v>22</v>
      </c>
      <c r="N206" s="10" t="s">
        <v>22</v>
      </c>
      <c r="O206" s="10" t="s">
        <v>22</v>
      </c>
      <c r="P206" s="10" t="s">
        <v>22</v>
      </c>
      <c r="Q206" s="10" t="s">
        <v>22</v>
      </c>
      <c r="R206" s="10" t="s">
        <v>22</v>
      </c>
      <c r="S206" s="10" t="s">
        <v>22</v>
      </c>
      <c r="T206" s="10" t="s">
        <v>22</v>
      </c>
      <c r="U206" s="10" t="s">
        <v>22</v>
      </c>
      <c r="V206" s="10" t="s">
        <v>22</v>
      </c>
      <c r="W206" s="10" t="s">
        <v>22</v>
      </c>
      <c r="X206" s="10" t="s">
        <v>22</v>
      </c>
      <c r="Y206" s="10" t="s">
        <v>22</v>
      </c>
      <c r="Z206" s="10" t="s">
        <v>22</v>
      </c>
    </row>
    <row r="207" spans="1:26" ht="24" customHeight="1" x14ac:dyDescent="0.2">
      <c r="A207" s="9" t="s">
        <v>17485</v>
      </c>
      <c r="B207" s="9" t="s">
        <v>14</v>
      </c>
      <c r="C207" s="9" t="s">
        <v>1022</v>
      </c>
      <c r="D207" s="6" t="s">
        <v>1023</v>
      </c>
      <c r="E207" s="22">
        <v>44649</v>
      </c>
      <c r="F207" s="22">
        <v>46474</v>
      </c>
      <c r="G207" s="6" t="s">
        <v>1024</v>
      </c>
      <c r="H207" s="6" t="s">
        <v>18</v>
      </c>
      <c r="I207" s="6" t="s">
        <v>19</v>
      </c>
      <c r="J207" s="6" t="s">
        <v>1025</v>
      </c>
      <c r="K207" s="9" t="s">
        <v>1026</v>
      </c>
      <c r="L207" s="10" t="s">
        <v>22</v>
      </c>
      <c r="M207" s="10" t="s">
        <v>22</v>
      </c>
      <c r="N207" s="10" t="s">
        <v>22</v>
      </c>
      <c r="O207" s="10" t="s">
        <v>22</v>
      </c>
      <c r="P207" s="10" t="s">
        <v>22</v>
      </c>
      <c r="Q207" s="10" t="s">
        <v>22</v>
      </c>
      <c r="R207" s="10" t="s">
        <v>22</v>
      </c>
      <c r="S207" s="10" t="s">
        <v>22</v>
      </c>
      <c r="T207" s="10" t="s">
        <v>22</v>
      </c>
      <c r="U207" s="10" t="s">
        <v>22</v>
      </c>
      <c r="V207" s="10" t="s">
        <v>22</v>
      </c>
      <c r="W207" s="10" t="s">
        <v>22</v>
      </c>
      <c r="X207" s="10" t="s">
        <v>22</v>
      </c>
      <c r="Y207" s="10" t="s">
        <v>22</v>
      </c>
      <c r="Z207" s="10" t="s">
        <v>22</v>
      </c>
    </row>
    <row r="208" spans="1:26" ht="24" customHeight="1" x14ac:dyDescent="0.2">
      <c r="A208" s="9" t="s">
        <v>17486</v>
      </c>
      <c r="B208" s="9" t="s">
        <v>14</v>
      </c>
      <c r="C208" s="9" t="s">
        <v>1022</v>
      </c>
      <c r="D208" s="6" t="s">
        <v>1023</v>
      </c>
      <c r="E208" s="22">
        <v>44649</v>
      </c>
      <c r="F208" s="22">
        <v>46474</v>
      </c>
      <c r="G208" s="6" t="s">
        <v>1027</v>
      </c>
      <c r="H208" s="6" t="s">
        <v>18</v>
      </c>
      <c r="I208" s="6" t="s">
        <v>392</v>
      </c>
      <c r="J208" s="6" t="s">
        <v>1028</v>
      </c>
      <c r="K208" s="9" t="s">
        <v>1029</v>
      </c>
      <c r="L208" s="10" t="s">
        <v>22</v>
      </c>
      <c r="M208" s="10" t="s">
        <v>22</v>
      </c>
      <c r="N208" s="10" t="s">
        <v>22</v>
      </c>
      <c r="O208" s="10" t="s">
        <v>22</v>
      </c>
      <c r="P208" s="10" t="s">
        <v>22</v>
      </c>
      <c r="Q208" s="10" t="s">
        <v>22</v>
      </c>
      <c r="R208" s="10" t="s">
        <v>22</v>
      </c>
      <c r="S208" s="10" t="s">
        <v>22</v>
      </c>
      <c r="T208" s="10" t="s">
        <v>22</v>
      </c>
      <c r="U208" s="10" t="s">
        <v>22</v>
      </c>
      <c r="V208" s="10" t="s">
        <v>22</v>
      </c>
      <c r="W208" s="10" t="s">
        <v>22</v>
      </c>
      <c r="X208" s="10" t="s">
        <v>22</v>
      </c>
      <c r="Y208" s="10" t="s">
        <v>22</v>
      </c>
      <c r="Z208" s="10" t="s">
        <v>22</v>
      </c>
    </row>
    <row r="209" spans="1:26" ht="24" customHeight="1" x14ac:dyDescent="0.2">
      <c r="A209" s="9" t="s">
        <v>17487</v>
      </c>
      <c r="B209" s="9" t="s">
        <v>14</v>
      </c>
      <c r="C209" s="9" t="s">
        <v>1030</v>
      </c>
      <c r="D209" s="6" t="s">
        <v>1031</v>
      </c>
      <c r="E209" s="22">
        <v>44649</v>
      </c>
      <c r="F209" s="22">
        <v>46474</v>
      </c>
      <c r="G209" s="6" t="s">
        <v>1032</v>
      </c>
      <c r="H209" s="6" t="s">
        <v>62</v>
      </c>
      <c r="I209" s="6" t="s">
        <v>318</v>
      </c>
      <c r="J209" s="6" t="s">
        <v>1033</v>
      </c>
      <c r="K209" s="9" t="s">
        <v>1034</v>
      </c>
      <c r="L209" s="10" t="s">
        <v>22</v>
      </c>
      <c r="M209" s="10" t="s">
        <v>22</v>
      </c>
      <c r="N209" s="10" t="s">
        <v>22</v>
      </c>
      <c r="O209" s="10" t="s">
        <v>22</v>
      </c>
      <c r="P209" s="10" t="s">
        <v>22</v>
      </c>
      <c r="Q209" s="10" t="s">
        <v>22</v>
      </c>
      <c r="U209" s="10" t="s">
        <v>22</v>
      </c>
      <c r="V209" s="10" t="s">
        <v>22</v>
      </c>
      <c r="W209" s="10" t="s">
        <v>22</v>
      </c>
      <c r="X209" s="10" t="s">
        <v>22</v>
      </c>
      <c r="Y209" s="10" t="s">
        <v>22</v>
      </c>
      <c r="Z209" s="10" t="s">
        <v>22</v>
      </c>
    </row>
    <row r="210" spans="1:26" ht="24" customHeight="1" x14ac:dyDescent="0.2">
      <c r="A210" s="9" t="s">
        <v>17488</v>
      </c>
      <c r="B210" s="9" t="s">
        <v>14</v>
      </c>
      <c r="C210" s="9" t="s">
        <v>1035</v>
      </c>
      <c r="D210" s="6" t="s">
        <v>1036</v>
      </c>
      <c r="E210" s="22">
        <v>44650</v>
      </c>
      <c r="F210" s="22">
        <v>46475</v>
      </c>
      <c r="G210" s="6" t="s">
        <v>1037</v>
      </c>
      <c r="H210" s="6" t="s">
        <v>18</v>
      </c>
      <c r="I210" s="6" t="s">
        <v>19</v>
      </c>
      <c r="J210" s="6" t="s">
        <v>1038</v>
      </c>
      <c r="L210" s="10" t="s">
        <v>22</v>
      </c>
      <c r="M210" s="10" t="s">
        <v>22</v>
      </c>
      <c r="N210" s="10" t="s">
        <v>22</v>
      </c>
      <c r="O210" s="10" t="s">
        <v>22</v>
      </c>
      <c r="P210" s="10" t="s">
        <v>22</v>
      </c>
      <c r="Q210" s="10" t="s">
        <v>22</v>
      </c>
      <c r="R210" s="10" t="s">
        <v>22</v>
      </c>
      <c r="S210" s="10" t="s">
        <v>22</v>
      </c>
      <c r="T210" s="10" t="s">
        <v>22</v>
      </c>
      <c r="U210" s="10" t="s">
        <v>22</v>
      </c>
      <c r="V210" s="10" t="s">
        <v>22</v>
      </c>
      <c r="W210" s="10" t="s">
        <v>22</v>
      </c>
      <c r="X210" s="10" t="s">
        <v>22</v>
      </c>
      <c r="Y210" s="10" t="s">
        <v>22</v>
      </c>
      <c r="Z210" s="10" t="s">
        <v>22</v>
      </c>
    </row>
    <row r="211" spans="1:26" ht="24" customHeight="1" x14ac:dyDescent="0.2">
      <c r="A211" s="9" t="s">
        <v>17489</v>
      </c>
      <c r="B211" s="9" t="s">
        <v>14</v>
      </c>
      <c r="C211" s="9" t="s">
        <v>1039</v>
      </c>
      <c r="D211" s="6" t="s">
        <v>1040</v>
      </c>
      <c r="E211" s="22">
        <v>44650</v>
      </c>
      <c r="F211" s="22">
        <v>46475</v>
      </c>
      <c r="G211" s="6" t="s">
        <v>1041</v>
      </c>
      <c r="H211" s="6" t="s">
        <v>62</v>
      </c>
      <c r="I211" s="6" t="s">
        <v>842</v>
      </c>
      <c r="J211" s="6" t="s">
        <v>1042</v>
      </c>
      <c r="K211" s="9" t="s">
        <v>1043</v>
      </c>
      <c r="L211" s="10" t="s">
        <v>22</v>
      </c>
      <c r="M211" s="10" t="s">
        <v>22</v>
      </c>
      <c r="N211" s="10" t="s">
        <v>22</v>
      </c>
      <c r="O211" s="10" t="s">
        <v>22</v>
      </c>
      <c r="P211" s="10" t="s">
        <v>22</v>
      </c>
      <c r="Q211" s="10" t="s">
        <v>22</v>
      </c>
      <c r="R211" s="10" t="s">
        <v>22</v>
      </c>
      <c r="S211" s="10" t="s">
        <v>22</v>
      </c>
      <c r="T211" s="10" t="s">
        <v>22</v>
      </c>
      <c r="U211" s="10" t="s">
        <v>22</v>
      </c>
      <c r="V211" s="10" t="s">
        <v>22</v>
      </c>
      <c r="W211" s="10" t="s">
        <v>22</v>
      </c>
      <c r="X211" s="10" t="s">
        <v>22</v>
      </c>
      <c r="Y211" s="10" t="s">
        <v>22</v>
      </c>
      <c r="Z211" s="10" t="s">
        <v>22</v>
      </c>
    </row>
    <row r="212" spans="1:26" ht="24" customHeight="1" x14ac:dyDescent="0.2">
      <c r="A212" s="9" t="s">
        <v>17490</v>
      </c>
      <c r="B212" s="9" t="s">
        <v>14</v>
      </c>
      <c r="C212" s="9" t="s">
        <v>1044</v>
      </c>
      <c r="D212" s="6" t="s">
        <v>1045</v>
      </c>
      <c r="E212" s="22">
        <v>44650</v>
      </c>
      <c r="F212" s="22">
        <v>46475</v>
      </c>
      <c r="G212" s="6" t="s">
        <v>1046</v>
      </c>
      <c r="H212" s="6" t="s">
        <v>1047</v>
      </c>
      <c r="I212" s="6" t="s">
        <v>1048</v>
      </c>
      <c r="J212" s="6" t="s">
        <v>1049</v>
      </c>
      <c r="K212" s="9" t="s">
        <v>1050</v>
      </c>
      <c r="L212" s="10" t="s">
        <v>22</v>
      </c>
      <c r="M212" s="10" t="s">
        <v>22</v>
      </c>
      <c r="N212" s="10" t="s">
        <v>22</v>
      </c>
      <c r="O212" s="10" t="s">
        <v>22</v>
      </c>
      <c r="P212" s="10" t="s">
        <v>22</v>
      </c>
      <c r="Q212" s="10" t="s">
        <v>22</v>
      </c>
      <c r="R212" s="10" t="s">
        <v>22</v>
      </c>
      <c r="S212" s="10" t="s">
        <v>22</v>
      </c>
      <c r="T212" s="10" t="s">
        <v>22</v>
      </c>
      <c r="U212" s="10" t="s">
        <v>22</v>
      </c>
      <c r="V212" s="10" t="s">
        <v>22</v>
      </c>
      <c r="W212" s="10" t="s">
        <v>22</v>
      </c>
      <c r="X212" s="10" t="s">
        <v>22</v>
      </c>
      <c r="Y212" s="10" t="s">
        <v>22</v>
      </c>
      <c r="Z212" s="10" t="s">
        <v>22</v>
      </c>
    </row>
    <row r="213" spans="1:26" ht="24" customHeight="1" x14ac:dyDescent="0.2">
      <c r="A213" s="9" t="s">
        <v>17491</v>
      </c>
      <c r="B213" s="9" t="s">
        <v>14</v>
      </c>
      <c r="C213" s="9" t="s">
        <v>1044</v>
      </c>
      <c r="D213" s="6" t="s">
        <v>1045</v>
      </c>
      <c r="E213" s="22">
        <v>44650</v>
      </c>
      <c r="F213" s="22">
        <v>46475</v>
      </c>
      <c r="G213" s="6" t="s">
        <v>1051</v>
      </c>
      <c r="H213" s="6" t="s">
        <v>1047</v>
      </c>
      <c r="I213" s="6" t="s">
        <v>1052</v>
      </c>
      <c r="J213" s="6" t="s">
        <v>1053</v>
      </c>
      <c r="K213" s="9" t="s">
        <v>1054</v>
      </c>
      <c r="L213" s="10" t="s">
        <v>22</v>
      </c>
      <c r="M213" s="10" t="s">
        <v>22</v>
      </c>
      <c r="N213" s="10" t="s">
        <v>22</v>
      </c>
      <c r="O213" s="10" t="s">
        <v>22</v>
      </c>
      <c r="P213" s="10" t="s">
        <v>22</v>
      </c>
      <c r="Q213" s="10" t="s">
        <v>22</v>
      </c>
      <c r="R213" s="10" t="s">
        <v>22</v>
      </c>
      <c r="S213" s="10" t="s">
        <v>22</v>
      </c>
      <c r="T213" s="10" t="s">
        <v>22</v>
      </c>
      <c r="U213" s="10" t="s">
        <v>22</v>
      </c>
      <c r="V213" s="10" t="s">
        <v>22</v>
      </c>
      <c r="W213" s="10" t="s">
        <v>22</v>
      </c>
      <c r="X213" s="10" t="s">
        <v>22</v>
      </c>
      <c r="Y213" s="10" t="s">
        <v>22</v>
      </c>
      <c r="Z213" s="10" t="s">
        <v>22</v>
      </c>
    </row>
    <row r="214" spans="1:26" ht="24" customHeight="1" x14ac:dyDescent="0.2">
      <c r="A214" s="9" t="s">
        <v>17492</v>
      </c>
      <c r="B214" s="9" t="s">
        <v>14</v>
      </c>
      <c r="C214" s="9" t="s">
        <v>1044</v>
      </c>
      <c r="D214" s="6" t="s">
        <v>1045</v>
      </c>
      <c r="E214" s="22">
        <v>44650</v>
      </c>
      <c r="F214" s="22">
        <v>46475</v>
      </c>
      <c r="G214" s="6" t="s">
        <v>1055</v>
      </c>
      <c r="H214" s="6" t="s">
        <v>1047</v>
      </c>
      <c r="I214" s="6" t="s">
        <v>1056</v>
      </c>
      <c r="J214" s="6" t="s">
        <v>1057</v>
      </c>
      <c r="K214" s="9" t="s">
        <v>1058</v>
      </c>
      <c r="L214" s="10" t="s">
        <v>22</v>
      </c>
      <c r="M214" s="10" t="s">
        <v>22</v>
      </c>
      <c r="N214" s="10" t="s">
        <v>22</v>
      </c>
      <c r="O214" s="10" t="s">
        <v>22</v>
      </c>
      <c r="P214" s="10" t="s">
        <v>22</v>
      </c>
      <c r="Q214" s="10" t="s">
        <v>22</v>
      </c>
      <c r="R214" s="10" t="s">
        <v>22</v>
      </c>
      <c r="S214" s="10" t="s">
        <v>22</v>
      </c>
      <c r="T214" s="10" t="s">
        <v>22</v>
      </c>
      <c r="U214" s="10" t="s">
        <v>22</v>
      </c>
      <c r="V214" s="10" t="s">
        <v>22</v>
      </c>
      <c r="W214" s="10" t="s">
        <v>22</v>
      </c>
      <c r="X214" s="10" t="s">
        <v>22</v>
      </c>
      <c r="Y214" s="10" t="s">
        <v>22</v>
      </c>
      <c r="Z214" s="10" t="s">
        <v>22</v>
      </c>
    </row>
    <row r="215" spans="1:26" ht="24" customHeight="1" x14ac:dyDescent="0.2">
      <c r="A215" s="9" t="s">
        <v>17493</v>
      </c>
      <c r="B215" s="9" t="s">
        <v>14</v>
      </c>
      <c r="C215" s="9" t="s">
        <v>1044</v>
      </c>
      <c r="D215" s="6" t="s">
        <v>1045</v>
      </c>
      <c r="E215" s="22">
        <v>44650</v>
      </c>
      <c r="F215" s="22">
        <v>46475</v>
      </c>
      <c r="G215" s="6" t="s">
        <v>1059</v>
      </c>
      <c r="H215" s="6" t="s">
        <v>1047</v>
      </c>
      <c r="I215" s="6" t="s">
        <v>1060</v>
      </c>
      <c r="J215" s="6" t="s">
        <v>1061</v>
      </c>
      <c r="K215" s="9" t="s">
        <v>1062</v>
      </c>
      <c r="L215" s="10" t="s">
        <v>22</v>
      </c>
      <c r="M215" s="10" t="s">
        <v>22</v>
      </c>
      <c r="N215" s="10" t="s">
        <v>22</v>
      </c>
      <c r="O215" s="10" t="s">
        <v>22</v>
      </c>
      <c r="P215" s="10" t="s">
        <v>22</v>
      </c>
      <c r="Q215" s="10" t="s">
        <v>22</v>
      </c>
      <c r="R215" s="10" t="s">
        <v>22</v>
      </c>
      <c r="S215" s="10" t="s">
        <v>22</v>
      </c>
      <c r="T215" s="10" t="s">
        <v>22</v>
      </c>
      <c r="U215" s="10" t="s">
        <v>22</v>
      </c>
      <c r="V215" s="10" t="s">
        <v>22</v>
      </c>
      <c r="W215" s="10" t="s">
        <v>22</v>
      </c>
      <c r="X215" s="10" t="s">
        <v>22</v>
      </c>
      <c r="Y215" s="10" t="s">
        <v>22</v>
      </c>
      <c r="Z215" s="10" t="s">
        <v>22</v>
      </c>
    </row>
    <row r="216" spans="1:26" ht="24" customHeight="1" x14ac:dyDescent="0.2">
      <c r="A216" s="9" t="s">
        <v>17494</v>
      </c>
      <c r="B216" s="9" t="s">
        <v>14</v>
      </c>
      <c r="C216" s="9" t="s">
        <v>1063</v>
      </c>
      <c r="D216" s="6" t="s">
        <v>1064</v>
      </c>
      <c r="E216" s="22">
        <v>44650</v>
      </c>
      <c r="F216" s="22">
        <v>46475</v>
      </c>
      <c r="G216" s="6" t="s">
        <v>1065</v>
      </c>
      <c r="H216" s="6" t="s">
        <v>62</v>
      </c>
      <c r="I216" s="6" t="s">
        <v>1066</v>
      </c>
      <c r="J216" s="6" t="s">
        <v>1067</v>
      </c>
      <c r="K216" s="9" t="s">
        <v>1068</v>
      </c>
      <c r="L216" s="10" t="s">
        <v>22</v>
      </c>
      <c r="M216" s="10" t="s">
        <v>22</v>
      </c>
      <c r="N216" s="10" t="s">
        <v>22</v>
      </c>
      <c r="O216" s="10" t="s">
        <v>22</v>
      </c>
      <c r="P216" s="10" t="s">
        <v>22</v>
      </c>
      <c r="Q216" s="10" t="s">
        <v>22</v>
      </c>
      <c r="U216" s="10" t="s">
        <v>22</v>
      </c>
      <c r="V216" s="10" t="s">
        <v>22</v>
      </c>
      <c r="W216" s="10" t="s">
        <v>22</v>
      </c>
      <c r="X216" s="10" t="s">
        <v>22</v>
      </c>
      <c r="Y216" s="10" t="s">
        <v>22</v>
      </c>
      <c r="Z216" s="10" t="s">
        <v>22</v>
      </c>
    </row>
    <row r="217" spans="1:26" ht="24" customHeight="1" x14ac:dyDescent="0.2">
      <c r="A217" s="9" t="s">
        <v>17495</v>
      </c>
      <c r="B217" s="9" t="s">
        <v>14</v>
      </c>
      <c r="C217" s="9" t="s">
        <v>1069</v>
      </c>
      <c r="D217" s="6" t="s">
        <v>1070</v>
      </c>
      <c r="E217" s="22">
        <v>44650</v>
      </c>
      <c r="F217" s="22">
        <v>46475</v>
      </c>
      <c r="G217" s="6" t="s">
        <v>1071</v>
      </c>
      <c r="H217" s="6" t="s">
        <v>62</v>
      </c>
      <c r="I217" s="6" t="s">
        <v>493</v>
      </c>
      <c r="J217" s="6" t="s">
        <v>1072</v>
      </c>
      <c r="L217" s="10" t="s">
        <v>22</v>
      </c>
      <c r="M217" s="10" t="s">
        <v>22</v>
      </c>
      <c r="N217" s="10" t="s">
        <v>22</v>
      </c>
      <c r="O217" s="10" t="s">
        <v>22</v>
      </c>
      <c r="P217" s="10" t="s">
        <v>22</v>
      </c>
      <c r="Q217" s="10" t="s">
        <v>22</v>
      </c>
      <c r="R217" s="10" t="s">
        <v>22</v>
      </c>
      <c r="S217" s="10" t="s">
        <v>22</v>
      </c>
      <c r="T217" s="10" t="s">
        <v>22</v>
      </c>
      <c r="U217" s="10" t="s">
        <v>22</v>
      </c>
      <c r="V217" s="10" t="s">
        <v>22</v>
      </c>
      <c r="W217" s="10" t="s">
        <v>22</v>
      </c>
      <c r="X217" s="10" t="s">
        <v>22</v>
      </c>
      <c r="Y217" s="10" t="s">
        <v>22</v>
      </c>
      <c r="Z217" s="10" t="s">
        <v>22</v>
      </c>
    </row>
    <row r="218" spans="1:26" ht="24" customHeight="1" x14ac:dyDescent="0.2">
      <c r="A218" s="9" t="s">
        <v>17497</v>
      </c>
      <c r="B218" s="9" t="s">
        <v>14</v>
      </c>
      <c r="C218" s="9" t="s">
        <v>1073</v>
      </c>
      <c r="D218" s="6" t="s">
        <v>1074</v>
      </c>
      <c r="E218" s="22">
        <v>44650</v>
      </c>
      <c r="F218" s="22">
        <v>46475</v>
      </c>
      <c r="G218" s="6" t="s">
        <v>1075</v>
      </c>
      <c r="H218" s="6" t="s">
        <v>62</v>
      </c>
      <c r="I218" s="6" t="s">
        <v>264</v>
      </c>
      <c r="J218" s="6" t="s">
        <v>1076</v>
      </c>
      <c r="K218" s="9" t="s">
        <v>1077</v>
      </c>
      <c r="L218" s="10" t="s">
        <v>22</v>
      </c>
      <c r="M218" s="10" t="s">
        <v>22</v>
      </c>
      <c r="N218" s="10" t="s">
        <v>22</v>
      </c>
      <c r="O218" s="10" t="s">
        <v>22</v>
      </c>
      <c r="P218" s="10" t="s">
        <v>22</v>
      </c>
      <c r="Q218" s="10" t="s">
        <v>22</v>
      </c>
      <c r="R218" s="10" t="s">
        <v>22</v>
      </c>
      <c r="S218" s="10" t="s">
        <v>22</v>
      </c>
      <c r="T218" s="10" t="s">
        <v>22</v>
      </c>
      <c r="U218" s="10" t="s">
        <v>22</v>
      </c>
      <c r="V218" s="10" t="s">
        <v>22</v>
      </c>
      <c r="W218" s="10" t="s">
        <v>22</v>
      </c>
      <c r="X218" s="10" t="s">
        <v>22</v>
      </c>
      <c r="Y218" s="10" t="s">
        <v>22</v>
      </c>
      <c r="Z218" s="10" t="s">
        <v>22</v>
      </c>
    </row>
    <row r="219" spans="1:26" ht="24" customHeight="1" x14ac:dyDescent="0.2">
      <c r="A219" s="9" t="s">
        <v>17498</v>
      </c>
      <c r="B219" s="9" t="s">
        <v>14</v>
      </c>
      <c r="C219" s="9" t="s">
        <v>1078</v>
      </c>
      <c r="D219" s="6" t="s">
        <v>1079</v>
      </c>
      <c r="E219" s="22">
        <v>44650</v>
      </c>
      <c r="F219" s="22">
        <v>46475</v>
      </c>
      <c r="G219" s="6" t="s">
        <v>1080</v>
      </c>
      <c r="H219" s="6" t="s">
        <v>18</v>
      </c>
      <c r="I219" s="6" t="s">
        <v>19</v>
      </c>
      <c r="J219" s="6" t="s">
        <v>1081</v>
      </c>
      <c r="K219" s="9" t="s">
        <v>1082</v>
      </c>
      <c r="L219" s="10" t="s">
        <v>22</v>
      </c>
      <c r="M219" s="10" t="s">
        <v>22</v>
      </c>
      <c r="N219" s="10" t="s">
        <v>22</v>
      </c>
      <c r="O219" s="10" t="s">
        <v>22</v>
      </c>
      <c r="P219" s="10" t="s">
        <v>22</v>
      </c>
      <c r="Q219" s="10" t="s">
        <v>22</v>
      </c>
      <c r="U219" s="10" t="s">
        <v>22</v>
      </c>
      <c r="V219" s="10" t="s">
        <v>22</v>
      </c>
      <c r="W219" s="10" t="s">
        <v>22</v>
      </c>
      <c r="X219" s="10" t="s">
        <v>22</v>
      </c>
      <c r="Y219" s="10" t="s">
        <v>22</v>
      </c>
      <c r="Z219" s="10" t="s">
        <v>22</v>
      </c>
    </row>
    <row r="220" spans="1:26" ht="24" customHeight="1" x14ac:dyDescent="0.2">
      <c r="A220" s="9" t="s">
        <v>17499</v>
      </c>
      <c r="B220" s="9" t="s">
        <v>14</v>
      </c>
      <c r="C220" s="9" t="s">
        <v>1083</v>
      </c>
      <c r="D220" s="6" t="s">
        <v>1084</v>
      </c>
      <c r="E220" s="22">
        <v>44650</v>
      </c>
      <c r="F220" s="22">
        <v>46475</v>
      </c>
      <c r="G220" s="6" t="s">
        <v>1085</v>
      </c>
      <c r="H220" s="6" t="s">
        <v>62</v>
      </c>
      <c r="I220" s="6" t="s">
        <v>414</v>
      </c>
      <c r="J220" s="6" t="s">
        <v>1086</v>
      </c>
      <c r="K220" s="9" t="s">
        <v>1087</v>
      </c>
      <c r="L220" s="10" t="s">
        <v>22</v>
      </c>
      <c r="M220" s="10" t="s">
        <v>22</v>
      </c>
      <c r="N220" s="10" t="s">
        <v>22</v>
      </c>
      <c r="O220" s="10" t="s">
        <v>22</v>
      </c>
      <c r="P220" s="10" t="s">
        <v>22</v>
      </c>
      <c r="Q220" s="10" t="s">
        <v>22</v>
      </c>
      <c r="R220" s="10" t="s">
        <v>22</v>
      </c>
      <c r="S220" s="10" t="s">
        <v>22</v>
      </c>
      <c r="T220" s="10" t="s">
        <v>22</v>
      </c>
      <c r="U220" s="10" t="s">
        <v>22</v>
      </c>
      <c r="V220" s="10" t="s">
        <v>22</v>
      </c>
      <c r="W220" s="10" t="s">
        <v>22</v>
      </c>
      <c r="X220" s="10" t="s">
        <v>22</v>
      </c>
      <c r="Y220" s="10" t="s">
        <v>22</v>
      </c>
      <c r="Z220" s="10" t="s">
        <v>22</v>
      </c>
    </row>
    <row r="221" spans="1:26" ht="24" customHeight="1" x14ac:dyDescent="0.2">
      <c r="A221" s="9" t="s">
        <v>17500</v>
      </c>
      <c r="B221" s="9" t="s">
        <v>14</v>
      </c>
      <c r="C221" s="9" t="s">
        <v>1088</v>
      </c>
      <c r="D221" s="6" t="s">
        <v>1089</v>
      </c>
      <c r="E221" s="22">
        <v>44650</v>
      </c>
      <c r="F221" s="22">
        <v>46475</v>
      </c>
      <c r="G221" s="6" t="s">
        <v>1090</v>
      </c>
      <c r="H221" s="6" t="s">
        <v>62</v>
      </c>
      <c r="I221" s="6" t="s">
        <v>551</v>
      </c>
      <c r="J221" s="6" t="s">
        <v>1091</v>
      </c>
      <c r="L221" s="10" t="s">
        <v>22</v>
      </c>
      <c r="M221" s="10" t="s">
        <v>22</v>
      </c>
      <c r="N221" s="10" t="s">
        <v>22</v>
      </c>
      <c r="O221" s="10" t="s">
        <v>22</v>
      </c>
      <c r="P221" s="10" t="s">
        <v>22</v>
      </c>
      <c r="Q221" s="10" t="s">
        <v>22</v>
      </c>
      <c r="R221" s="10" t="s">
        <v>22</v>
      </c>
      <c r="S221" s="10" t="s">
        <v>22</v>
      </c>
      <c r="T221" s="10" t="s">
        <v>22</v>
      </c>
      <c r="U221" s="10" t="s">
        <v>22</v>
      </c>
      <c r="V221" s="10" t="s">
        <v>22</v>
      </c>
      <c r="W221" s="10" t="s">
        <v>22</v>
      </c>
      <c r="X221" s="10" t="s">
        <v>22</v>
      </c>
      <c r="Y221" s="10" t="s">
        <v>22</v>
      </c>
      <c r="Z221" s="10" t="s">
        <v>22</v>
      </c>
    </row>
    <row r="222" spans="1:26" ht="24" customHeight="1" x14ac:dyDescent="0.2">
      <c r="A222" s="9" t="s">
        <v>17501</v>
      </c>
      <c r="B222" s="9" t="s">
        <v>14</v>
      </c>
      <c r="C222" s="9" t="s">
        <v>1092</v>
      </c>
      <c r="D222" s="6" t="s">
        <v>1093</v>
      </c>
      <c r="E222" s="22">
        <v>44650</v>
      </c>
      <c r="F222" s="22">
        <v>46475</v>
      </c>
      <c r="G222" s="6" t="s">
        <v>1094</v>
      </c>
      <c r="H222" s="6" t="s">
        <v>62</v>
      </c>
      <c r="I222" s="6" t="s">
        <v>414</v>
      </c>
      <c r="J222" s="6" t="s">
        <v>1095</v>
      </c>
      <c r="K222" s="9" t="s">
        <v>1096</v>
      </c>
      <c r="L222" s="10" t="s">
        <v>22</v>
      </c>
      <c r="M222" s="10" t="s">
        <v>22</v>
      </c>
      <c r="N222" s="10" t="s">
        <v>22</v>
      </c>
      <c r="O222" s="10" t="s">
        <v>22</v>
      </c>
      <c r="P222" s="10" t="s">
        <v>22</v>
      </c>
      <c r="Q222" s="10" t="s">
        <v>22</v>
      </c>
      <c r="R222" s="10" t="s">
        <v>22</v>
      </c>
      <c r="S222" s="10" t="s">
        <v>22</v>
      </c>
      <c r="T222" s="10" t="s">
        <v>22</v>
      </c>
      <c r="U222" s="10" t="s">
        <v>22</v>
      </c>
      <c r="V222" s="10" t="s">
        <v>22</v>
      </c>
      <c r="W222" s="10" t="s">
        <v>22</v>
      </c>
      <c r="X222" s="10" t="s">
        <v>22</v>
      </c>
      <c r="Y222" s="10" t="s">
        <v>22</v>
      </c>
      <c r="Z222" s="10" t="s">
        <v>22</v>
      </c>
    </row>
    <row r="223" spans="1:26" ht="24" customHeight="1" x14ac:dyDescent="0.2">
      <c r="A223" s="9" t="s">
        <v>17502</v>
      </c>
      <c r="B223" s="9" t="s">
        <v>14</v>
      </c>
      <c r="C223" s="9" t="s">
        <v>1097</v>
      </c>
      <c r="D223" s="6" t="s">
        <v>1098</v>
      </c>
      <c r="E223" s="22">
        <v>44650</v>
      </c>
      <c r="F223" s="22">
        <v>46475</v>
      </c>
      <c r="G223" s="6" t="s">
        <v>1099</v>
      </c>
      <c r="H223" s="6" t="s">
        <v>18</v>
      </c>
      <c r="I223" s="6" t="s">
        <v>19</v>
      </c>
      <c r="J223" s="6" t="s">
        <v>1100</v>
      </c>
      <c r="K223" s="9" t="s">
        <v>1101</v>
      </c>
      <c r="L223" s="10" t="s">
        <v>22</v>
      </c>
      <c r="M223" s="10" t="s">
        <v>22</v>
      </c>
      <c r="N223" s="10" t="s">
        <v>22</v>
      </c>
      <c r="O223" s="10" t="s">
        <v>22</v>
      </c>
      <c r="P223" s="10" t="s">
        <v>22</v>
      </c>
      <c r="Q223" s="10" t="s">
        <v>22</v>
      </c>
      <c r="R223" s="10" t="s">
        <v>22</v>
      </c>
      <c r="S223" s="10" t="s">
        <v>22</v>
      </c>
      <c r="T223" s="10" t="s">
        <v>22</v>
      </c>
      <c r="U223" s="10" t="s">
        <v>22</v>
      </c>
      <c r="V223" s="10" t="s">
        <v>22</v>
      </c>
      <c r="W223" s="10" t="s">
        <v>22</v>
      </c>
      <c r="X223" s="10" t="s">
        <v>22</v>
      </c>
      <c r="Y223" s="10" t="s">
        <v>22</v>
      </c>
      <c r="Z223" s="10" t="s">
        <v>22</v>
      </c>
    </row>
    <row r="224" spans="1:26" ht="24" customHeight="1" x14ac:dyDescent="0.2">
      <c r="A224" s="9" t="s">
        <v>17503</v>
      </c>
      <c r="B224" s="9" t="s">
        <v>14</v>
      </c>
      <c r="C224" s="9" t="s">
        <v>1102</v>
      </c>
      <c r="D224" s="6" t="s">
        <v>1103</v>
      </c>
      <c r="E224" s="22">
        <v>44650</v>
      </c>
      <c r="F224" s="22">
        <v>46475</v>
      </c>
      <c r="G224" s="6" t="s">
        <v>1104</v>
      </c>
      <c r="H224" s="6" t="s">
        <v>363</v>
      </c>
      <c r="I224" s="6" t="s">
        <v>466</v>
      </c>
      <c r="J224" s="6" t="s">
        <v>1105</v>
      </c>
      <c r="K224" s="9" t="s">
        <v>1106</v>
      </c>
      <c r="L224" s="10" t="s">
        <v>22</v>
      </c>
      <c r="M224" s="10" t="s">
        <v>22</v>
      </c>
      <c r="N224" s="10" t="s">
        <v>22</v>
      </c>
      <c r="O224" s="10" t="s">
        <v>22</v>
      </c>
      <c r="P224" s="10" t="s">
        <v>22</v>
      </c>
      <c r="Q224" s="10" t="s">
        <v>22</v>
      </c>
      <c r="R224" s="10" t="s">
        <v>22</v>
      </c>
      <c r="S224" s="10" t="s">
        <v>22</v>
      </c>
      <c r="T224" s="10" t="s">
        <v>22</v>
      </c>
      <c r="U224" s="10" t="s">
        <v>22</v>
      </c>
      <c r="V224" s="10" t="s">
        <v>22</v>
      </c>
      <c r="W224" s="10" t="s">
        <v>22</v>
      </c>
      <c r="X224" s="10" t="s">
        <v>22</v>
      </c>
      <c r="Y224" s="10" t="s">
        <v>22</v>
      </c>
      <c r="Z224" s="10" t="s">
        <v>22</v>
      </c>
    </row>
    <row r="225" spans="1:26" ht="24" customHeight="1" x14ac:dyDescent="0.2">
      <c r="A225" s="9" t="s">
        <v>17504</v>
      </c>
      <c r="B225" s="9" t="s">
        <v>14</v>
      </c>
      <c r="C225" s="9" t="s">
        <v>1107</v>
      </c>
      <c r="D225" s="6" t="s">
        <v>1108</v>
      </c>
      <c r="E225" s="22">
        <v>44650</v>
      </c>
      <c r="F225" s="22">
        <v>46475</v>
      </c>
      <c r="G225" s="6" t="s">
        <v>1109</v>
      </c>
      <c r="H225" s="6" t="s">
        <v>62</v>
      </c>
      <c r="I225" s="6" t="s">
        <v>186</v>
      </c>
      <c r="J225" s="6" t="s">
        <v>1110</v>
      </c>
      <c r="K225" s="9" t="s">
        <v>1111</v>
      </c>
      <c r="L225" s="10" t="s">
        <v>22</v>
      </c>
      <c r="M225" s="10" t="s">
        <v>22</v>
      </c>
      <c r="N225" s="10" t="s">
        <v>22</v>
      </c>
      <c r="O225" s="10" t="s">
        <v>22</v>
      </c>
      <c r="P225" s="10" t="s">
        <v>22</v>
      </c>
      <c r="Q225" s="10" t="s">
        <v>22</v>
      </c>
      <c r="R225" s="10" t="s">
        <v>22</v>
      </c>
      <c r="S225" s="10" t="s">
        <v>22</v>
      </c>
      <c r="T225" s="10" t="s">
        <v>22</v>
      </c>
      <c r="U225" s="10" t="s">
        <v>22</v>
      </c>
      <c r="V225" s="10" t="s">
        <v>22</v>
      </c>
      <c r="W225" s="10" t="s">
        <v>22</v>
      </c>
      <c r="X225" s="10" t="s">
        <v>22</v>
      </c>
      <c r="Y225" s="10" t="s">
        <v>22</v>
      </c>
      <c r="Z225" s="10" t="s">
        <v>22</v>
      </c>
    </row>
    <row r="226" spans="1:26" ht="24" customHeight="1" x14ac:dyDescent="0.2">
      <c r="A226" s="9" t="s">
        <v>17505</v>
      </c>
      <c r="B226" s="9" t="s">
        <v>14</v>
      </c>
      <c r="C226" s="9" t="s">
        <v>1112</v>
      </c>
      <c r="D226" s="6" t="s">
        <v>1113</v>
      </c>
      <c r="E226" s="22">
        <v>44650</v>
      </c>
      <c r="F226" s="22">
        <v>46475</v>
      </c>
      <c r="G226" s="6" t="s">
        <v>1114</v>
      </c>
      <c r="H226" s="6" t="s">
        <v>18</v>
      </c>
      <c r="I226" s="6" t="s">
        <v>19</v>
      </c>
      <c r="J226" s="6" t="s">
        <v>1115</v>
      </c>
      <c r="K226" s="9" t="s">
        <v>1116</v>
      </c>
      <c r="L226" s="10" t="s">
        <v>22</v>
      </c>
      <c r="M226" s="10" t="s">
        <v>22</v>
      </c>
      <c r="N226" s="10" t="s">
        <v>22</v>
      </c>
      <c r="O226" s="10" t="s">
        <v>22</v>
      </c>
      <c r="P226" s="10" t="s">
        <v>22</v>
      </c>
      <c r="Q226" s="10" t="s">
        <v>22</v>
      </c>
      <c r="R226" s="10" t="s">
        <v>22</v>
      </c>
      <c r="S226" s="10" t="s">
        <v>22</v>
      </c>
      <c r="T226" s="10" t="s">
        <v>22</v>
      </c>
      <c r="U226" s="10" t="s">
        <v>22</v>
      </c>
      <c r="V226" s="10" t="s">
        <v>22</v>
      </c>
      <c r="W226" s="10" t="s">
        <v>22</v>
      </c>
      <c r="X226" s="10" t="s">
        <v>22</v>
      </c>
      <c r="Y226" s="10" t="s">
        <v>22</v>
      </c>
      <c r="Z226" s="10" t="s">
        <v>22</v>
      </c>
    </row>
    <row r="227" spans="1:26" ht="24" customHeight="1" x14ac:dyDescent="0.2">
      <c r="A227" s="9" t="s">
        <v>17506</v>
      </c>
      <c r="B227" s="9" t="s">
        <v>14</v>
      </c>
      <c r="C227" s="9" t="s">
        <v>1117</v>
      </c>
      <c r="D227" s="6" t="s">
        <v>1118</v>
      </c>
      <c r="E227" s="22">
        <v>44650</v>
      </c>
      <c r="F227" s="22">
        <v>46475</v>
      </c>
      <c r="G227" s="6" t="s">
        <v>1119</v>
      </c>
      <c r="H227" s="6" t="s">
        <v>62</v>
      </c>
      <c r="I227" s="6" t="s">
        <v>312</v>
      </c>
      <c r="J227" s="6" t="s">
        <v>1120</v>
      </c>
      <c r="K227" s="9" t="s">
        <v>1121</v>
      </c>
      <c r="L227" s="10" t="s">
        <v>22</v>
      </c>
      <c r="M227" s="10" t="s">
        <v>22</v>
      </c>
      <c r="N227" s="10" t="s">
        <v>22</v>
      </c>
      <c r="O227" s="10" t="s">
        <v>22</v>
      </c>
      <c r="P227" s="10" t="s">
        <v>22</v>
      </c>
      <c r="Q227" s="10" t="s">
        <v>22</v>
      </c>
      <c r="R227" s="10" t="s">
        <v>22</v>
      </c>
      <c r="S227" s="10" t="s">
        <v>22</v>
      </c>
      <c r="T227" s="10" t="s">
        <v>22</v>
      </c>
      <c r="U227" s="10" t="s">
        <v>22</v>
      </c>
      <c r="V227" s="10" t="s">
        <v>22</v>
      </c>
      <c r="W227" s="10" t="s">
        <v>22</v>
      </c>
      <c r="X227" s="10" t="s">
        <v>22</v>
      </c>
      <c r="Y227" s="10" t="s">
        <v>22</v>
      </c>
      <c r="Z227" s="10" t="s">
        <v>22</v>
      </c>
    </row>
    <row r="228" spans="1:26" ht="24" customHeight="1" x14ac:dyDescent="0.2">
      <c r="A228" s="9" t="s">
        <v>17507</v>
      </c>
      <c r="B228" s="9" t="s">
        <v>14</v>
      </c>
      <c r="C228" s="9" t="s">
        <v>1122</v>
      </c>
      <c r="D228" s="6" t="s">
        <v>1123</v>
      </c>
      <c r="E228" s="22">
        <v>44650</v>
      </c>
      <c r="F228" s="22">
        <v>46475</v>
      </c>
      <c r="G228" s="6" t="s">
        <v>1124</v>
      </c>
      <c r="H228" s="6" t="s">
        <v>62</v>
      </c>
      <c r="I228" s="6" t="s">
        <v>1125</v>
      </c>
      <c r="J228" s="6" t="s">
        <v>1126</v>
      </c>
      <c r="K228" s="9" t="s">
        <v>1127</v>
      </c>
      <c r="L228" s="10" t="s">
        <v>22</v>
      </c>
      <c r="M228" s="10" t="s">
        <v>22</v>
      </c>
      <c r="N228" s="10" t="s">
        <v>22</v>
      </c>
      <c r="O228" s="10" t="s">
        <v>22</v>
      </c>
      <c r="P228" s="10" t="s">
        <v>22</v>
      </c>
      <c r="Q228" s="10" t="s">
        <v>22</v>
      </c>
      <c r="R228" s="10" t="s">
        <v>22</v>
      </c>
      <c r="S228" s="10" t="s">
        <v>22</v>
      </c>
      <c r="T228" s="10" t="s">
        <v>22</v>
      </c>
      <c r="U228" s="10" t="s">
        <v>22</v>
      </c>
      <c r="V228" s="10" t="s">
        <v>22</v>
      </c>
      <c r="W228" s="10" t="s">
        <v>22</v>
      </c>
      <c r="X228" s="10" t="s">
        <v>22</v>
      </c>
      <c r="Y228" s="10" t="s">
        <v>22</v>
      </c>
      <c r="Z228" s="10" t="s">
        <v>22</v>
      </c>
    </row>
    <row r="229" spans="1:26" ht="24" customHeight="1" x14ac:dyDescent="0.2">
      <c r="A229" s="9" t="s">
        <v>17508</v>
      </c>
      <c r="B229" s="9" t="s">
        <v>14</v>
      </c>
      <c r="C229" s="9" t="s">
        <v>1128</v>
      </c>
      <c r="D229" s="6" t="s">
        <v>1129</v>
      </c>
      <c r="E229" s="22">
        <v>44650</v>
      </c>
      <c r="F229" s="22">
        <v>46475</v>
      </c>
      <c r="G229" s="6" t="s">
        <v>1130</v>
      </c>
      <c r="H229" s="6" t="s">
        <v>62</v>
      </c>
      <c r="I229" s="6" t="s">
        <v>186</v>
      </c>
      <c r="J229" s="6" t="s">
        <v>1131</v>
      </c>
      <c r="K229" s="9" t="s">
        <v>1132</v>
      </c>
      <c r="L229" s="10" t="s">
        <v>22</v>
      </c>
      <c r="M229" s="10" t="s">
        <v>22</v>
      </c>
      <c r="N229" s="10" t="s">
        <v>22</v>
      </c>
      <c r="O229" s="10" t="s">
        <v>22</v>
      </c>
      <c r="P229" s="10" t="s">
        <v>22</v>
      </c>
      <c r="Q229" s="10" t="s">
        <v>22</v>
      </c>
      <c r="R229" s="10" t="s">
        <v>22</v>
      </c>
      <c r="S229" s="10" t="s">
        <v>22</v>
      </c>
      <c r="T229" s="10" t="s">
        <v>22</v>
      </c>
      <c r="U229" s="10" t="s">
        <v>22</v>
      </c>
      <c r="V229" s="10" t="s">
        <v>22</v>
      </c>
      <c r="W229" s="10" t="s">
        <v>22</v>
      </c>
      <c r="X229" s="10" t="s">
        <v>22</v>
      </c>
      <c r="Y229" s="10" t="s">
        <v>22</v>
      </c>
      <c r="Z229" s="10" t="s">
        <v>22</v>
      </c>
    </row>
    <row r="230" spans="1:26" ht="24" customHeight="1" x14ac:dyDescent="0.2">
      <c r="A230" s="9" t="s">
        <v>17509</v>
      </c>
      <c r="B230" s="9" t="s">
        <v>14</v>
      </c>
      <c r="C230" s="9" t="s">
        <v>1133</v>
      </c>
      <c r="D230" s="6" t="s">
        <v>1134</v>
      </c>
      <c r="E230" s="22">
        <v>44650</v>
      </c>
      <c r="F230" s="22">
        <v>46475</v>
      </c>
      <c r="G230" s="6" t="s">
        <v>1135</v>
      </c>
      <c r="H230" s="6" t="s">
        <v>62</v>
      </c>
      <c r="I230" s="6" t="s">
        <v>312</v>
      </c>
      <c r="J230" s="6" t="s">
        <v>1136</v>
      </c>
      <c r="K230" s="9" t="s">
        <v>1137</v>
      </c>
      <c r="L230" s="10" t="s">
        <v>22</v>
      </c>
      <c r="M230" s="10" t="s">
        <v>22</v>
      </c>
      <c r="N230" s="10" t="s">
        <v>22</v>
      </c>
      <c r="O230" s="10" t="s">
        <v>22</v>
      </c>
      <c r="P230" s="10" t="s">
        <v>22</v>
      </c>
      <c r="Q230" s="10" t="s">
        <v>22</v>
      </c>
      <c r="R230" s="10" t="s">
        <v>22</v>
      </c>
      <c r="S230" s="10" t="s">
        <v>22</v>
      </c>
      <c r="T230" s="10" t="s">
        <v>22</v>
      </c>
      <c r="U230" s="10" t="s">
        <v>22</v>
      </c>
      <c r="V230" s="10" t="s">
        <v>22</v>
      </c>
      <c r="W230" s="10" t="s">
        <v>22</v>
      </c>
      <c r="X230" s="10" t="s">
        <v>22</v>
      </c>
      <c r="Y230" s="10" t="s">
        <v>22</v>
      </c>
      <c r="Z230" s="10" t="s">
        <v>22</v>
      </c>
    </row>
    <row r="231" spans="1:26" ht="24" customHeight="1" x14ac:dyDescent="0.2">
      <c r="A231" s="9" t="s">
        <v>17510</v>
      </c>
      <c r="B231" s="9" t="s">
        <v>14</v>
      </c>
      <c r="C231" s="9" t="s">
        <v>1138</v>
      </c>
      <c r="D231" s="6" t="s">
        <v>1139</v>
      </c>
      <c r="E231" s="22">
        <v>44650</v>
      </c>
      <c r="F231" s="22">
        <v>46475</v>
      </c>
      <c r="G231" s="6" t="s">
        <v>1140</v>
      </c>
      <c r="H231" s="6" t="s">
        <v>62</v>
      </c>
      <c r="I231" s="6" t="s">
        <v>1141</v>
      </c>
      <c r="J231" s="6" t="s">
        <v>1142</v>
      </c>
      <c r="K231" s="9" t="s">
        <v>1143</v>
      </c>
      <c r="L231" s="10" t="s">
        <v>22</v>
      </c>
      <c r="M231" s="10" t="s">
        <v>22</v>
      </c>
      <c r="N231" s="10" t="s">
        <v>22</v>
      </c>
      <c r="O231" s="10" t="s">
        <v>22</v>
      </c>
      <c r="P231" s="10" t="s">
        <v>22</v>
      </c>
      <c r="Q231" s="10" t="s">
        <v>22</v>
      </c>
      <c r="U231" s="10" t="s">
        <v>22</v>
      </c>
      <c r="V231" s="10" t="s">
        <v>22</v>
      </c>
      <c r="W231" s="10" t="s">
        <v>22</v>
      </c>
      <c r="X231" s="10" t="s">
        <v>22</v>
      </c>
      <c r="Y231" s="10" t="s">
        <v>22</v>
      </c>
      <c r="Z231" s="10" t="s">
        <v>22</v>
      </c>
    </row>
    <row r="232" spans="1:26" ht="24" customHeight="1" x14ac:dyDescent="0.2">
      <c r="A232" s="9" t="s">
        <v>17511</v>
      </c>
      <c r="B232" s="9" t="s">
        <v>14</v>
      </c>
      <c r="C232" s="9" t="s">
        <v>1138</v>
      </c>
      <c r="D232" s="6" t="s">
        <v>1139</v>
      </c>
      <c r="E232" s="22">
        <v>44650</v>
      </c>
      <c r="F232" s="22">
        <v>46475</v>
      </c>
      <c r="G232" s="6" t="s">
        <v>1144</v>
      </c>
      <c r="H232" s="6" t="s">
        <v>18</v>
      </c>
      <c r="I232" s="6" t="s">
        <v>1145</v>
      </c>
      <c r="J232" s="6" t="s">
        <v>1146</v>
      </c>
      <c r="K232" s="9" t="s">
        <v>1147</v>
      </c>
      <c r="L232" s="10" t="s">
        <v>22</v>
      </c>
      <c r="M232" s="10" t="s">
        <v>22</v>
      </c>
      <c r="N232" s="10" t="s">
        <v>22</v>
      </c>
      <c r="O232" s="10" t="s">
        <v>22</v>
      </c>
      <c r="P232" s="10" t="s">
        <v>22</v>
      </c>
      <c r="Q232" s="10" t="s">
        <v>22</v>
      </c>
      <c r="U232" s="10" t="s">
        <v>22</v>
      </c>
      <c r="V232" s="10" t="s">
        <v>22</v>
      </c>
      <c r="W232" s="10" t="s">
        <v>22</v>
      </c>
      <c r="X232" s="10" t="s">
        <v>22</v>
      </c>
      <c r="Y232" s="10" t="s">
        <v>22</v>
      </c>
      <c r="Z232" s="10" t="s">
        <v>22</v>
      </c>
    </row>
    <row r="233" spans="1:26" ht="24" customHeight="1" x14ac:dyDescent="0.2">
      <c r="A233" s="9" t="s">
        <v>17512</v>
      </c>
      <c r="B233" s="9" t="s">
        <v>14</v>
      </c>
      <c r="C233" s="9" t="s">
        <v>1148</v>
      </c>
      <c r="D233" s="6" t="s">
        <v>1149</v>
      </c>
      <c r="E233" s="22">
        <v>44650</v>
      </c>
      <c r="F233" s="22">
        <v>46475</v>
      </c>
      <c r="G233" s="6" t="s">
        <v>1150</v>
      </c>
      <c r="H233" s="6" t="s">
        <v>62</v>
      </c>
      <c r="I233" s="6" t="s">
        <v>186</v>
      </c>
      <c r="J233" s="6" t="s">
        <v>1151</v>
      </c>
      <c r="K233" s="9" t="s">
        <v>1152</v>
      </c>
      <c r="L233" s="10" t="s">
        <v>22</v>
      </c>
      <c r="M233" s="10" t="s">
        <v>22</v>
      </c>
      <c r="N233" s="10" t="s">
        <v>22</v>
      </c>
      <c r="O233" s="10" t="s">
        <v>22</v>
      </c>
      <c r="P233" s="10" t="s">
        <v>22</v>
      </c>
      <c r="Q233" s="10" t="s">
        <v>22</v>
      </c>
      <c r="S233" s="10" t="s">
        <v>22</v>
      </c>
      <c r="T233" s="10" t="s">
        <v>22</v>
      </c>
      <c r="U233" s="10" t="s">
        <v>22</v>
      </c>
      <c r="V233" s="10" t="s">
        <v>22</v>
      </c>
      <c r="W233" s="10" t="s">
        <v>22</v>
      </c>
      <c r="X233" s="10" t="s">
        <v>22</v>
      </c>
      <c r="Y233" s="10" t="s">
        <v>22</v>
      </c>
      <c r="Z233" s="10" t="s">
        <v>22</v>
      </c>
    </row>
    <row r="234" spans="1:26" ht="24" customHeight="1" x14ac:dyDescent="0.2">
      <c r="A234" s="9" t="s">
        <v>17513</v>
      </c>
      <c r="B234" s="9" t="s">
        <v>14</v>
      </c>
      <c r="C234" s="9" t="s">
        <v>1153</v>
      </c>
      <c r="D234" s="6" t="s">
        <v>1154</v>
      </c>
      <c r="E234" s="22">
        <v>44650</v>
      </c>
      <c r="F234" s="22">
        <v>46475</v>
      </c>
      <c r="G234" s="6" t="s">
        <v>1155</v>
      </c>
      <c r="H234" s="6" t="s">
        <v>18</v>
      </c>
      <c r="I234" s="6" t="s">
        <v>19</v>
      </c>
      <c r="J234" s="6" t="s">
        <v>1156</v>
      </c>
      <c r="L234" s="10" t="s">
        <v>22</v>
      </c>
      <c r="M234" s="10" t="s">
        <v>22</v>
      </c>
      <c r="N234" s="10" t="s">
        <v>22</v>
      </c>
      <c r="O234" s="10" t="s">
        <v>22</v>
      </c>
      <c r="P234" s="10" t="s">
        <v>22</v>
      </c>
      <c r="Q234" s="10" t="s">
        <v>22</v>
      </c>
      <c r="R234" s="10" t="s">
        <v>22</v>
      </c>
      <c r="S234" s="10" t="s">
        <v>22</v>
      </c>
      <c r="T234" s="10" t="s">
        <v>22</v>
      </c>
      <c r="U234" s="10" t="s">
        <v>22</v>
      </c>
      <c r="V234" s="10" t="s">
        <v>22</v>
      </c>
      <c r="W234" s="10" t="s">
        <v>22</v>
      </c>
      <c r="X234" s="10" t="s">
        <v>22</v>
      </c>
      <c r="Y234" s="10" t="s">
        <v>22</v>
      </c>
      <c r="Z234" s="10" t="s">
        <v>22</v>
      </c>
    </row>
    <row r="235" spans="1:26" ht="24" customHeight="1" x14ac:dyDescent="0.2">
      <c r="A235" s="9" t="s">
        <v>17514</v>
      </c>
      <c r="B235" s="9" t="s">
        <v>14</v>
      </c>
      <c r="C235" s="9" t="s">
        <v>1157</v>
      </c>
      <c r="D235" s="6" t="s">
        <v>1158</v>
      </c>
      <c r="E235" s="22">
        <v>44650</v>
      </c>
      <c r="F235" s="22">
        <v>46475</v>
      </c>
      <c r="G235" s="6" t="s">
        <v>1159</v>
      </c>
      <c r="H235" s="6" t="s">
        <v>62</v>
      </c>
      <c r="I235" s="6" t="s">
        <v>236</v>
      </c>
      <c r="J235" s="6" t="s">
        <v>1160</v>
      </c>
      <c r="K235" s="9" t="s">
        <v>1161</v>
      </c>
      <c r="L235" s="10" t="s">
        <v>22</v>
      </c>
      <c r="M235" s="10" t="s">
        <v>22</v>
      </c>
      <c r="N235" s="10" t="s">
        <v>22</v>
      </c>
      <c r="O235" s="10" t="s">
        <v>22</v>
      </c>
      <c r="P235" s="10" t="s">
        <v>22</v>
      </c>
      <c r="Q235" s="10" t="s">
        <v>22</v>
      </c>
      <c r="R235" s="10" t="s">
        <v>22</v>
      </c>
      <c r="S235" s="10" t="s">
        <v>22</v>
      </c>
      <c r="T235" s="10" t="s">
        <v>22</v>
      </c>
      <c r="U235" s="10" t="s">
        <v>22</v>
      </c>
      <c r="V235" s="10" t="s">
        <v>22</v>
      </c>
      <c r="W235" s="10" t="s">
        <v>22</v>
      </c>
      <c r="X235" s="10" t="s">
        <v>22</v>
      </c>
      <c r="Y235" s="10" t="s">
        <v>22</v>
      </c>
      <c r="Z235" s="10" t="s">
        <v>22</v>
      </c>
    </row>
    <row r="236" spans="1:26" ht="24" customHeight="1" x14ac:dyDescent="0.2">
      <c r="A236" s="9" t="s">
        <v>17515</v>
      </c>
      <c r="B236" s="9" t="s">
        <v>14</v>
      </c>
      <c r="C236" s="9" t="s">
        <v>1162</v>
      </c>
      <c r="D236" s="6" t="s">
        <v>1163</v>
      </c>
      <c r="E236" s="22">
        <v>44650</v>
      </c>
      <c r="F236" s="22">
        <v>46475</v>
      </c>
      <c r="G236" s="6" t="s">
        <v>1164</v>
      </c>
      <c r="H236" s="6" t="s">
        <v>18</v>
      </c>
      <c r="I236" s="6" t="s">
        <v>19</v>
      </c>
      <c r="J236" s="6" t="s">
        <v>1165</v>
      </c>
      <c r="K236" s="9" t="s">
        <v>1166</v>
      </c>
      <c r="L236" s="10" t="s">
        <v>22</v>
      </c>
      <c r="M236" s="10" t="s">
        <v>22</v>
      </c>
      <c r="N236" s="10" t="s">
        <v>22</v>
      </c>
      <c r="O236" s="10" t="s">
        <v>22</v>
      </c>
      <c r="P236" s="10" t="s">
        <v>22</v>
      </c>
      <c r="Q236" s="10" t="s">
        <v>22</v>
      </c>
      <c r="R236" s="10" t="s">
        <v>22</v>
      </c>
      <c r="S236" s="10" t="s">
        <v>22</v>
      </c>
      <c r="T236" s="10" t="s">
        <v>22</v>
      </c>
      <c r="U236" s="10" t="s">
        <v>22</v>
      </c>
      <c r="V236" s="10" t="s">
        <v>22</v>
      </c>
      <c r="W236" s="10" t="s">
        <v>22</v>
      </c>
      <c r="X236" s="10" t="s">
        <v>22</v>
      </c>
      <c r="Y236" s="10" t="s">
        <v>22</v>
      </c>
      <c r="Z236" s="10" t="s">
        <v>22</v>
      </c>
    </row>
    <row r="237" spans="1:26" ht="24" customHeight="1" x14ac:dyDescent="0.2">
      <c r="A237" s="9" t="s">
        <v>17516</v>
      </c>
      <c r="B237" s="9" t="s">
        <v>14</v>
      </c>
      <c r="C237" s="9" t="s">
        <v>1167</v>
      </c>
      <c r="D237" s="6" t="s">
        <v>1168</v>
      </c>
      <c r="E237" s="22">
        <v>44650</v>
      </c>
      <c r="F237" s="22">
        <v>46475</v>
      </c>
      <c r="G237" s="6" t="s">
        <v>1169</v>
      </c>
      <c r="H237" s="6" t="s">
        <v>202</v>
      </c>
      <c r="I237" s="6" t="s">
        <v>1170</v>
      </c>
      <c r="J237" s="6" t="s">
        <v>1171</v>
      </c>
      <c r="K237" s="9" t="s">
        <v>1172</v>
      </c>
      <c r="L237" s="10" t="s">
        <v>22</v>
      </c>
      <c r="M237" s="10" t="s">
        <v>22</v>
      </c>
      <c r="N237" s="10" t="s">
        <v>22</v>
      </c>
      <c r="O237" s="10" t="s">
        <v>22</v>
      </c>
      <c r="P237" s="10" t="s">
        <v>22</v>
      </c>
      <c r="Q237" s="10" t="s">
        <v>22</v>
      </c>
      <c r="R237" s="10" t="s">
        <v>22</v>
      </c>
      <c r="S237" s="10" t="s">
        <v>22</v>
      </c>
      <c r="T237" s="10" t="s">
        <v>22</v>
      </c>
      <c r="U237" s="10" t="s">
        <v>22</v>
      </c>
      <c r="V237" s="10" t="s">
        <v>22</v>
      </c>
      <c r="W237" s="10" t="s">
        <v>22</v>
      </c>
      <c r="X237" s="10" t="s">
        <v>22</v>
      </c>
      <c r="Y237" s="10" t="s">
        <v>22</v>
      </c>
      <c r="Z237" s="10" t="s">
        <v>22</v>
      </c>
    </row>
    <row r="238" spans="1:26" ht="24" customHeight="1" x14ac:dyDescent="0.2">
      <c r="A238" s="9" t="s">
        <v>17517</v>
      </c>
      <c r="B238" s="9" t="s">
        <v>14</v>
      </c>
      <c r="C238" s="9" t="s">
        <v>1173</v>
      </c>
      <c r="D238" s="6" t="s">
        <v>1174</v>
      </c>
      <c r="E238" s="22">
        <v>44650</v>
      </c>
      <c r="F238" s="22">
        <v>46475</v>
      </c>
      <c r="G238" s="6" t="s">
        <v>1175</v>
      </c>
      <c r="H238" s="6" t="s">
        <v>202</v>
      </c>
      <c r="I238" s="6" t="s">
        <v>441</v>
      </c>
      <c r="J238" s="6" t="s">
        <v>1176</v>
      </c>
      <c r="K238" s="9" t="s">
        <v>1177</v>
      </c>
      <c r="L238" s="10" t="s">
        <v>22</v>
      </c>
      <c r="M238" s="10" t="s">
        <v>22</v>
      </c>
      <c r="N238" s="10" t="s">
        <v>22</v>
      </c>
      <c r="O238" s="10" t="s">
        <v>22</v>
      </c>
      <c r="P238" s="10" t="s">
        <v>22</v>
      </c>
      <c r="Q238" s="10" t="s">
        <v>22</v>
      </c>
      <c r="R238" s="10" t="s">
        <v>22</v>
      </c>
      <c r="S238" s="10" t="s">
        <v>22</v>
      </c>
      <c r="T238" s="10" t="s">
        <v>22</v>
      </c>
      <c r="U238" s="10" t="s">
        <v>22</v>
      </c>
      <c r="V238" s="10" t="s">
        <v>22</v>
      </c>
      <c r="W238" s="10" t="s">
        <v>22</v>
      </c>
      <c r="X238" s="10" t="s">
        <v>22</v>
      </c>
      <c r="Y238" s="10" t="s">
        <v>22</v>
      </c>
      <c r="Z238" s="10" t="s">
        <v>22</v>
      </c>
    </row>
    <row r="239" spans="1:26" ht="24" customHeight="1" x14ac:dyDescent="0.2">
      <c r="A239" s="9" t="s">
        <v>17518</v>
      </c>
      <c r="B239" s="9" t="s">
        <v>14</v>
      </c>
      <c r="C239" s="9" t="s">
        <v>1178</v>
      </c>
      <c r="D239" s="6" t="s">
        <v>1179</v>
      </c>
      <c r="E239" s="22">
        <v>44650</v>
      </c>
      <c r="F239" s="22">
        <v>46475</v>
      </c>
      <c r="G239" s="6" t="s">
        <v>1180</v>
      </c>
      <c r="H239" s="6" t="s">
        <v>18</v>
      </c>
      <c r="I239" s="6" t="s">
        <v>19</v>
      </c>
      <c r="J239" s="6" t="s">
        <v>1181</v>
      </c>
      <c r="K239" s="9" t="s">
        <v>1182</v>
      </c>
      <c r="L239" s="10" t="s">
        <v>22</v>
      </c>
      <c r="M239" s="10" t="s">
        <v>22</v>
      </c>
      <c r="N239" s="10" t="s">
        <v>22</v>
      </c>
      <c r="O239" s="10" t="s">
        <v>22</v>
      </c>
      <c r="P239" s="10" t="s">
        <v>22</v>
      </c>
      <c r="Q239" s="10" t="s">
        <v>22</v>
      </c>
      <c r="U239" s="10" t="s">
        <v>22</v>
      </c>
      <c r="V239" s="10" t="s">
        <v>22</v>
      </c>
      <c r="W239" s="10" t="s">
        <v>22</v>
      </c>
      <c r="X239" s="10" t="s">
        <v>22</v>
      </c>
      <c r="Y239" s="10" t="s">
        <v>22</v>
      </c>
      <c r="Z239" s="10" t="s">
        <v>22</v>
      </c>
    </row>
    <row r="240" spans="1:26" ht="24" customHeight="1" x14ac:dyDescent="0.2">
      <c r="A240" s="9" t="s">
        <v>17519</v>
      </c>
      <c r="B240" s="9" t="s">
        <v>14</v>
      </c>
      <c r="C240" s="9" t="s">
        <v>1183</v>
      </c>
      <c r="D240" s="6" t="s">
        <v>1184</v>
      </c>
      <c r="E240" s="22">
        <v>44650</v>
      </c>
      <c r="F240" s="22">
        <v>46475</v>
      </c>
      <c r="G240" s="6" t="s">
        <v>1185</v>
      </c>
      <c r="H240" s="6" t="s">
        <v>62</v>
      </c>
      <c r="I240" s="6" t="s">
        <v>1186</v>
      </c>
      <c r="J240" s="6" t="s">
        <v>1187</v>
      </c>
      <c r="L240" s="10" t="s">
        <v>22</v>
      </c>
      <c r="M240" s="10" t="s">
        <v>22</v>
      </c>
      <c r="N240" s="10" t="s">
        <v>22</v>
      </c>
      <c r="O240" s="10" t="s">
        <v>22</v>
      </c>
      <c r="P240" s="10" t="s">
        <v>22</v>
      </c>
      <c r="Q240" s="10" t="s">
        <v>22</v>
      </c>
      <c r="U240" s="10" t="s">
        <v>22</v>
      </c>
      <c r="V240" s="10" t="s">
        <v>22</v>
      </c>
      <c r="W240" s="10" t="s">
        <v>22</v>
      </c>
      <c r="X240" s="10" t="s">
        <v>22</v>
      </c>
      <c r="Y240" s="10" t="s">
        <v>22</v>
      </c>
      <c r="Z240" s="10" t="s">
        <v>22</v>
      </c>
    </row>
    <row r="241" spans="1:26" ht="24" customHeight="1" x14ac:dyDescent="0.2">
      <c r="A241" s="9" t="s">
        <v>17520</v>
      </c>
      <c r="B241" s="9" t="s">
        <v>14</v>
      </c>
      <c r="C241" s="9" t="s">
        <v>1188</v>
      </c>
      <c r="D241" s="6" t="s">
        <v>1189</v>
      </c>
      <c r="E241" s="22">
        <v>44650</v>
      </c>
      <c r="F241" s="22">
        <v>46475</v>
      </c>
      <c r="G241" s="6" t="s">
        <v>1190</v>
      </c>
      <c r="H241" s="6" t="s">
        <v>18</v>
      </c>
      <c r="I241" s="6" t="s">
        <v>1145</v>
      </c>
      <c r="J241" s="6" t="s">
        <v>1191</v>
      </c>
      <c r="K241" s="9" t="s">
        <v>1192</v>
      </c>
      <c r="L241" s="10" t="s">
        <v>22</v>
      </c>
      <c r="M241" s="10" t="s">
        <v>22</v>
      </c>
      <c r="N241" s="10" t="s">
        <v>22</v>
      </c>
      <c r="O241" s="10" t="s">
        <v>22</v>
      </c>
      <c r="P241" s="10" t="s">
        <v>22</v>
      </c>
      <c r="Q241" s="10" t="s">
        <v>22</v>
      </c>
    </row>
    <row r="242" spans="1:26" ht="34.75" customHeight="1" x14ac:dyDescent="0.2">
      <c r="A242" s="9" t="s">
        <v>17521</v>
      </c>
      <c r="B242" s="9" t="s">
        <v>14</v>
      </c>
      <c r="C242" s="9" t="s">
        <v>1188</v>
      </c>
      <c r="D242" s="6" t="s">
        <v>1189</v>
      </c>
      <c r="E242" s="22">
        <v>44650</v>
      </c>
      <c r="F242" s="22">
        <v>46475</v>
      </c>
      <c r="G242" s="6" t="s">
        <v>1193</v>
      </c>
      <c r="H242" s="6" t="s">
        <v>18</v>
      </c>
      <c r="I242" s="6" t="s">
        <v>1194</v>
      </c>
      <c r="J242" s="6" t="s">
        <v>1195</v>
      </c>
      <c r="K242" s="9" t="s">
        <v>1196</v>
      </c>
      <c r="L242" s="10" t="s">
        <v>22</v>
      </c>
      <c r="M242" s="10" t="s">
        <v>22</v>
      </c>
      <c r="N242" s="10" t="s">
        <v>22</v>
      </c>
      <c r="O242" s="10" t="s">
        <v>22</v>
      </c>
      <c r="P242" s="10" t="s">
        <v>22</v>
      </c>
      <c r="Q242" s="10" t="s">
        <v>22</v>
      </c>
    </row>
    <row r="243" spans="1:26" ht="24" customHeight="1" x14ac:dyDescent="0.2">
      <c r="A243" s="9" t="s">
        <v>17522</v>
      </c>
      <c r="B243" s="9" t="s">
        <v>14</v>
      </c>
      <c r="C243" s="9" t="s">
        <v>1197</v>
      </c>
      <c r="D243" s="6" t="s">
        <v>1198</v>
      </c>
      <c r="E243" s="22">
        <v>44650</v>
      </c>
      <c r="F243" s="22">
        <v>46475</v>
      </c>
      <c r="G243" s="6" t="s">
        <v>1199</v>
      </c>
      <c r="H243" s="6" t="s">
        <v>62</v>
      </c>
      <c r="I243" s="6" t="s">
        <v>551</v>
      </c>
      <c r="J243" s="6" t="s">
        <v>1200</v>
      </c>
      <c r="K243" s="9" t="s">
        <v>1201</v>
      </c>
      <c r="L243" s="10" t="s">
        <v>22</v>
      </c>
      <c r="M243" s="10" t="s">
        <v>22</v>
      </c>
      <c r="N243" s="10" t="s">
        <v>22</v>
      </c>
      <c r="O243" s="10" t="s">
        <v>22</v>
      </c>
      <c r="P243" s="10" t="s">
        <v>22</v>
      </c>
      <c r="Q243" s="10" t="s">
        <v>22</v>
      </c>
      <c r="R243" s="10" t="s">
        <v>22</v>
      </c>
      <c r="S243" s="10" t="s">
        <v>22</v>
      </c>
      <c r="T243" s="10" t="s">
        <v>22</v>
      </c>
      <c r="U243" s="10" t="s">
        <v>22</v>
      </c>
      <c r="V243" s="10" t="s">
        <v>22</v>
      </c>
      <c r="W243" s="10" t="s">
        <v>22</v>
      </c>
      <c r="X243" s="10" t="s">
        <v>22</v>
      </c>
      <c r="Y243" s="10" t="s">
        <v>22</v>
      </c>
      <c r="Z243" s="10" t="s">
        <v>22</v>
      </c>
    </row>
    <row r="244" spans="1:26" ht="24" customHeight="1" x14ac:dyDescent="0.2">
      <c r="A244" s="9" t="s">
        <v>17523</v>
      </c>
      <c r="B244" s="9" t="s">
        <v>14</v>
      </c>
      <c r="C244" s="9" t="s">
        <v>1202</v>
      </c>
      <c r="D244" s="6" t="s">
        <v>1203</v>
      </c>
      <c r="E244" s="22">
        <v>44650</v>
      </c>
      <c r="F244" s="22">
        <v>46475</v>
      </c>
      <c r="G244" s="6" t="s">
        <v>1204</v>
      </c>
      <c r="H244" s="6" t="s">
        <v>62</v>
      </c>
      <c r="I244" s="6" t="s">
        <v>1141</v>
      </c>
      <c r="J244" s="6" t="s">
        <v>1205</v>
      </c>
      <c r="K244" s="9" t="s">
        <v>1206</v>
      </c>
      <c r="L244" s="10" t="s">
        <v>22</v>
      </c>
      <c r="M244" s="10" t="s">
        <v>22</v>
      </c>
      <c r="N244" s="10" t="s">
        <v>22</v>
      </c>
      <c r="O244" s="10" t="s">
        <v>22</v>
      </c>
      <c r="P244" s="10" t="s">
        <v>22</v>
      </c>
      <c r="Q244" s="10" t="s">
        <v>22</v>
      </c>
      <c r="R244" s="10" t="s">
        <v>22</v>
      </c>
      <c r="S244" s="10" t="s">
        <v>22</v>
      </c>
      <c r="T244" s="10" t="s">
        <v>22</v>
      </c>
      <c r="U244" s="10" t="s">
        <v>22</v>
      </c>
      <c r="V244" s="10" t="s">
        <v>22</v>
      </c>
      <c r="W244" s="10" t="s">
        <v>22</v>
      </c>
      <c r="X244" s="10" t="s">
        <v>22</v>
      </c>
      <c r="Y244" s="10" t="s">
        <v>22</v>
      </c>
      <c r="Z244" s="10" t="s">
        <v>22</v>
      </c>
    </row>
    <row r="245" spans="1:26" ht="24" customHeight="1" x14ac:dyDescent="0.2">
      <c r="A245" s="9" t="s">
        <v>17524</v>
      </c>
      <c r="B245" s="9" t="s">
        <v>14</v>
      </c>
      <c r="C245" s="9" t="s">
        <v>1207</v>
      </c>
      <c r="D245" s="6" t="s">
        <v>1208</v>
      </c>
      <c r="E245" s="22">
        <v>44654</v>
      </c>
      <c r="F245" s="22">
        <v>46479</v>
      </c>
      <c r="G245" s="6" t="s">
        <v>1209</v>
      </c>
      <c r="H245" s="6" t="s">
        <v>62</v>
      </c>
      <c r="I245" s="6" t="s">
        <v>264</v>
      </c>
      <c r="J245" s="6" t="s">
        <v>1210</v>
      </c>
      <c r="K245" s="9" t="s">
        <v>1211</v>
      </c>
      <c r="L245" s="10" t="s">
        <v>22</v>
      </c>
      <c r="M245" s="10" t="s">
        <v>22</v>
      </c>
      <c r="N245" s="10" t="s">
        <v>22</v>
      </c>
      <c r="O245" s="10" t="s">
        <v>22</v>
      </c>
      <c r="P245" s="10" t="s">
        <v>22</v>
      </c>
      <c r="Q245" s="10" t="s">
        <v>22</v>
      </c>
      <c r="R245" s="10" t="s">
        <v>22</v>
      </c>
      <c r="S245" s="10" t="s">
        <v>22</v>
      </c>
      <c r="T245" s="10" t="s">
        <v>22</v>
      </c>
      <c r="U245" s="10" t="s">
        <v>22</v>
      </c>
      <c r="V245" s="10" t="s">
        <v>22</v>
      </c>
      <c r="W245" s="10" t="s">
        <v>22</v>
      </c>
      <c r="X245" s="10" t="s">
        <v>22</v>
      </c>
      <c r="Y245" s="10" t="s">
        <v>22</v>
      </c>
      <c r="Z245" s="10" t="s">
        <v>22</v>
      </c>
    </row>
    <row r="246" spans="1:26" ht="24" customHeight="1" x14ac:dyDescent="0.2">
      <c r="A246" s="9" t="s">
        <v>17525</v>
      </c>
      <c r="B246" s="9" t="s">
        <v>14</v>
      </c>
      <c r="C246" s="9" t="s">
        <v>1212</v>
      </c>
      <c r="D246" s="6" t="s">
        <v>1213</v>
      </c>
      <c r="E246" s="22">
        <v>44654</v>
      </c>
      <c r="F246" s="22">
        <v>46479</v>
      </c>
      <c r="G246" s="6" t="s">
        <v>1214</v>
      </c>
      <c r="H246" s="6" t="s">
        <v>62</v>
      </c>
      <c r="I246" s="6" t="s">
        <v>1141</v>
      </c>
      <c r="J246" s="6" t="s">
        <v>1215</v>
      </c>
      <c r="K246" s="9" t="s">
        <v>1216</v>
      </c>
      <c r="L246" s="10" t="s">
        <v>22</v>
      </c>
      <c r="M246" s="10" t="s">
        <v>22</v>
      </c>
      <c r="N246" s="10" t="s">
        <v>22</v>
      </c>
      <c r="O246" s="10" t="s">
        <v>22</v>
      </c>
      <c r="P246" s="10" t="s">
        <v>22</v>
      </c>
      <c r="Q246" s="10" t="s">
        <v>22</v>
      </c>
      <c r="R246" s="10" t="s">
        <v>22</v>
      </c>
      <c r="S246" s="10" t="s">
        <v>22</v>
      </c>
      <c r="T246" s="10" t="s">
        <v>22</v>
      </c>
      <c r="U246" s="10" t="s">
        <v>22</v>
      </c>
      <c r="V246" s="10" t="s">
        <v>22</v>
      </c>
      <c r="W246" s="10" t="s">
        <v>22</v>
      </c>
      <c r="X246" s="10" t="s">
        <v>22</v>
      </c>
      <c r="Y246" s="10" t="s">
        <v>22</v>
      </c>
      <c r="Z246" s="10" t="s">
        <v>22</v>
      </c>
    </row>
    <row r="247" spans="1:26" ht="24" customHeight="1" x14ac:dyDescent="0.2">
      <c r="A247" s="9" t="s">
        <v>17526</v>
      </c>
      <c r="B247" s="9" t="s">
        <v>14</v>
      </c>
      <c r="C247" s="9" t="s">
        <v>1217</v>
      </c>
      <c r="D247" s="6" t="s">
        <v>1218</v>
      </c>
      <c r="E247" s="22">
        <v>44654</v>
      </c>
      <c r="F247" s="22">
        <v>46479</v>
      </c>
      <c r="G247" s="6" t="s">
        <v>1219</v>
      </c>
      <c r="H247" s="6" t="s">
        <v>18</v>
      </c>
      <c r="I247" s="6" t="s">
        <v>19</v>
      </c>
      <c r="J247" s="6" t="s">
        <v>1220</v>
      </c>
      <c r="K247" s="9" t="s">
        <v>1221</v>
      </c>
      <c r="L247" s="10" t="s">
        <v>22</v>
      </c>
      <c r="M247" s="10" t="s">
        <v>22</v>
      </c>
      <c r="N247" s="10" t="s">
        <v>22</v>
      </c>
      <c r="O247" s="10" t="s">
        <v>22</v>
      </c>
      <c r="P247" s="10" t="s">
        <v>22</v>
      </c>
      <c r="Q247" s="10" t="s">
        <v>22</v>
      </c>
      <c r="R247" s="10" t="s">
        <v>22</v>
      </c>
      <c r="S247" s="10" t="s">
        <v>22</v>
      </c>
      <c r="T247" s="10" t="s">
        <v>22</v>
      </c>
      <c r="U247" s="10" t="s">
        <v>22</v>
      </c>
      <c r="V247" s="10" t="s">
        <v>22</v>
      </c>
      <c r="W247" s="10" t="s">
        <v>22</v>
      </c>
      <c r="X247" s="10" t="s">
        <v>22</v>
      </c>
      <c r="Y247" s="10" t="s">
        <v>22</v>
      </c>
      <c r="Z247" s="10" t="s">
        <v>22</v>
      </c>
    </row>
    <row r="248" spans="1:26" ht="24" customHeight="1" x14ac:dyDescent="0.2">
      <c r="A248" s="9" t="s">
        <v>17527</v>
      </c>
      <c r="B248" s="9" t="s">
        <v>14</v>
      </c>
      <c r="C248" s="9" t="s">
        <v>1222</v>
      </c>
      <c r="D248" s="6" t="s">
        <v>1223</v>
      </c>
      <c r="E248" s="22">
        <v>44654</v>
      </c>
      <c r="F248" s="22">
        <v>46479</v>
      </c>
      <c r="G248" s="6" t="s">
        <v>1224</v>
      </c>
      <c r="H248" s="6" t="s">
        <v>62</v>
      </c>
      <c r="I248" s="6" t="s">
        <v>1225</v>
      </c>
      <c r="J248" s="6" t="s">
        <v>1226</v>
      </c>
      <c r="K248" s="9" t="s">
        <v>1227</v>
      </c>
      <c r="L248" s="10" t="s">
        <v>22</v>
      </c>
      <c r="M248" s="10" t="s">
        <v>22</v>
      </c>
      <c r="N248" s="10" t="s">
        <v>22</v>
      </c>
      <c r="O248" s="10" t="s">
        <v>22</v>
      </c>
      <c r="P248" s="10" t="s">
        <v>22</v>
      </c>
      <c r="Q248" s="10" t="s">
        <v>22</v>
      </c>
      <c r="U248" s="10" t="s">
        <v>22</v>
      </c>
      <c r="V248" s="10" t="s">
        <v>22</v>
      </c>
      <c r="W248" s="10" t="s">
        <v>22</v>
      </c>
      <c r="X248" s="10" t="s">
        <v>22</v>
      </c>
      <c r="Y248" s="10" t="s">
        <v>22</v>
      </c>
      <c r="Z248" s="10" t="s">
        <v>22</v>
      </c>
    </row>
    <row r="249" spans="1:26" ht="24" customHeight="1" x14ac:dyDescent="0.2">
      <c r="A249" s="9" t="s">
        <v>17528</v>
      </c>
      <c r="B249" s="9" t="s">
        <v>14</v>
      </c>
      <c r="C249" s="9" t="s">
        <v>1228</v>
      </c>
      <c r="D249" s="6" t="s">
        <v>1229</v>
      </c>
      <c r="E249" s="22">
        <v>44654</v>
      </c>
      <c r="F249" s="22">
        <v>46479</v>
      </c>
      <c r="G249" s="6" t="s">
        <v>1230</v>
      </c>
      <c r="H249" s="6" t="s">
        <v>18</v>
      </c>
      <c r="I249" s="6" t="s">
        <v>19</v>
      </c>
      <c r="J249" s="6" t="s">
        <v>1231</v>
      </c>
      <c r="K249" s="9" t="s">
        <v>1232</v>
      </c>
      <c r="L249" s="10" t="s">
        <v>22</v>
      </c>
      <c r="M249" s="10" t="s">
        <v>22</v>
      </c>
      <c r="N249" s="10" t="s">
        <v>22</v>
      </c>
      <c r="O249" s="10" t="s">
        <v>22</v>
      </c>
      <c r="P249" s="10" t="s">
        <v>22</v>
      </c>
      <c r="Q249" s="10" t="s">
        <v>22</v>
      </c>
      <c r="U249" s="10" t="s">
        <v>22</v>
      </c>
      <c r="V249" s="10" t="s">
        <v>22</v>
      </c>
      <c r="W249" s="10" t="s">
        <v>22</v>
      </c>
      <c r="X249" s="10" t="s">
        <v>22</v>
      </c>
      <c r="Y249" s="10" t="s">
        <v>22</v>
      </c>
      <c r="Z249" s="10" t="s">
        <v>22</v>
      </c>
    </row>
    <row r="250" spans="1:26" ht="24" customHeight="1" x14ac:dyDescent="0.2">
      <c r="A250" s="9" t="s">
        <v>17529</v>
      </c>
      <c r="B250" s="9" t="s">
        <v>14</v>
      </c>
      <c r="C250" s="9" t="s">
        <v>1233</v>
      </c>
      <c r="D250" s="6" t="s">
        <v>1234</v>
      </c>
      <c r="E250" s="22">
        <v>44654</v>
      </c>
      <c r="F250" s="22">
        <v>46479</v>
      </c>
      <c r="G250" s="6" t="s">
        <v>1235</v>
      </c>
      <c r="H250" s="6" t="s">
        <v>62</v>
      </c>
      <c r="I250" s="6" t="s">
        <v>73</v>
      </c>
      <c r="J250" s="6" t="s">
        <v>1236</v>
      </c>
      <c r="K250" s="9" t="s">
        <v>1237</v>
      </c>
      <c r="L250" s="10" t="s">
        <v>22</v>
      </c>
      <c r="M250" s="10" t="s">
        <v>22</v>
      </c>
      <c r="N250" s="10" t="s">
        <v>22</v>
      </c>
      <c r="O250" s="10" t="s">
        <v>22</v>
      </c>
      <c r="P250" s="10" t="s">
        <v>22</v>
      </c>
      <c r="Q250" s="10" t="s">
        <v>22</v>
      </c>
      <c r="R250" s="10" t="s">
        <v>22</v>
      </c>
      <c r="S250" s="10" t="s">
        <v>22</v>
      </c>
      <c r="T250" s="10" t="s">
        <v>22</v>
      </c>
      <c r="U250" s="10" t="s">
        <v>22</v>
      </c>
      <c r="V250" s="10" t="s">
        <v>22</v>
      </c>
      <c r="W250" s="10" t="s">
        <v>22</v>
      </c>
      <c r="X250" s="10" t="s">
        <v>22</v>
      </c>
      <c r="Y250" s="10" t="s">
        <v>22</v>
      </c>
      <c r="Z250" s="10" t="s">
        <v>22</v>
      </c>
    </row>
    <row r="251" spans="1:26" ht="24" customHeight="1" x14ac:dyDescent="0.2">
      <c r="A251" s="9" t="s">
        <v>17530</v>
      </c>
      <c r="B251" s="9" t="s">
        <v>14</v>
      </c>
      <c r="C251" s="9" t="s">
        <v>1238</v>
      </c>
      <c r="D251" s="6" t="s">
        <v>1239</v>
      </c>
      <c r="E251" s="22">
        <v>44654</v>
      </c>
      <c r="F251" s="22">
        <v>46479</v>
      </c>
      <c r="G251" s="6" t="s">
        <v>1240</v>
      </c>
      <c r="H251" s="6" t="s">
        <v>62</v>
      </c>
      <c r="I251" s="6" t="s">
        <v>551</v>
      </c>
      <c r="J251" s="6" t="s">
        <v>1241</v>
      </c>
      <c r="K251" s="9" t="s">
        <v>1242</v>
      </c>
      <c r="L251" s="10" t="s">
        <v>22</v>
      </c>
      <c r="M251" s="10" t="s">
        <v>22</v>
      </c>
      <c r="N251" s="10" t="s">
        <v>22</v>
      </c>
      <c r="O251" s="10" t="s">
        <v>22</v>
      </c>
      <c r="P251" s="10" t="s">
        <v>22</v>
      </c>
      <c r="Q251" s="10" t="s">
        <v>22</v>
      </c>
      <c r="R251" s="10" t="s">
        <v>22</v>
      </c>
      <c r="S251" s="10" t="s">
        <v>22</v>
      </c>
      <c r="T251" s="10" t="s">
        <v>22</v>
      </c>
      <c r="U251" s="10" t="s">
        <v>22</v>
      </c>
      <c r="V251" s="10" t="s">
        <v>22</v>
      </c>
      <c r="W251" s="10" t="s">
        <v>22</v>
      </c>
      <c r="X251" s="10" t="s">
        <v>22</v>
      </c>
      <c r="Y251" s="10" t="s">
        <v>22</v>
      </c>
      <c r="Z251" s="10" t="s">
        <v>22</v>
      </c>
    </row>
    <row r="252" spans="1:26" ht="24" customHeight="1" x14ac:dyDescent="0.2">
      <c r="A252" s="9" t="s">
        <v>17531</v>
      </c>
      <c r="B252" s="9" t="s">
        <v>14</v>
      </c>
      <c r="C252" s="9" t="s">
        <v>1243</v>
      </c>
      <c r="D252" s="6" t="s">
        <v>1244</v>
      </c>
      <c r="E252" s="22">
        <v>44654</v>
      </c>
      <c r="F252" s="22">
        <v>46479</v>
      </c>
      <c r="G252" s="6" t="s">
        <v>1245</v>
      </c>
      <c r="H252" s="6" t="s">
        <v>62</v>
      </c>
      <c r="I252" s="6" t="s">
        <v>551</v>
      </c>
      <c r="J252" s="6" t="s">
        <v>1246</v>
      </c>
      <c r="K252" s="9" t="s">
        <v>1247</v>
      </c>
      <c r="L252" s="10" t="s">
        <v>22</v>
      </c>
      <c r="M252" s="10" t="s">
        <v>22</v>
      </c>
      <c r="N252" s="10" t="s">
        <v>22</v>
      </c>
      <c r="O252" s="10" t="s">
        <v>22</v>
      </c>
      <c r="P252" s="10" t="s">
        <v>22</v>
      </c>
      <c r="Q252" s="10" t="s">
        <v>22</v>
      </c>
      <c r="R252" s="10" t="s">
        <v>22</v>
      </c>
      <c r="S252" s="10" t="s">
        <v>22</v>
      </c>
      <c r="T252" s="10" t="s">
        <v>22</v>
      </c>
      <c r="U252" s="10" t="s">
        <v>22</v>
      </c>
      <c r="V252" s="10" t="s">
        <v>22</v>
      </c>
      <c r="W252" s="10" t="s">
        <v>22</v>
      </c>
      <c r="X252" s="10" t="s">
        <v>22</v>
      </c>
      <c r="Y252" s="10" t="s">
        <v>22</v>
      </c>
      <c r="Z252" s="10" t="s">
        <v>22</v>
      </c>
    </row>
    <row r="253" spans="1:26" ht="24" customHeight="1" x14ac:dyDescent="0.2">
      <c r="A253" s="9" t="s">
        <v>17532</v>
      </c>
      <c r="B253" s="9" t="s">
        <v>14</v>
      </c>
      <c r="C253" s="9" t="s">
        <v>1248</v>
      </c>
      <c r="D253" s="6" t="s">
        <v>1249</v>
      </c>
      <c r="E253" s="22">
        <v>44654</v>
      </c>
      <c r="F253" s="22">
        <v>46479</v>
      </c>
      <c r="G253" s="6" t="s">
        <v>1250</v>
      </c>
      <c r="H253" s="6" t="s">
        <v>18</v>
      </c>
      <c r="I253" s="6" t="s">
        <v>19</v>
      </c>
      <c r="J253" s="6" t="s">
        <v>1251</v>
      </c>
      <c r="K253" s="9" t="s">
        <v>1252</v>
      </c>
      <c r="L253" s="10" t="s">
        <v>22</v>
      </c>
      <c r="M253" s="10" t="s">
        <v>22</v>
      </c>
      <c r="N253" s="10" t="s">
        <v>22</v>
      </c>
      <c r="O253" s="10" t="s">
        <v>22</v>
      </c>
      <c r="P253" s="10" t="s">
        <v>22</v>
      </c>
      <c r="Q253" s="10" t="s">
        <v>22</v>
      </c>
      <c r="R253" s="10" t="s">
        <v>22</v>
      </c>
      <c r="S253" s="10" t="s">
        <v>22</v>
      </c>
      <c r="T253" s="10" t="s">
        <v>22</v>
      </c>
      <c r="U253" s="10" t="s">
        <v>22</v>
      </c>
      <c r="V253" s="10" t="s">
        <v>22</v>
      </c>
      <c r="W253" s="10" t="s">
        <v>22</v>
      </c>
      <c r="X253" s="10" t="s">
        <v>22</v>
      </c>
      <c r="Y253" s="10" t="s">
        <v>22</v>
      </c>
      <c r="Z253" s="10" t="s">
        <v>22</v>
      </c>
    </row>
    <row r="254" spans="1:26" ht="24" customHeight="1" x14ac:dyDescent="0.2">
      <c r="A254" s="9" t="s">
        <v>17533</v>
      </c>
      <c r="B254" s="9" t="s">
        <v>14</v>
      </c>
      <c r="C254" s="9" t="s">
        <v>1253</v>
      </c>
      <c r="D254" s="6" t="s">
        <v>1254</v>
      </c>
      <c r="E254" s="22">
        <v>44655</v>
      </c>
      <c r="F254" s="22">
        <v>46480</v>
      </c>
      <c r="G254" s="6" t="s">
        <v>1255</v>
      </c>
      <c r="H254" s="6" t="s">
        <v>18</v>
      </c>
      <c r="I254" s="6" t="s">
        <v>19</v>
      </c>
      <c r="J254" s="6" t="s">
        <v>1256</v>
      </c>
      <c r="K254" s="9" t="s">
        <v>1257</v>
      </c>
      <c r="L254" s="10" t="s">
        <v>22</v>
      </c>
      <c r="M254" s="10" t="s">
        <v>22</v>
      </c>
      <c r="N254" s="10" t="s">
        <v>22</v>
      </c>
      <c r="O254" s="10" t="s">
        <v>22</v>
      </c>
      <c r="P254" s="10" t="s">
        <v>22</v>
      </c>
      <c r="Q254" s="10" t="s">
        <v>22</v>
      </c>
      <c r="U254" s="10" t="s">
        <v>22</v>
      </c>
      <c r="V254" s="10" t="s">
        <v>22</v>
      </c>
      <c r="W254" s="10" t="s">
        <v>22</v>
      </c>
      <c r="X254" s="10" t="s">
        <v>22</v>
      </c>
      <c r="Y254" s="10" t="s">
        <v>22</v>
      </c>
      <c r="Z254" s="10" t="s">
        <v>22</v>
      </c>
    </row>
    <row r="255" spans="1:26" ht="24" customHeight="1" x14ac:dyDescent="0.2">
      <c r="A255" s="9" t="s">
        <v>17534</v>
      </c>
      <c r="B255" s="9" t="s">
        <v>14</v>
      </c>
      <c r="C255" s="9" t="s">
        <v>1253</v>
      </c>
      <c r="D255" s="6" t="s">
        <v>1254</v>
      </c>
      <c r="E255" s="22">
        <v>44655</v>
      </c>
      <c r="F255" s="22">
        <v>46480</v>
      </c>
      <c r="G255" s="6" t="s">
        <v>1258</v>
      </c>
      <c r="H255" s="6" t="s">
        <v>18</v>
      </c>
      <c r="I255" s="6" t="s">
        <v>1145</v>
      </c>
      <c r="J255" s="6" t="s">
        <v>1259</v>
      </c>
      <c r="K255" s="9" t="s">
        <v>1260</v>
      </c>
      <c r="L255" s="10" t="s">
        <v>22</v>
      </c>
      <c r="M255" s="10" t="s">
        <v>22</v>
      </c>
      <c r="N255" s="10" t="s">
        <v>22</v>
      </c>
      <c r="O255" s="10" t="s">
        <v>22</v>
      </c>
      <c r="P255" s="10" t="s">
        <v>22</v>
      </c>
      <c r="Q255" s="10" t="s">
        <v>22</v>
      </c>
      <c r="U255" s="10" t="s">
        <v>22</v>
      </c>
      <c r="V255" s="10" t="s">
        <v>22</v>
      </c>
      <c r="W255" s="10" t="s">
        <v>22</v>
      </c>
      <c r="X255" s="10" t="s">
        <v>22</v>
      </c>
      <c r="Y255" s="10" t="s">
        <v>22</v>
      </c>
      <c r="Z255" s="10" t="s">
        <v>22</v>
      </c>
    </row>
    <row r="256" spans="1:26" ht="24" customHeight="1" x14ac:dyDescent="0.2">
      <c r="A256" s="9" t="s">
        <v>17535</v>
      </c>
      <c r="B256" s="9" t="s">
        <v>14</v>
      </c>
      <c r="C256" s="9" t="s">
        <v>1253</v>
      </c>
      <c r="D256" s="6" t="s">
        <v>1254</v>
      </c>
      <c r="E256" s="22">
        <v>44655</v>
      </c>
      <c r="F256" s="22">
        <v>46480</v>
      </c>
      <c r="G256" s="6" t="s">
        <v>1261</v>
      </c>
      <c r="H256" s="6" t="s">
        <v>18</v>
      </c>
      <c r="I256" s="6" t="s">
        <v>19</v>
      </c>
      <c r="J256" s="6" t="s">
        <v>1262</v>
      </c>
      <c r="K256" s="9" t="s">
        <v>1263</v>
      </c>
      <c r="L256" s="10" t="s">
        <v>22</v>
      </c>
      <c r="M256" s="10" t="s">
        <v>22</v>
      </c>
      <c r="N256" s="10" t="s">
        <v>22</v>
      </c>
      <c r="O256" s="10" t="s">
        <v>22</v>
      </c>
      <c r="P256" s="10" t="s">
        <v>22</v>
      </c>
      <c r="Q256" s="10" t="s">
        <v>22</v>
      </c>
      <c r="U256" s="10" t="s">
        <v>22</v>
      </c>
      <c r="V256" s="10" t="s">
        <v>22</v>
      </c>
      <c r="W256" s="10" t="s">
        <v>22</v>
      </c>
      <c r="X256" s="10" t="s">
        <v>22</v>
      </c>
      <c r="Y256" s="10" t="s">
        <v>22</v>
      </c>
      <c r="Z256" s="10" t="s">
        <v>22</v>
      </c>
    </row>
    <row r="257" spans="1:26" ht="24" customHeight="1" x14ac:dyDescent="0.2">
      <c r="A257" s="9" t="s">
        <v>17536</v>
      </c>
      <c r="B257" s="9" t="s">
        <v>14</v>
      </c>
      <c r="C257" s="9" t="s">
        <v>1253</v>
      </c>
      <c r="D257" s="6" t="s">
        <v>1254</v>
      </c>
      <c r="E257" s="22">
        <v>44655</v>
      </c>
      <c r="F257" s="22">
        <v>46480</v>
      </c>
      <c r="G257" s="6" t="s">
        <v>1264</v>
      </c>
      <c r="H257" s="6" t="s">
        <v>18</v>
      </c>
      <c r="I257" s="6" t="s">
        <v>19</v>
      </c>
      <c r="J257" s="6" t="s">
        <v>1265</v>
      </c>
      <c r="K257" s="9" t="s">
        <v>1266</v>
      </c>
      <c r="L257" s="10" t="s">
        <v>22</v>
      </c>
      <c r="M257" s="10" t="s">
        <v>22</v>
      </c>
      <c r="N257" s="10" t="s">
        <v>22</v>
      </c>
      <c r="O257" s="10" t="s">
        <v>22</v>
      </c>
      <c r="P257" s="10" t="s">
        <v>22</v>
      </c>
      <c r="Q257" s="10" t="s">
        <v>22</v>
      </c>
      <c r="U257" s="10" t="s">
        <v>22</v>
      </c>
      <c r="V257" s="10" t="s">
        <v>22</v>
      </c>
      <c r="W257" s="10" t="s">
        <v>22</v>
      </c>
      <c r="X257" s="10" t="s">
        <v>22</v>
      </c>
      <c r="Y257" s="10" t="s">
        <v>22</v>
      </c>
      <c r="Z257" s="10" t="s">
        <v>22</v>
      </c>
    </row>
    <row r="258" spans="1:26" ht="24" customHeight="1" x14ac:dyDescent="0.2">
      <c r="A258" s="9" t="s">
        <v>17537</v>
      </c>
      <c r="B258" s="9" t="s">
        <v>14</v>
      </c>
      <c r="C258" s="9" t="s">
        <v>1253</v>
      </c>
      <c r="D258" s="6" t="s">
        <v>1254</v>
      </c>
      <c r="E258" s="22">
        <v>44655</v>
      </c>
      <c r="F258" s="22">
        <v>46480</v>
      </c>
      <c r="G258" s="6" t="s">
        <v>1267</v>
      </c>
      <c r="H258" s="6" t="s">
        <v>18</v>
      </c>
      <c r="I258" s="6" t="s">
        <v>522</v>
      </c>
      <c r="J258" s="6" t="s">
        <v>1268</v>
      </c>
      <c r="K258" s="9" t="s">
        <v>1269</v>
      </c>
      <c r="L258" s="10" t="s">
        <v>22</v>
      </c>
      <c r="M258" s="10" t="s">
        <v>22</v>
      </c>
      <c r="N258" s="10" t="s">
        <v>22</v>
      </c>
      <c r="O258" s="10" t="s">
        <v>22</v>
      </c>
      <c r="P258" s="10" t="s">
        <v>22</v>
      </c>
      <c r="Q258" s="10" t="s">
        <v>22</v>
      </c>
      <c r="U258" s="10" t="s">
        <v>22</v>
      </c>
      <c r="V258" s="10" t="s">
        <v>22</v>
      </c>
      <c r="W258" s="10" t="s">
        <v>22</v>
      </c>
      <c r="X258" s="10" t="s">
        <v>22</v>
      </c>
      <c r="Y258" s="10" t="s">
        <v>22</v>
      </c>
      <c r="Z258" s="10" t="s">
        <v>22</v>
      </c>
    </row>
    <row r="259" spans="1:26" ht="24" customHeight="1" x14ac:dyDescent="0.2">
      <c r="A259" s="9" t="s">
        <v>17538</v>
      </c>
      <c r="B259" s="9" t="s">
        <v>14</v>
      </c>
      <c r="C259" s="9" t="s">
        <v>1253</v>
      </c>
      <c r="D259" s="6" t="s">
        <v>1254</v>
      </c>
      <c r="E259" s="22">
        <v>44655</v>
      </c>
      <c r="F259" s="22">
        <v>46480</v>
      </c>
      <c r="G259" s="6" t="s">
        <v>1270</v>
      </c>
      <c r="H259" s="6" t="s">
        <v>18</v>
      </c>
      <c r="I259" s="6" t="s">
        <v>26</v>
      </c>
      <c r="J259" s="6" t="s">
        <v>1271</v>
      </c>
      <c r="K259" s="9" t="s">
        <v>1272</v>
      </c>
      <c r="L259" s="10" t="s">
        <v>22</v>
      </c>
      <c r="M259" s="10" t="s">
        <v>22</v>
      </c>
      <c r="N259" s="10" t="s">
        <v>22</v>
      </c>
      <c r="O259" s="10" t="s">
        <v>22</v>
      </c>
      <c r="P259" s="10" t="s">
        <v>22</v>
      </c>
      <c r="Q259" s="10" t="s">
        <v>22</v>
      </c>
      <c r="U259" s="10" t="s">
        <v>22</v>
      </c>
      <c r="V259" s="10" t="s">
        <v>22</v>
      </c>
      <c r="W259" s="10" t="s">
        <v>22</v>
      </c>
      <c r="X259" s="10" t="s">
        <v>22</v>
      </c>
      <c r="Y259" s="10" t="s">
        <v>22</v>
      </c>
      <c r="Z259" s="10" t="s">
        <v>22</v>
      </c>
    </row>
    <row r="260" spans="1:26" ht="24" customHeight="1" x14ac:dyDescent="0.2">
      <c r="A260" s="9" t="s">
        <v>17539</v>
      </c>
      <c r="B260" s="9" t="s">
        <v>14</v>
      </c>
      <c r="C260" s="9" t="s">
        <v>1253</v>
      </c>
      <c r="D260" s="6" t="s">
        <v>1254</v>
      </c>
      <c r="E260" s="22">
        <v>44655</v>
      </c>
      <c r="F260" s="22">
        <v>46480</v>
      </c>
      <c r="G260" s="6" t="s">
        <v>1273</v>
      </c>
      <c r="H260" s="6" t="s">
        <v>18</v>
      </c>
      <c r="I260" s="6" t="s">
        <v>67</v>
      </c>
      <c r="J260" s="6" t="s">
        <v>1274</v>
      </c>
      <c r="K260" s="9" t="s">
        <v>1275</v>
      </c>
      <c r="L260" s="10" t="s">
        <v>22</v>
      </c>
      <c r="M260" s="10" t="s">
        <v>22</v>
      </c>
      <c r="N260" s="10" t="s">
        <v>22</v>
      </c>
      <c r="O260" s="10" t="s">
        <v>22</v>
      </c>
      <c r="P260" s="10" t="s">
        <v>22</v>
      </c>
      <c r="Q260" s="10" t="s">
        <v>22</v>
      </c>
      <c r="U260" s="10" t="s">
        <v>22</v>
      </c>
      <c r="V260" s="10" t="s">
        <v>22</v>
      </c>
      <c r="W260" s="10" t="s">
        <v>22</v>
      </c>
      <c r="X260" s="10" t="s">
        <v>22</v>
      </c>
      <c r="Y260" s="10" t="s">
        <v>22</v>
      </c>
      <c r="Z260" s="10" t="s">
        <v>22</v>
      </c>
    </row>
    <row r="261" spans="1:26" ht="24" customHeight="1" x14ac:dyDescent="0.2">
      <c r="A261" s="9" t="s">
        <v>17540</v>
      </c>
      <c r="B261" s="9" t="s">
        <v>14</v>
      </c>
      <c r="C261" s="9" t="s">
        <v>1253</v>
      </c>
      <c r="D261" s="6" t="s">
        <v>1254</v>
      </c>
      <c r="E261" s="22">
        <v>44655</v>
      </c>
      <c r="F261" s="22">
        <v>46480</v>
      </c>
      <c r="G261" s="6" t="s">
        <v>1276</v>
      </c>
      <c r="H261" s="6" t="s">
        <v>18</v>
      </c>
      <c r="I261" s="6" t="s">
        <v>84</v>
      </c>
      <c r="J261" s="6" t="s">
        <v>1277</v>
      </c>
      <c r="K261" s="9" t="s">
        <v>1278</v>
      </c>
      <c r="L261" s="10" t="s">
        <v>22</v>
      </c>
      <c r="M261" s="10" t="s">
        <v>22</v>
      </c>
      <c r="N261" s="10" t="s">
        <v>22</v>
      </c>
      <c r="O261" s="10" t="s">
        <v>22</v>
      </c>
      <c r="P261" s="10" t="s">
        <v>22</v>
      </c>
      <c r="Q261" s="10" t="s">
        <v>22</v>
      </c>
      <c r="U261" s="10" t="s">
        <v>22</v>
      </c>
      <c r="V261" s="10" t="s">
        <v>22</v>
      </c>
      <c r="W261" s="10" t="s">
        <v>22</v>
      </c>
      <c r="X261" s="10" t="s">
        <v>22</v>
      </c>
      <c r="Y261" s="10" t="s">
        <v>22</v>
      </c>
      <c r="Z261" s="10" t="s">
        <v>22</v>
      </c>
    </row>
    <row r="262" spans="1:26" ht="24" customHeight="1" x14ac:dyDescent="0.2">
      <c r="A262" s="9" t="s">
        <v>17541</v>
      </c>
      <c r="B262" s="9" t="s">
        <v>14</v>
      </c>
      <c r="C262" s="9" t="s">
        <v>1253</v>
      </c>
      <c r="D262" s="6" t="s">
        <v>1254</v>
      </c>
      <c r="E262" s="22">
        <v>44655</v>
      </c>
      <c r="F262" s="22">
        <v>46480</v>
      </c>
      <c r="G262" s="6" t="s">
        <v>1279</v>
      </c>
      <c r="H262" s="6" t="s">
        <v>18</v>
      </c>
      <c r="I262" s="6" t="s">
        <v>19</v>
      </c>
      <c r="J262" s="6" t="s">
        <v>1265</v>
      </c>
      <c r="K262" s="9" t="s">
        <v>1266</v>
      </c>
      <c r="L262" s="10" t="s">
        <v>22</v>
      </c>
      <c r="M262" s="10" t="s">
        <v>22</v>
      </c>
      <c r="N262" s="10" t="s">
        <v>22</v>
      </c>
      <c r="O262" s="10" t="s">
        <v>22</v>
      </c>
      <c r="P262" s="10" t="s">
        <v>22</v>
      </c>
      <c r="Q262" s="10" t="s">
        <v>22</v>
      </c>
      <c r="U262" s="10" t="s">
        <v>22</v>
      </c>
      <c r="V262" s="10" t="s">
        <v>22</v>
      </c>
      <c r="W262" s="10" t="s">
        <v>22</v>
      </c>
      <c r="X262" s="10" t="s">
        <v>22</v>
      </c>
      <c r="Y262" s="10" t="s">
        <v>22</v>
      </c>
      <c r="Z262" s="10" t="s">
        <v>22</v>
      </c>
    </row>
    <row r="263" spans="1:26" ht="24" customHeight="1" x14ac:dyDescent="0.2">
      <c r="A263" s="9" t="s">
        <v>17542</v>
      </c>
      <c r="B263" s="9" t="s">
        <v>14</v>
      </c>
      <c r="C263" s="9" t="s">
        <v>1253</v>
      </c>
      <c r="D263" s="6" t="s">
        <v>1254</v>
      </c>
      <c r="E263" s="22">
        <v>44655</v>
      </c>
      <c r="F263" s="22">
        <v>46480</v>
      </c>
      <c r="G263" s="6" t="s">
        <v>1280</v>
      </c>
      <c r="H263" s="6" t="s">
        <v>18</v>
      </c>
      <c r="I263" s="6" t="s">
        <v>1281</v>
      </c>
      <c r="J263" s="6" t="s">
        <v>1282</v>
      </c>
      <c r="K263" s="9" t="s">
        <v>1283</v>
      </c>
      <c r="L263" s="10" t="s">
        <v>22</v>
      </c>
      <c r="M263" s="10" t="s">
        <v>22</v>
      </c>
      <c r="N263" s="10" t="s">
        <v>22</v>
      </c>
      <c r="O263" s="10" t="s">
        <v>22</v>
      </c>
      <c r="P263" s="10" t="s">
        <v>22</v>
      </c>
      <c r="Q263" s="10" t="s">
        <v>22</v>
      </c>
      <c r="U263" s="10" t="s">
        <v>22</v>
      </c>
      <c r="V263" s="10" t="s">
        <v>22</v>
      </c>
      <c r="W263" s="10" t="s">
        <v>22</v>
      </c>
      <c r="X263" s="10" t="s">
        <v>22</v>
      </c>
      <c r="Y263" s="10" t="s">
        <v>22</v>
      </c>
      <c r="Z263" s="10" t="s">
        <v>22</v>
      </c>
    </row>
    <row r="264" spans="1:26" ht="24" customHeight="1" x14ac:dyDescent="0.2">
      <c r="A264" s="9" t="s">
        <v>17543</v>
      </c>
      <c r="B264" s="9" t="s">
        <v>14</v>
      </c>
      <c r="C264" s="9" t="s">
        <v>1253</v>
      </c>
      <c r="D264" s="6" t="s">
        <v>1254</v>
      </c>
      <c r="E264" s="22">
        <v>44655</v>
      </c>
      <c r="F264" s="22">
        <v>46480</v>
      </c>
      <c r="G264" s="6" t="s">
        <v>1284</v>
      </c>
      <c r="H264" s="6" t="s">
        <v>62</v>
      </c>
      <c r="I264" s="6" t="s">
        <v>1141</v>
      </c>
      <c r="J264" s="6" t="s">
        <v>1285</v>
      </c>
      <c r="K264" s="9" t="s">
        <v>1286</v>
      </c>
      <c r="L264" s="10" t="s">
        <v>22</v>
      </c>
      <c r="M264" s="10" t="s">
        <v>22</v>
      </c>
      <c r="N264" s="10" t="s">
        <v>22</v>
      </c>
      <c r="O264" s="10" t="s">
        <v>22</v>
      </c>
      <c r="P264" s="10" t="s">
        <v>22</v>
      </c>
      <c r="Q264" s="10" t="s">
        <v>22</v>
      </c>
      <c r="U264" s="10" t="s">
        <v>22</v>
      </c>
      <c r="V264" s="10" t="s">
        <v>22</v>
      </c>
      <c r="W264" s="10" t="s">
        <v>22</v>
      </c>
      <c r="X264" s="10" t="s">
        <v>22</v>
      </c>
      <c r="Y264" s="10" t="s">
        <v>22</v>
      </c>
      <c r="Z264" s="10" t="s">
        <v>22</v>
      </c>
    </row>
    <row r="265" spans="1:26" ht="24" customHeight="1" x14ac:dyDescent="0.2">
      <c r="A265" s="9" t="s">
        <v>17544</v>
      </c>
      <c r="B265" s="9" t="s">
        <v>14</v>
      </c>
      <c r="C265" s="9" t="s">
        <v>1253</v>
      </c>
      <c r="D265" s="6" t="s">
        <v>1254</v>
      </c>
      <c r="E265" s="22">
        <v>44655</v>
      </c>
      <c r="F265" s="22">
        <v>46480</v>
      </c>
      <c r="G265" s="6" t="s">
        <v>16182</v>
      </c>
      <c r="H265" s="6" t="s">
        <v>18</v>
      </c>
      <c r="I265" s="6" t="s">
        <v>19</v>
      </c>
      <c r="J265" s="6" t="s">
        <v>16183</v>
      </c>
      <c r="K265" s="9" t="s">
        <v>16184</v>
      </c>
      <c r="L265" s="10" t="s">
        <v>22</v>
      </c>
      <c r="M265" s="10" t="s">
        <v>22</v>
      </c>
      <c r="N265" s="10" t="s">
        <v>22</v>
      </c>
      <c r="O265" s="10" t="s">
        <v>22</v>
      </c>
      <c r="P265" s="10" t="s">
        <v>22</v>
      </c>
      <c r="Q265" s="10" t="s">
        <v>22</v>
      </c>
      <c r="U265" s="10" t="s">
        <v>22</v>
      </c>
      <c r="V265" s="10" t="s">
        <v>22</v>
      </c>
      <c r="W265" s="10" t="s">
        <v>22</v>
      </c>
      <c r="X265" s="10" t="s">
        <v>22</v>
      </c>
      <c r="Y265" s="10" t="s">
        <v>22</v>
      </c>
      <c r="Z265" s="10" t="s">
        <v>22</v>
      </c>
    </row>
    <row r="266" spans="1:26" ht="24" customHeight="1" x14ac:dyDescent="0.2">
      <c r="A266" s="9" t="s">
        <v>17545</v>
      </c>
      <c r="B266" s="9" t="s">
        <v>14</v>
      </c>
      <c r="C266" s="9" t="s">
        <v>1287</v>
      </c>
      <c r="D266" s="6" t="s">
        <v>1288</v>
      </c>
      <c r="E266" s="22">
        <v>44655</v>
      </c>
      <c r="F266" s="22">
        <v>46480</v>
      </c>
      <c r="G266" s="6" t="s">
        <v>1289</v>
      </c>
      <c r="H266" s="6" t="s">
        <v>62</v>
      </c>
      <c r="I266" s="6" t="s">
        <v>312</v>
      </c>
      <c r="J266" s="6" t="s">
        <v>1290</v>
      </c>
      <c r="K266" s="9" t="s">
        <v>1291</v>
      </c>
      <c r="L266" s="10" t="s">
        <v>22</v>
      </c>
      <c r="M266" s="10" t="s">
        <v>22</v>
      </c>
      <c r="N266" s="10" t="s">
        <v>22</v>
      </c>
      <c r="O266" s="10" t="s">
        <v>22</v>
      </c>
      <c r="P266" s="10" t="s">
        <v>22</v>
      </c>
      <c r="Q266" s="10" t="s">
        <v>22</v>
      </c>
      <c r="R266" s="10" t="s">
        <v>22</v>
      </c>
      <c r="S266" s="10" t="s">
        <v>22</v>
      </c>
      <c r="T266" s="10" t="s">
        <v>22</v>
      </c>
      <c r="U266" s="10" t="s">
        <v>22</v>
      </c>
      <c r="V266" s="10" t="s">
        <v>22</v>
      </c>
      <c r="W266" s="10" t="s">
        <v>22</v>
      </c>
      <c r="X266" s="10" t="s">
        <v>22</v>
      </c>
      <c r="Y266" s="10" t="s">
        <v>22</v>
      </c>
      <c r="Z266" s="10" t="s">
        <v>22</v>
      </c>
    </row>
    <row r="267" spans="1:26" ht="24" customHeight="1" x14ac:dyDescent="0.2">
      <c r="A267" s="9" t="s">
        <v>17546</v>
      </c>
      <c r="B267" s="9" t="s">
        <v>14</v>
      </c>
      <c r="C267" s="9" t="s">
        <v>1292</v>
      </c>
      <c r="D267" s="6" t="s">
        <v>1293</v>
      </c>
      <c r="E267" s="22">
        <v>44655</v>
      </c>
      <c r="F267" s="22">
        <v>46480</v>
      </c>
      <c r="G267" s="6" t="s">
        <v>1294</v>
      </c>
      <c r="H267" s="6" t="s">
        <v>62</v>
      </c>
      <c r="I267" s="6" t="s">
        <v>312</v>
      </c>
      <c r="J267" s="6" t="s">
        <v>1295</v>
      </c>
      <c r="K267" s="9" t="s">
        <v>1296</v>
      </c>
      <c r="L267" s="10" t="s">
        <v>22</v>
      </c>
      <c r="M267" s="10" t="s">
        <v>22</v>
      </c>
      <c r="N267" s="10" t="s">
        <v>22</v>
      </c>
      <c r="O267" s="10" t="s">
        <v>22</v>
      </c>
      <c r="P267" s="10" t="s">
        <v>22</v>
      </c>
      <c r="Q267" s="10" t="s">
        <v>22</v>
      </c>
      <c r="U267" s="10" t="s">
        <v>22</v>
      </c>
      <c r="V267" s="10" t="s">
        <v>22</v>
      </c>
      <c r="W267" s="10" t="s">
        <v>22</v>
      </c>
      <c r="X267" s="10" t="s">
        <v>22</v>
      </c>
      <c r="Y267" s="10" t="s">
        <v>22</v>
      </c>
      <c r="Z267" s="10" t="s">
        <v>22</v>
      </c>
    </row>
    <row r="268" spans="1:26" ht="24" customHeight="1" x14ac:dyDescent="0.2">
      <c r="A268" s="9" t="s">
        <v>17547</v>
      </c>
      <c r="B268" s="9" t="s">
        <v>14</v>
      </c>
      <c r="C268" s="9" t="s">
        <v>1297</v>
      </c>
      <c r="D268" s="6" t="s">
        <v>1298</v>
      </c>
      <c r="E268" s="22">
        <v>44655</v>
      </c>
      <c r="F268" s="22">
        <v>46480</v>
      </c>
      <c r="G268" s="6" t="s">
        <v>1299</v>
      </c>
      <c r="H268" s="6" t="s">
        <v>62</v>
      </c>
      <c r="I268" s="6" t="s">
        <v>312</v>
      </c>
      <c r="J268" s="6" t="s">
        <v>1300</v>
      </c>
      <c r="K268" s="9" t="s">
        <v>1301</v>
      </c>
      <c r="L268" s="10" t="s">
        <v>22</v>
      </c>
      <c r="M268" s="10" t="s">
        <v>22</v>
      </c>
      <c r="N268" s="10" t="s">
        <v>22</v>
      </c>
      <c r="O268" s="10" t="s">
        <v>22</v>
      </c>
      <c r="P268" s="10" t="s">
        <v>22</v>
      </c>
      <c r="Q268" s="10" t="s">
        <v>22</v>
      </c>
      <c r="R268" s="10" t="s">
        <v>22</v>
      </c>
      <c r="S268" s="10" t="s">
        <v>22</v>
      </c>
      <c r="T268" s="10" t="s">
        <v>22</v>
      </c>
      <c r="U268" s="10" t="s">
        <v>22</v>
      </c>
      <c r="V268" s="10" t="s">
        <v>22</v>
      </c>
      <c r="W268" s="10" t="s">
        <v>22</v>
      </c>
      <c r="X268" s="10" t="s">
        <v>22</v>
      </c>
      <c r="Y268" s="10" t="s">
        <v>22</v>
      </c>
      <c r="Z268" s="10" t="s">
        <v>22</v>
      </c>
    </row>
    <row r="269" spans="1:26" ht="24" customHeight="1" x14ac:dyDescent="0.2">
      <c r="A269" s="9" t="s">
        <v>17548</v>
      </c>
      <c r="B269" s="9" t="s">
        <v>14</v>
      </c>
      <c r="C269" s="9" t="s">
        <v>1302</v>
      </c>
      <c r="D269" s="6" t="s">
        <v>1303</v>
      </c>
      <c r="E269" s="22">
        <v>44655</v>
      </c>
      <c r="F269" s="22">
        <v>46480</v>
      </c>
      <c r="G269" s="6" t="s">
        <v>1304</v>
      </c>
      <c r="H269" s="6" t="s">
        <v>62</v>
      </c>
      <c r="I269" s="6" t="s">
        <v>186</v>
      </c>
      <c r="J269" s="6" t="s">
        <v>1305</v>
      </c>
      <c r="K269" s="9" t="s">
        <v>1306</v>
      </c>
      <c r="L269" s="10" t="s">
        <v>22</v>
      </c>
      <c r="M269" s="10" t="s">
        <v>22</v>
      </c>
      <c r="N269" s="10" t="s">
        <v>22</v>
      </c>
      <c r="O269" s="10" t="s">
        <v>22</v>
      </c>
      <c r="P269" s="10" t="s">
        <v>22</v>
      </c>
      <c r="Q269" s="10" t="s">
        <v>22</v>
      </c>
      <c r="U269" s="10" t="s">
        <v>22</v>
      </c>
      <c r="V269" s="10" t="s">
        <v>22</v>
      </c>
      <c r="W269" s="10" t="s">
        <v>22</v>
      </c>
      <c r="X269" s="10" t="s">
        <v>22</v>
      </c>
      <c r="Y269" s="10" t="s">
        <v>22</v>
      </c>
      <c r="Z269" s="10" t="s">
        <v>22</v>
      </c>
    </row>
    <row r="270" spans="1:26" ht="24" customHeight="1" x14ac:dyDescent="0.2">
      <c r="A270" s="9" t="s">
        <v>17549</v>
      </c>
      <c r="B270" s="9" t="s">
        <v>14</v>
      </c>
      <c r="C270" s="9" t="s">
        <v>1307</v>
      </c>
      <c r="D270" s="6" t="s">
        <v>1308</v>
      </c>
      <c r="E270" s="22">
        <v>44655</v>
      </c>
      <c r="F270" s="22">
        <v>46480</v>
      </c>
      <c r="G270" s="6" t="s">
        <v>1309</v>
      </c>
      <c r="H270" s="6" t="s">
        <v>363</v>
      </c>
      <c r="I270" s="6" t="s">
        <v>364</v>
      </c>
      <c r="J270" s="6" t="s">
        <v>1310</v>
      </c>
      <c r="K270" s="9" t="s">
        <v>1311</v>
      </c>
      <c r="L270" s="10" t="s">
        <v>22</v>
      </c>
      <c r="M270" s="10" t="s">
        <v>22</v>
      </c>
      <c r="N270" s="10" t="s">
        <v>22</v>
      </c>
      <c r="O270" s="10" t="s">
        <v>22</v>
      </c>
      <c r="P270" s="10" t="s">
        <v>22</v>
      </c>
      <c r="Q270" s="10" t="s">
        <v>22</v>
      </c>
      <c r="R270" s="10" t="s">
        <v>22</v>
      </c>
      <c r="S270" s="10" t="s">
        <v>22</v>
      </c>
      <c r="T270" s="10" t="s">
        <v>22</v>
      </c>
      <c r="U270" s="10" t="s">
        <v>22</v>
      </c>
      <c r="V270" s="10" t="s">
        <v>22</v>
      </c>
      <c r="W270" s="10" t="s">
        <v>22</v>
      </c>
      <c r="X270" s="10" t="s">
        <v>22</v>
      </c>
      <c r="Y270" s="10" t="s">
        <v>22</v>
      </c>
      <c r="Z270" s="10" t="s">
        <v>22</v>
      </c>
    </row>
    <row r="271" spans="1:26" ht="24" customHeight="1" x14ac:dyDescent="0.2">
      <c r="A271" s="9" t="s">
        <v>17550</v>
      </c>
      <c r="B271" s="9" t="s">
        <v>14</v>
      </c>
      <c r="C271" s="9" t="s">
        <v>1312</v>
      </c>
      <c r="D271" s="6" t="s">
        <v>1313</v>
      </c>
      <c r="E271" s="22">
        <v>44655</v>
      </c>
      <c r="F271" s="22">
        <v>46480</v>
      </c>
      <c r="G271" s="6" t="s">
        <v>1314</v>
      </c>
      <c r="H271" s="6" t="s">
        <v>62</v>
      </c>
      <c r="I271" s="6" t="s">
        <v>994</v>
      </c>
      <c r="J271" s="6" t="s">
        <v>1315</v>
      </c>
      <c r="K271" s="9" t="s">
        <v>1316</v>
      </c>
      <c r="L271" s="10" t="s">
        <v>22</v>
      </c>
      <c r="M271" s="10" t="s">
        <v>22</v>
      </c>
      <c r="N271" s="10" t="s">
        <v>22</v>
      </c>
      <c r="O271" s="10" t="s">
        <v>22</v>
      </c>
      <c r="P271" s="10" t="s">
        <v>22</v>
      </c>
      <c r="Q271" s="10" t="s">
        <v>22</v>
      </c>
      <c r="U271" s="10" t="s">
        <v>22</v>
      </c>
      <c r="V271" s="10" t="s">
        <v>22</v>
      </c>
      <c r="W271" s="10" t="s">
        <v>22</v>
      </c>
      <c r="X271" s="10" t="s">
        <v>22</v>
      </c>
      <c r="Y271" s="10" t="s">
        <v>22</v>
      </c>
      <c r="Z271" s="10" t="s">
        <v>22</v>
      </c>
    </row>
    <row r="272" spans="1:26" ht="24" customHeight="1" x14ac:dyDescent="0.2">
      <c r="A272" s="9" t="s">
        <v>17551</v>
      </c>
      <c r="B272" s="9" t="s">
        <v>14</v>
      </c>
      <c r="C272" s="9" t="s">
        <v>1317</v>
      </c>
      <c r="D272" s="6" t="s">
        <v>1318</v>
      </c>
      <c r="E272" s="22">
        <v>44655</v>
      </c>
      <c r="F272" s="22">
        <v>46480</v>
      </c>
      <c r="G272" s="6" t="s">
        <v>1319</v>
      </c>
      <c r="H272" s="6" t="s">
        <v>18</v>
      </c>
      <c r="I272" s="6" t="s">
        <v>19</v>
      </c>
      <c r="J272" s="6" t="s">
        <v>1320</v>
      </c>
      <c r="K272" s="9" t="s">
        <v>1321</v>
      </c>
      <c r="L272" s="10" t="s">
        <v>22</v>
      </c>
      <c r="M272" s="10" t="s">
        <v>22</v>
      </c>
      <c r="N272" s="10" t="s">
        <v>22</v>
      </c>
      <c r="O272" s="10" t="s">
        <v>22</v>
      </c>
      <c r="P272" s="10" t="s">
        <v>22</v>
      </c>
      <c r="Q272" s="10" t="s">
        <v>22</v>
      </c>
    </row>
    <row r="273" spans="1:26" ht="24" customHeight="1" x14ac:dyDescent="0.2">
      <c r="A273" s="9" t="s">
        <v>17552</v>
      </c>
      <c r="B273" s="9" t="s">
        <v>14</v>
      </c>
      <c r="C273" s="9" t="s">
        <v>1322</v>
      </c>
      <c r="D273" s="6" t="s">
        <v>1323</v>
      </c>
      <c r="E273" s="22">
        <v>44655</v>
      </c>
      <c r="F273" s="22">
        <v>46480</v>
      </c>
      <c r="G273" s="6" t="s">
        <v>1324</v>
      </c>
      <c r="H273" s="6" t="s">
        <v>62</v>
      </c>
      <c r="I273" s="6" t="s">
        <v>312</v>
      </c>
      <c r="J273" s="6" t="s">
        <v>1325</v>
      </c>
      <c r="K273" s="9" t="s">
        <v>1326</v>
      </c>
      <c r="L273" s="10" t="s">
        <v>22</v>
      </c>
      <c r="M273" s="10" t="s">
        <v>22</v>
      </c>
      <c r="N273" s="10" t="s">
        <v>22</v>
      </c>
      <c r="O273" s="10" t="s">
        <v>22</v>
      </c>
      <c r="P273" s="10" t="s">
        <v>22</v>
      </c>
      <c r="Q273" s="10" t="s">
        <v>22</v>
      </c>
      <c r="R273" s="10" t="s">
        <v>22</v>
      </c>
      <c r="S273" s="10" t="s">
        <v>22</v>
      </c>
      <c r="T273" s="10" t="s">
        <v>22</v>
      </c>
      <c r="V273" s="10" t="s">
        <v>22</v>
      </c>
      <c r="W273" s="10" t="s">
        <v>22</v>
      </c>
      <c r="Y273" s="10" t="s">
        <v>22</v>
      </c>
      <c r="Z273" s="10" t="s">
        <v>22</v>
      </c>
    </row>
    <row r="274" spans="1:26" ht="24" customHeight="1" x14ac:dyDescent="0.2">
      <c r="A274" s="9" t="s">
        <v>17553</v>
      </c>
      <c r="B274" s="9" t="s">
        <v>14</v>
      </c>
      <c r="C274" s="9" t="s">
        <v>1327</v>
      </c>
      <c r="D274" s="6" t="s">
        <v>1328</v>
      </c>
      <c r="E274" s="22">
        <v>44655</v>
      </c>
      <c r="F274" s="22">
        <v>46480</v>
      </c>
      <c r="G274" s="6" t="s">
        <v>1329</v>
      </c>
      <c r="H274" s="6" t="s">
        <v>62</v>
      </c>
      <c r="I274" s="6" t="s">
        <v>414</v>
      </c>
      <c r="J274" s="6" t="s">
        <v>1330</v>
      </c>
      <c r="K274" s="9" t="s">
        <v>1331</v>
      </c>
      <c r="L274" s="10" t="s">
        <v>22</v>
      </c>
      <c r="M274" s="10" t="s">
        <v>22</v>
      </c>
      <c r="N274" s="10" t="s">
        <v>22</v>
      </c>
      <c r="O274" s="10" t="s">
        <v>22</v>
      </c>
      <c r="P274" s="10" t="s">
        <v>22</v>
      </c>
      <c r="Q274" s="10" t="s">
        <v>22</v>
      </c>
      <c r="U274" s="10" t="s">
        <v>22</v>
      </c>
      <c r="V274" s="10" t="s">
        <v>22</v>
      </c>
      <c r="W274" s="10" t="s">
        <v>22</v>
      </c>
      <c r="X274" s="10" t="s">
        <v>22</v>
      </c>
      <c r="Y274" s="10" t="s">
        <v>22</v>
      </c>
      <c r="Z274" s="10" t="s">
        <v>22</v>
      </c>
    </row>
    <row r="275" spans="1:26" ht="24" customHeight="1" x14ac:dyDescent="0.2">
      <c r="A275" s="9" t="s">
        <v>17554</v>
      </c>
      <c r="B275" s="9" t="s">
        <v>14</v>
      </c>
      <c r="C275" s="9" t="s">
        <v>1332</v>
      </c>
      <c r="D275" s="6" t="s">
        <v>1333</v>
      </c>
      <c r="E275" s="22">
        <v>44657</v>
      </c>
      <c r="F275" s="22">
        <v>46482</v>
      </c>
      <c r="G275" s="6" t="s">
        <v>1334</v>
      </c>
      <c r="H275" s="6" t="s">
        <v>18</v>
      </c>
      <c r="I275" s="6" t="s">
        <v>19</v>
      </c>
      <c r="J275" s="6" t="s">
        <v>1335</v>
      </c>
      <c r="K275" s="9" t="s">
        <v>1336</v>
      </c>
      <c r="L275" s="10" t="s">
        <v>22</v>
      </c>
      <c r="M275" s="10" t="s">
        <v>22</v>
      </c>
      <c r="N275" s="10" t="s">
        <v>22</v>
      </c>
      <c r="O275" s="10" t="s">
        <v>22</v>
      </c>
      <c r="P275" s="10" t="s">
        <v>22</v>
      </c>
      <c r="Q275" s="10" t="s">
        <v>22</v>
      </c>
      <c r="R275" s="10" t="s">
        <v>22</v>
      </c>
      <c r="S275" s="10" t="s">
        <v>22</v>
      </c>
      <c r="T275" s="10" t="s">
        <v>22</v>
      </c>
      <c r="U275" s="10" t="s">
        <v>22</v>
      </c>
      <c r="V275" s="10" t="s">
        <v>22</v>
      </c>
      <c r="W275" s="10" t="s">
        <v>22</v>
      </c>
      <c r="X275" s="10" t="s">
        <v>22</v>
      </c>
      <c r="Y275" s="10" t="s">
        <v>22</v>
      </c>
      <c r="Z275" s="10" t="s">
        <v>22</v>
      </c>
    </row>
    <row r="276" spans="1:26" ht="24" customHeight="1" x14ac:dyDescent="0.2">
      <c r="A276" s="9" t="s">
        <v>17555</v>
      </c>
      <c r="B276" s="9" t="s">
        <v>14</v>
      </c>
      <c r="C276" s="9" t="s">
        <v>1337</v>
      </c>
      <c r="D276" s="6" t="s">
        <v>1338</v>
      </c>
      <c r="E276" s="22">
        <v>44657</v>
      </c>
      <c r="F276" s="22">
        <v>46482</v>
      </c>
      <c r="G276" s="6" t="s">
        <v>1339</v>
      </c>
      <c r="H276" s="6" t="s">
        <v>62</v>
      </c>
      <c r="I276" s="6" t="s">
        <v>73</v>
      </c>
      <c r="J276" s="6" t="s">
        <v>1340</v>
      </c>
      <c r="L276" s="10" t="s">
        <v>22</v>
      </c>
      <c r="M276" s="10" t="s">
        <v>22</v>
      </c>
      <c r="N276" s="10" t="s">
        <v>22</v>
      </c>
      <c r="O276" s="10" t="s">
        <v>22</v>
      </c>
      <c r="P276" s="10" t="s">
        <v>22</v>
      </c>
      <c r="Q276" s="10" t="s">
        <v>22</v>
      </c>
      <c r="R276" s="10" t="s">
        <v>22</v>
      </c>
      <c r="S276" s="10" t="s">
        <v>22</v>
      </c>
      <c r="T276" s="10" t="s">
        <v>22</v>
      </c>
      <c r="U276" s="10" t="s">
        <v>22</v>
      </c>
      <c r="V276" s="10" t="s">
        <v>22</v>
      </c>
      <c r="W276" s="10" t="s">
        <v>22</v>
      </c>
      <c r="X276" s="10" t="s">
        <v>22</v>
      </c>
      <c r="Y276" s="10" t="s">
        <v>22</v>
      </c>
      <c r="Z276" s="10" t="s">
        <v>22</v>
      </c>
    </row>
    <row r="277" spans="1:26" ht="24" customHeight="1" x14ac:dyDescent="0.2">
      <c r="A277" s="9" t="s">
        <v>17556</v>
      </c>
      <c r="B277" s="9" t="s">
        <v>14</v>
      </c>
      <c r="C277" s="9" t="s">
        <v>1341</v>
      </c>
      <c r="D277" s="6" t="s">
        <v>1342</v>
      </c>
      <c r="E277" s="22">
        <v>44657</v>
      </c>
      <c r="F277" s="22">
        <v>46482</v>
      </c>
      <c r="G277" s="6" t="s">
        <v>1343</v>
      </c>
      <c r="H277" s="6" t="s">
        <v>18</v>
      </c>
      <c r="I277" s="6" t="s">
        <v>19</v>
      </c>
      <c r="J277" s="6" t="s">
        <v>1344</v>
      </c>
      <c r="K277" s="9" t="s">
        <v>1345</v>
      </c>
      <c r="L277" s="10" t="s">
        <v>22</v>
      </c>
      <c r="M277" s="10" t="s">
        <v>22</v>
      </c>
      <c r="N277" s="10" t="s">
        <v>22</v>
      </c>
      <c r="O277" s="10" t="s">
        <v>22</v>
      </c>
      <c r="P277" s="10" t="s">
        <v>22</v>
      </c>
      <c r="Q277" s="10" t="s">
        <v>22</v>
      </c>
      <c r="R277" s="10" t="s">
        <v>22</v>
      </c>
      <c r="S277" s="10" t="s">
        <v>22</v>
      </c>
      <c r="T277" s="10" t="s">
        <v>22</v>
      </c>
      <c r="U277" s="10" t="s">
        <v>22</v>
      </c>
      <c r="V277" s="10" t="s">
        <v>22</v>
      </c>
      <c r="W277" s="10" t="s">
        <v>22</v>
      </c>
      <c r="X277" s="10" t="s">
        <v>22</v>
      </c>
      <c r="Y277" s="10" t="s">
        <v>22</v>
      </c>
      <c r="Z277" s="10" t="s">
        <v>22</v>
      </c>
    </row>
    <row r="278" spans="1:26" ht="24" customHeight="1" x14ac:dyDescent="0.2">
      <c r="A278" s="9" t="s">
        <v>17557</v>
      </c>
      <c r="B278" s="9" t="s">
        <v>14</v>
      </c>
      <c r="C278" s="9" t="s">
        <v>1346</v>
      </c>
      <c r="D278" s="6" t="s">
        <v>1347</v>
      </c>
      <c r="E278" s="22">
        <v>44657</v>
      </c>
      <c r="F278" s="22">
        <v>46482</v>
      </c>
      <c r="G278" s="6" t="s">
        <v>1348</v>
      </c>
      <c r="H278" s="6" t="s">
        <v>18</v>
      </c>
      <c r="I278" s="6" t="s">
        <v>19</v>
      </c>
      <c r="J278" s="6" t="s">
        <v>1349</v>
      </c>
      <c r="K278" s="9" t="s">
        <v>1350</v>
      </c>
      <c r="L278" s="10" t="s">
        <v>22</v>
      </c>
      <c r="M278" s="10" t="s">
        <v>22</v>
      </c>
      <c r="N278" s="10" t="s">
        <v>22</v>
      </c>
      <c r="O278" s="10" t="s">
        <v>22</v>
      </c>
      <c r="P278" s="10" t="s">
        <v>22</v>
      </c>
      <c r="Q278" s="10" t="s">
        <v>22</v>
      </c>
      <c r="R278" s="10" t="s">
        <v>22</v>
      </c>
      <c r="S278" s="10" t="s">
        <v>22</v>
      </c>
      <c r="T278" s="10" t="s">
        <v>22</v>
      </c>
      <c r="U278" s="10" t="s">
        <v>22</v>
      </c>
      <c r="V278" s="10" t="s">
        <v>22</v>
      </c>
      <c r="W278" s="10" t="s">
        <v>22</v>
      </c>
      <c r="X278" s="10" t="s">
        <v>22</v>
      </c>
      <c r="Y278" s="10" t="s">
        <v>22</v>
      </c>
      <c r="Z278" s="10" t="s">
        <v>22</v>
      </c>
    </row>
    <row r="279" spans="1:26" ht="24" customHeight="1" x14ac:dyDescent="0.2">
      <c r="A279" s="9" t="s">
        <v>17558</v>
      </c>
      <c r="B279" s="9" t="s">
        <v>14</v>
      </c>
      <c r="C279" s="9" t="s">
        <v>1351</v>
      </c>
      <c r="D279" s="6" t="s">
        <v>1352</v>
      </c>
      <c r="E279" s="22">
        <v>44657</v>
      </c>
      <c r="F279" s="22">
        <v>46482</v>
      </c>
      <c r="G279" s="6" t="s">
        <v>1353</v>
      </c>
      <c r="H279" s="6" t="s">
        <v>62</v>
      </c>
      <c r="I279" s="6" t="s">
        <v>306</v>
      </c>
      <c r="J279" s="6" t="s">
        <v>1354</v>
      </c>
      <c r="K279" s="9" t="s">
        <v>1355</v>
      </c>
      <c r="L279" s="10" t="s">
        <v>22</v>
      </c>
      <c r="M279" s="10" t="s">
        <v>22</v>
      </c>
      <c r="N279" s="10" t="s">
        <v>22</v>
      </c>
      <c r="O279" s="10" t="s">
        <v>22</v>
      </c>
      <c r="P279" s="10" t="s">
        <v>22</v>
      </c>
      <c r="Q279" s="10" t="s">
        <v>22</v>
      </c>
      <c r="R279" s="10" t="s">
        <v>22</v>
      </c>
      <c r="S279" s="10" t="s">
        <v>22</v>
      </c>
      <c r="T279" s="10" t="s">
        <v>22</v>
      </c>
      <c r="U279" s="10" t="s">
        <v>22</v>
      </c>
      <c r="V279" s="10" t="s">
        <v>22</v>
      </c>
      <c r="W279" s="10" t="s">
        <v>22</v>
      </c>
      <c r="X279" s="10" t="s">
        <v>22</v>
      </c>
      <c r="Y279" s="10" t="s">
        <v>22</v>
      </c>
      <c r="Z279" s="10" t="s">
        <v>22</v>
      </c>
    </row>
    <row r="280" spans="1:26" ht="24" customHeight="1" x14ac:dyDescent="0.2">
      <c r="A280" s="9" t="s">
        <v>17559</v>
      </c>
      <c r="B280" s="9" t="s">
        <v>14</v>
      </c>
      <c r="C280" s="9" t="s">
        <v>1356</v>
      </c>
      <c r="D280" s="6" t="s">
        <v>1357</v>
      </c>
      <c r="E280" s="22">
        <v>44657</v>
      </c>
      <c r="F280" s="22">
        <v>46482</v>
      </c>
      <c r="G280" s="6" t="s">
        <v>1358</v>
      </c>
      <c r="H280" s="6" t="s">
        <v>62</v>
      </c>
      <c r="I280" s="6" t="s">
        <v>551</v>
      </c>
      <c r="J280" s="6" t="s">
        <v>1359</v>
      </c>
      <c r="K280" s="9" t="s">
        <v>1360</v>
      </c>
      <c r="M280" s="10" t="s">
        <v>22</v>
      </c>
      <c r="N280" s="10" t="s">
        <v>22</v>
      </c>
      <c r="V280" s="10" t="s">
        <v>22</v>
      </c>
      <c r="W280" s="10" t="s">
        <v>22</v>
      </c>
    </row>
    <row r="281" spans="1:26" ht="24" customHeight="1" x14ac:dyDescent="0.2">
      <c r="A281" s="9" t="s">
        <v>17560</v>
      </c>
      <c r="B281" s="9" t="s">
        <v>14</v>
      </c>
      <c r="C281" s="9" t="s">
        <v>1361</v>
      </c>
      <c r="D281" s="6" t="s">
        <v>1362</v>
      </c>
      <c r="E281" s="22">
        <v>44660</v>
      </c>
      <c r="F281" s="22">
        <v>46485</v>
      </c>
      <c r="G281" s="6" t="s">
        <v>1363</v>
      </c>
      <c r="H281" s="6" t="s">
        <v>62</v>
      </c>
      <c r="I281" s="6" t="s">
        <v>252</v>
      </c>
      <c r="J281" s="6" t="s">
        <v>1364</v>
      </c>
      <c r="K281" s="9" t="s">
        <v>1365</v>
      </c>
      <c r="L281" s="10" t="s">
        <v>22</v>
      </c>
      <c r="M281" s="10" t="s">
        <v>22</v>
      </c>
      <c r="N281" s="10" t="s">
        <v>22</v>
      </c>
      <c r="O281" s="10" t="s">
        <v>22</v>
      </c>
      <c r="P281" s="10" t="s">
        <v>22</v>
      </c>
      <c r="Q281" s="10" t="s">
        <v>22</v>
      </c>
      <c r="R281" s="10" t="s">
        <v>22</v>
      </c>
      <c r="S281" s="10" t="s">
        <v>22</v>
      </c>
      <c r="T281" s="10" t="s">
        <v>22</v>
      </c>
      <c r="U281" s="10" t="s">
        <v>22</v>
      </c>
      <c r="V281" s="10" t="s">
        <v>22</v>
      </c>
      <c r="W281" s="10" t="s">
        <v>22</v>
      </c>
      <c r="X281" s="10" t="s">
        <v>22</v>
      </c>
      <c r="Y281" s="10" t="s">
        <v>22</v>
      </c>
      <c r="Z281" s="10" t="s">
        <v>22</v>
      </c>
    </row>
    <row r="282" spans="1:26" ht="24" customHeight="1" x14ac:dyDescent="0.2">
      <c r="A282" s="9" t="s">
        <v>17561</v>
      </c>
      <c r="B282" s="9" t="s">
        <v>14</v>
      </c>
      <c r="C282" s="9" t="s">
        <v>1366</v>
      </c>
      <c r="D282" s="6" t="s">
        <v>1367</v>
      </c>
      <c r="E282" s="22">
        <v>44660</v>
      </c>
      <c r="F282" s="22">
        <v>46485</v>
      </c>
      <c r="G282" s="6" t="s">
        <v>1368</v>
      </c>
      <c r="H282" s="6" t="s">
        <v>62</v>
      </c>
      <c r="I282" s="6" t="s">
        <v>551</v>
      </c>
      <c r="J282" s="6" t="s">
        <v>1369</v>
      </c>
      <c r="K282" s="9" t="s">
        <v>1370</v>
      </c>
      <c r="L282" s="10" t="s">
        <v>22</v>
      </c>
      <c r="M282" s="10" t="s">
        <v>22</v>
      </c>
      <c r="N282" s="10" t="s">
        <v>22</v>
      </c>
      <c r="O282" s="10" t="s">
        <v>22</v>
      </c>
      <c r="P282" s="10" t="s">
        <v>22</v>
      </c>
      <c r="Q282" s="10" t="s">
        <v>22</v>
      </c>
      <c r="R282" s="10" t="s">
        <v>22</v>
      </c>
      <c r="S282" s="10" t="s">
        <v>22</v>
      </c>
      <c r="T282" s="10" t="s">
        <v>22</v>
      </c>
      <c r="U282" s="10" t="s">
        <v>22</v>
      </c>
      <c r="V282" s="10" t="s">
        <v>22</v>
      </c>
      <c r="W282" s="10" t="s">
        <v>22</v>
      </c>
      <c r="X282" s="10" t="s">
        <v>22</v>
      </c>
      <c r="Y282" s="10" t="s">
        <v>22</v>
      </c>
      <c r="Z282" s="10" t="s">
        <v>22</v>
      </c>
    </row>
    <row r="283" spans="1:26" ht="24" customHeight="1" x14ac:dyDescent="0.2">
      <c r="A283" s="9" t="s">
        <v>17562</v>
      </c>
      <c r="B283" s="9" t="s">
        <v>14</v>
      </c>
      <c r="C283" s="9" t="s">
        <v>1371</v>
      </c>
      <c r="D283" s="6" t="s">
        <v>1372</v>
      </c>
      <c r="E283" s="22">
        <v>44660</v>
      </c>
      <c r="F283" s="22">
        <v>46485</v>
      </c>
      <c r="G283" s="6" t="s">
        <v>1373</v>
      </c>
      <c r="H283" s="6" t="s">
        <v>62</v>
      </c>
      <c r="I283" s="6" t="s">
        <v>186</v>
      </c>
      <c r="J283" s="6" t="s">
        <v>1374</v>
      </c>
      <c r="L283" s="10" t="s">
        <v>22</v>
      </c>
      <c r="M283" s="10" t="s">
        <v>22</v>
      </c>
      <c r="N283" s="10" t="s">
        <v>22</v>
      </c>
      <c r="O283" s="10" t="s">
        <v>22</v>
      </c>
      <c r="P283" s="10" t="s">
        <v>22</v>
      </c>
      <c r="Q283" s="10" t="s">
        <v>22</v>
      </c>
      <c r="R283" s="10" t="s">
        <v>22</v>
      </c>
      <c r="S283" s="10" t="s">
        <v>22</v>
      </c>
      <c r="T283" s="10" t="s">
        <v>22</v>
      </c>
      <c r="U283" s="10" t="s">
        <v>22</v>
      </c>
      <c r="V283" s="10" t="s">
        <v>22</v>
      </c>
      <c r="W283" s="10" t="s">
        <v>22</v>
      </c>
      <c r="X283" s="10" t="s">
        <v>22</v>
      </c>
      <c r="Y283" s="10" t="s">
        <v>22</v>
      </c>
      <c r="Z283" s="10" t="s">
        <v>22</v>
      </c>
    </row>
    <row r="284" spans="1:26" ht="24" customHeight="1" x14ac:dyDescent="0.2">
      <c r="A284" s="9" t="s">
        <v>17563</v>
      </c>
      <c r="B284" s="9" t="s">
        <v>14</v>
      </c>
      <c r="C284" s="9" t="s">
        <v>1375</v>
      </c>
      <c r="D284" s="6" t="s">
        <v>1376</v>
      </c>
      <c r="E284" s="22">
        <v>44661</v>
      </c>
      <c r="F284" s="22">
        <v>46486</v>
      </c>
      <c r="G284" s="6" t="s">
        <v>1377</v>
      </c>
      <c r="H284" s="6" t="s">
        <v>62</v>
      </c>
      <c r="I284" s="6" t="s">
        <v>938</v>
      </c>
      <c r="J284" s="6" t="s">
        <v>1378</v>
      </c>
      <c r="K284" s="9" t="s">
        <v>1379</v>
      </c>
      <c r="L284" s="10" t="s">
        <v>22</v>
      </c>
      <c r="M284" s="10" t="s">
        <v>22</v>
      </c>
      <c r="N284" s="10" t="s">
        <v>22</v>
      </c>
      <c r="O284" s="10" t="s">
        <v>22</v>
      </c>
      <c r="P284" s="10" t="s">
        <v>22</v>
      </c>
      <c r="Q284" s="10" t="s">
        <v>22</v>
      </c>
      <c r="R284" s="10" t="s">
        <v>22</v>
      </c>
      <c r="S284" s="10" t="s">
        <v>22</v>
      </c>
      <c r="T284" s="10" t="s">
        <v>22</v>
      </c>
      <c r="U284" s="10" t="s">
        <v>22</v>
      </c>
      <c r="V284" s="10" t="s">
        <v>22</v>
      </c>
      <c r="W284" s="10" t="s">
        <v>22</v>
      </c>
      <c r="X284" s="10" t="s">
        <v>22</v>
      </c>
      <c r="Y284" s="10" t="s">
        <v>22</v>
      </c>
      <c r="Z284" s="10" t="s">
        <v>22</v>
      </c>
    </row>
    <row r="285" spans="1:26" ht="24" customHeight="1" x14ac:dyDescent="0.2">
      <c r="A285" s="9" t="s">
        <v>17564</v>
      </c>
      <c r="B285" s="9" t="s">
        <v>14</v>
      </c>
      <c r="C285" s="9" t="s">
        <v>1380</v>
      </c>
      <c r="D285" s="6" t="s">
        <v>1381</v>
      </c>
      <c r="E285" s="22">
        <v>44661</v>
      </c>
      <c r="F285" s="22">
        <v>46486</v>
      </c>
      <c r="G285" s="6" t="s">
        <v>1382</v>
      </c>
      <c r="H285" s="6" t="s">
        <v>62</v>
      </c>
      <c r="I285" s="6" t="s">
        <v>477</v>
      </c>
      <c r="J285" s="6" t="s">
        <v>1383</v>
      </c>
      <c r="K285" s="9" t="s">
        <v>1384</v>
      </c>
      <c r="L285" s="10" t="s">
        <v>22</v>
      </c>
      <c r="M285" s="10" t="s">
        <v>22</v>
      </c>
      <c r="N285" s="10" t="s">
        <v>22</v>
      </c>
      <c r="O285" s="10" t="s">
        <v>22</v>
      </c>
      <c r="P285" s="10" t="s">
        <v>22</v>
      </c>
      <c r="Q285" s="10" t="s">
        <v>22</v>
      </c>
      <c r="R285" s="10" t="s">
        <v>22</v>
      </c>
      <c r="S285" s="10" t="s">
        <v>22</v>
      </c>
      <c r="T285" s="10" t="s">
        <v>22</v>
      </c>
      <c r="U285" s="10" t="s">
        <v>22</v>
      </c>
      <c r="V285" s="10" t="s">
        <v>22</v>
      </c>
      <c r="W285" s="10" t="s">
        <v>22</v>
      </c>
      <c r="X285" s="10" t="s">
        <v>22</v>
      </c>
      <c r="Y285" s="10" t="s">
        <v>22</v>
      </c>
      <c r="Z285" s="10" t="s">
        <v>22</v>
      </c>
    </row>
    <row r="286" spans="1:26" ht="24" customHeight="1" x14ac:dyDescent="0.2">
      <c r="A286" s="9" t="s">
        <v>17565</v>
      </c>
      <c r="B286" s="9" t="s">
        <v>14</v>
      </c>
      <c r="C286" s="9" t="s">
        <v>1385</v>
      </c>
      <c r="D286" s="6" t="s">
        <v>1386</v>
      </c>
      <c r="E286" s="22">
        <v>44661</v>
      </c>
      <c r="F286" s="22">
        <v>46486</v>
      </c>
      <c r="G286" s="6" t="s">
        <v>1387</v>
      </c>
      <c r="H286" s="6" t="s">
        <v>62</v>
      </c>
      <c r="I286" s="6" t="s">
        <v>73</v>
      </c>
      <c r="J286" s="6" t="s">
        <v>1388</v>
      </c>
      <c r="L286" s="10" t="s">
        <v>22</v>
      </c>
      <c r="M286" s="10" t="s">
        <v>22</v>
      </c>
      <c r="N286" s="10" t="s">
        <v>22</v>
      </c>
      <c r="O286" s="10" t="s">
        <v>22</v>
      </c>
      <c r="P286" s="10" t="s">
        <v>22</v>
      </c>
      <c r="Q286" s="10" t="s">
        <v>22</v>
      </c>
      <c r="R286" s="10" t="s">
        <v>22</v>
      </c>
      <c r="S286" s="10" t="s">
        <v>22</v>
      </c>
      <c r="T286" s="10" t="s">
        <v>22</v>
      </c>
      <c r="U286" s="10" t="s">
        <v>22</v>
      </c>
      <c r="V286" s="10" t="s">
        <v>22</v>
      </c>
      <c r="W286" s="10" t="s">
        <v>22</v>
      </c>
      <c r="X286" s="10" t="s">
        <v>22</v>
      </c>
      <c r="Y286" s="10" t="s">
        <v>22</v>
      </c>
      <c r="Z286" s="10" t="s">
        <v>22</v>
      </c>
    </row>
    <row r="287" spans="1:26" ht="24" customHeight="1" x14ac:dyDescent="0.2">
      <c r="A287" s="9" t="s">
        <v>17566</v>
      </c>
      <c r="B287" s="9" t="s">
        <v>14</v>
      </c>
      <c r="C287" s="9" t="s">
        <v>1389</v>
      </c>
      <c r="D287" s="6" t="s">
        <v>1390</v>
      </c>
      <c r="E287" s="22">
        <v>44661</v>
      </c>
      <c r="F287" s="22">
        <v>46486</v>
      </c>
      <c r="G287" s="6" t="s">
        <v>1391</v>
      </c>
      <c r="H287" s="6" t="s">
        <v>62</v>
      </c>
      <c r="I287" s="6" t="s">
        <v>318</v>
      </c>
      <c r="J287" s="6" t="s">
        <v>1392</v>
      </c>
      <c r="K287" s="9" t="s">
        <v>1393</v>
      </c>
      <c r="L287" s="10" t="s">
        <v>22</v>
      </c>
      <c r="M287" s="10" t="s">
        <v>22</v>
      </c>
      <c r="N287" s="10" t="s">
        <v>22</v>
      </c>
      <c r="O287" s="10" t="s">
        <v>22</v>
      </c>
      <c r="P287" s="10" t="s">
        <v>22</v>
      </c>
      <c r="Q287" s="10" t="s">
        <v>22</v>
      </c>
      <c r="R287" s="10" t="s">
        <v>22</v>
      </c>
      <c r="S287" s="10" t="s">
        <v>22</v>
      </c>
      <c r="T287" s="10" t="s">
        <v>22</v>
      </c>
      <c r="U287" s="10" t="s">
        <v>22</v>
      </c>
      <c r="V287" s="10" t="s">
        <v>22</v>
      </c>
      <c r="W287" s="10" t="s">
        <v>22</v>
      </c>
      <c r="X287" s="10" t="s">
        <v>22</v>
      </c>
      <c r="Y287" s="10" t="s">
        <v>22</v>
      </c>
      <c r="Z287" s="10" t="s">
        <v>22</v>
      </c>
    </row>
    <row r="288" spans="1:26" ht="24" customHeight="1" x14ac:dyDescent="0.2">
      <c r="A288" s="9" t="s">
        <v>17567</v>
      </c>
      <c r="B288" s="9" t="s">
        <v>14</v>
      </c>
      <c r="C288" s="9" t="s">
        <v>1394</v>
      </c>
      <c r="D288" s="6" t="s">
        <v>1395</v>
      </c>
      <c r="E288" s="22">
        <v>44661</v>
      </c>
      <c r="F288" s="22">
        <v>46486</v>
      </c>
      <c r="G288" s="6" t="s">
        <v>1396</v>
      </c>
      <c r="H288" s="6" t="s">
        <v>229</v>
      </c>
      <c r="I288" s="6" t="s">
        <v>1397</v>
      </c>
      <c r="J288" s="6" t="s">
        <v>1398</v>
      </c>
      <c r="K288" s="9" t="s">
        <v>1399</v>
      </c>
      <c r="L288" s="10" t="s">
        <v>22</v>
      </c>
      <c r="M288" s="10" t="s">
        <v>22</v>
      </c>
      <c r="N288" s="10" t="s">
        <v>22</v>
      </c>
      <c r="O288" s="10" t="s">
        <v>22</v>
      </c>
      <c r="P288" s="10" t="s">
        <v>22</v>
      </c>
      <c r="Q288" s="10" t="s">
        <v>22</v>
      </c>
      <c r="R288" s="10" t="s">
        <v>22</v>
      </c>
      <c r="S288" s="10" t="s">
        <v>22</v>
      </c>
      <c r="T288" s="10" t="s">
        <v>22</v>
      </c>
      <c r="U288" s="10" t="s">
        <v>22</v>
      </c>
      <c r="V288" s="10" t="s">
        <v>22</v>
      </c>
      <c r="W288" s="10" t="s">
        <v>22</v>
      </c>
      <c r="X288" s="10" t="s">
        <v>22</v>
      </c>
      <c r="Y288" s="10" t="s">
        <v>22</v>
      </c>
      <c r="Z288" s="10" t="s">
        <v>22</v>
      </c>
    </row>
    <row r="289" spans="1:26" ht="24" customHeight="1" x14ac:dyDescent="0.2">
      <c r="A289" s="9" t="s">
        <v>17568</v>
      </c>
      <c r="B289" s="9" t="s">
        <v>14</v>
      </c>
      <c r="C289" s="9" t="s">
        <v>1400</v>
      </c>
      <c r="D289" s="6" t="s">
        <v>1401</v>
      </c>
      <c r="E289" s="22">
        <v>44661</v>
      </c>
      <c r="F289" s="22">
        <v>46486</v>
      </c>
      <c r="G289" s="6" t="s">
        <v>1402</v>
      </c>
      <c r="H289" s="6" t="s">
        <v>62</v>
      </c>
      <c r="I289" s="6" t="s">
        <v>318</v>
      </c>
      <c r="J289" s="6" t="s">
        <v>1403</v>
      </c>
      <c r="K289" s="9" t="s">
        <v>1404</v>
      </c>
      <c r="L289" s="10" t="s">
        <v>22</v>
      </c>
      <c r="M289" s="10" t="s">
        <v>22</v>
      </c>
      <c r="N289" s="10" t="s">
        <v>22</v>
      </c>
      <c r="O289" s="10" t="s">
        <v>22</v>
      </c>
      <c r="P289" s="10" t="s">
        <v>22</v>
      </c>
      <c r="Q289" s="10" t="s">
        <v>22</v>
      </c>
      <c r="R289" s="10" t="s">
        <v>22</v>
      </c>
      <c r="S289" s="10" t="s">
        <v>22</v>
      </c>
      <c r="T289" s="10" t="s">
        <v>22</v>
      </c>
      <c r="U289" s="10" t="s">
        <v>22</v>
      </c>
      <c r="V289" s="10" t="s">
        <v>22</v>
      </c>
      <c r="W289" s="10" t="s">
        <v>22</v>
      </c>
      <c r="X289" s="10" t="s">
        <v>22</v>
      </c>
      <c r="Y289" s="10" t="s">
        <v>22</v>
      </c>
      <c r="Z289" s="10" t="s">
        <v>22</v>
      </c>
    </row>
    <row r="290" spans="1:26" ht="24" customHeight="1" x14ac:dyDescent="0.2">
      <c r="A290" s="9" t="s">
        <v>17569</v>
      </c>
      <c r="B290" s="9" t="s">
        <v>14</v>
      </c>
      <c r="C290" s="9" t="s">
        <v>1405</v>
      </c>
      <c r="D290" s="6" t="s">
        <v>1406</v>
      </c>
      <c r="E290" s="22">
        <v>44661</v>
      </c>
      <c r="F290" s="22">
        <v>46486</v>
      </c>
      <c r="G290" s="6" t="s">
        <v>1407</v>
      </c>
      <c r="H290" s="6" t="s">
        <v>62</v>
      </c>
      <c r="I290" s="6" t="s">
        <v>73</v>
      </c>
      <c r="J290" s="6" t="s">
        <v>1408</v>
      </c>
      <c r="K290" s="9" t="s">
        <v>1409</v>
      </c>
      <c r="L290" s="10" t="s">
        <v>22</v>
      </c>
      <c r="M290" s="10" t="s">
        <v>22</v>
      </c>
      <c r="N290" s="10" t="s">
        <v>22</v>
      </c>
      <c r="O290" s="10" t="s">
        <v>22</v>
      </c>
      <c r="P290" s="10" t="s">
        <v>22</v>
      </c>
      <c r="Q290" s="10" t="s">
        <v>22</v>
      </c>
      <c r="U290" s="10" t="s">
        <v>22</v>
      </c>
      <c r="V290" s="10" t="s">
        <v>22</v>
      </c>
      <c r="W290" s="10" t="s">
        <v>22</v>
      </c>
      <c r="X290" s="10" t="s">
        <v>22</v>
      </c>
      <c r="Y290" s="10" t="s">
        <v>22</v>
      </c>
      <c r="Z290" s="10" t="s">
        <v>22</v>
      </c>
    </row>
    <row r="291" spans="1:26" ht="24" customHeight="1" x14ac:dyDescent="0.2">
      <c r="A291" s="9" t="s">
        <v>17570</v>
      </c>
      <c r="B291" s="9" t="s">
        <v>14</v>
      </c>
      <c r="C291" s="9" t="s">
        <v>1410</v>
      </c>
      <c r="D291" s="6" t="s">
        <v>1411</v>
      </c>
      <c r="E291" s="22">
        <v>44661</v>
      </c>
      <c r="F291" s="22">
        <v>46486</v>
      </c>
      <c r="G291" s="6" t="s">
        <v>1412</v>
      </c>
      <c r="H291" s="6" t="s">
        <v>62</v>
      </c>
      <c r="I291" s="6" t="s">
        <v>312</v>
      </c>
      <c r="J291" s="6" t="s">
        <v>1413</v>
      </c>
      <c r="K291" s="9" t="s">
        <v>1414</v>
      </c>
      <c r="L291" s="10" t="s">
        <v>22</v>
      </c>
      <c r="M291" s="10" t="s">
        <v>22</v>
      </c>
      <c r="N291" s="10" t="s">
        <v>22</v>
      </c>
      <c r="O291" s="10" t="s">
        <v>22</v>
      </c>
      <c r="P291" s="10" t="s">
        <v>22</v>
      </c>
      <c r="Q291" s="10" t="s">
        <v>22</v>
      </c>
      <c r="R291" s="10" t="s">
        <v>22</v>
      </c>
      <c r="S291" s="10" t="s">
        <v>22</v>
      </c>
      <c r="T291" s="10" t="s">
        <v>22</v>
      </c>
      <c r="U291" s="10" t="s">
        <v>22</v>
      </c>
      <c r="V291" s="10" t="s">
        <v>22</v>
      </c>
      <c r="W291" s="10" t="s">
        <v>22</v>
      </c>
      <c r="X291" s="10" t="s">
        <v>22</v>
      </c>
      <c r="Y291" s="10" t="s">
        <v>22</v>
      </c>
      <c r="Z291" s="10" t="s">
        <v>22</v>
      </c>
    </row>
    <row r="292" spans="1:26" ht="24" customHeight="1" x14ac:dyDescent="0.2">
      <c r="A292" s="9" t="s">
        <v>17571</v>
      </c>
      <c r="B292" s="9" t="s">
        <v>14</v>
      </c>
      <c r="C292" s="9" t="s">
        <v>1415</v>
      </c>
      <c r="D292" s="6" t="s">
        <v>1416</v>
      </c>
      <c r="E292" s="22">
        <v>44661</v>
      </c>
      <c r="F292" s="22">
        <v>46486</v>
      </c>
      <c r="G292" s="6" t="s">
        <v>1417</v>
      </c>
      <c r="H292" s="6" t="s">
        <v>62</v>
      </c>
      <c r="I292" s="6" t="s">
        <v>414</v>
      </c>
      <c r="J292" s="6" t="s">
        <v>1418</v>
      </c>
      <c r="K292" s="9" t="s">
        <v>1419</v>
      </c>
      <c r="L292" s="10" t="s">
        <v>22</v>
      </c>
      <c r="M292" s="10" t="s">
        <v>22</v>
      </c>
      <c r="N292" s="10" t="s">
        <v>22</v>
      </c>
      <c r="O292" s="10" t="s">
        <v>22</v>
      </c>
      <c r="P292" s="10" t="s">
        <v>22</v>
      </c>
      <c r="Q292" s="10" t="s">
        <v>22</v>
      </c>
      <c r="R292" s="10" t="s">
        <v>22</v>
      </c>
      <c r="S292" s="10" t="s">
        <v>22</v>
      </c>
      <c r="T292" s="10" t="s">
        <v>22</v>
      </c>
      <c r="U292" s="10" t="s">
        <v>22</v>
      </c>
      <c r="V292" s="10" t="s">
        <v>22</v>
      </c>
      <c r="W292" s="10" t="s">
        <v>22</v>
      </c>
      <c r="X292" s="10" t="s">
        <v>22</v>
      </c>
      <c r="Y292" s="10" t="s">
        <v>22</v>
      </c>
      <c r="Z292" s="10" t="s">
        <v>22</v>
      </c>
    </row>
    <row r="293" spans="1:26" ht="30" customHeight="1" x14ac:dyDescent="0.2">
      <c r="A293" s="9" t="s">
        <v>17572</v>
      </c>
      <c r="B293" s="9" t="s">
        <v>14</v>
      </c>
      <c r="C293" s="9" t="s">
        <v>1420</v>
      </c>
      <c r="D293" s="6" t="s">
        <v>1421</v>
      </c>
      <c r="E293" s="22">
        <v>44661</v>
      </c>
      <c r="F293" s="22">
        <v>46486</v>
      </c>
      <c r="G293" s="6" t="s">
        <v>1422</v>
      </c>
      <c r="H293" s="6" t="s">
        <v>18</v>
      </c>
      <c r="I293" s="6" t="s">
        <v>19</v>
      </c>
      <c r="J293" s="6" t="s">
        <v>1423</v>
      </c>
      <c r="K293" s="9" t="s">
        <v>1424</v>
      </c>
      <c r="M293" s="10" t="s">
        <v>22</v>
      </c>
      <c r="N293" s="10" t="s">
        <v>22</v>
      </c>
      <c r="O293" s="10" t="s">
        <v>22</v>
      </c>
      <c r="P293" s="10" t="s">
        <v>22</v>
      </c>
      <c r="Q293" s="10" t="s">
        <v>22</v>
      </c>
      <c r="R293" s="10" t="s">
        <v>22</v>
      </c>
      <c r="S293" s="10" t="s">
        <v>22</v>
      </c>
      <c r="T293" s="10" t="s">
        <v>22</v>
      </c>
      <c r="V293" s="10" t="s">
        <v>22</v>
      </c>
      <c r="W293" s="10" t="s">
        <v>22</v>
      </c>
      <c r="X293" s="10" t="s">
        <v>22</v>
      </c>
      <c r="Y293" s="10" t="s">
        <v>22</v>
      </c>
      <c r="Z293" s="10" t="s">
        <v>22</v>
      </c>
    </row>
    <row r="294" spans="1:26" ht="24" customHeight="1" x14ac:dyDescent="0.2">
      <c r="A294" s="9" t="s">
        <v>17573</v>
      </c>
      <c r="B294" s="9" t="s">
        <v>14</v>
      </c>
      <c r="C294" s="9" t="s">
        <v>1425</v>
      </c>
      <c r="D294" s="6" t="s">
        <v>1426</v>
      </c>
      <c r="E294" s="22">
        <v>44661</v>
      </c>
      <c r="F294" s="22">
        <v>46486</v>
      </c>
      <c r="G294" s="6" t="s">
        <v>1427</v>
      </c>
      <c r="H294" s="6" t="s">
        <v>18</v>
      </c>
      <c r="I294" s="6" t="s">
        <v>19</v>
      </c>
      <c r="J294" s="6" t="s">
        <v>1428</v>
      </c>
      <c r="K294" s="9" t="s">
        <v>1429</v>
      </c>
      <c r="L294" s="10" t="s">
        <v>22</v>
      </c>
      <c r="M294" s="10" t="s">
        <v>22</v>
      </c>
      <c r="N294" s="10" t="s">
        <v>22</v>
      </c>
      <c r="O294" s="10" t="s">
        <v>22</v>
      </c>
      <c r="P294" s="10" t="s">
        <v>22</v>
      </c>
      <c r="Q294" s="10" t="s">
        <v>22</v>
      </c>
      <c r="R294" s="10" t="s">
        <v>22</v>
      </c>
      <c r="S294" s="10" t="s">
        <v>22</v>
      </c>
      <c r="T294" s="10" t="s">
        <v>22</v>
      </c>
      <c r="U294" s="10" t="s">
        <v>22</v>
      </c>
      <c r="V294" s="10" t="s">
        <v>22</v>
      </c>
      <c r="W294" s="10" t="s">
        <v>22</v>
      </c>
      <c r="X294" s="10" t="s">
        <v>22</v>
      </c>
      <c r="Y294" s="10" t="s">
        <v>22</v>
      </c>
      <c r="Z294" s="10" t="s">
        <v>22</v>
      </c>
    </row>
    <row r="295" spans="1:26" ht="24" customHeight="1" x14ac:dyDescent="0.2">
      <c r="A295" s="9" t="s">
        <v>17574</v>
      </c>
      <c r="B295" s="9" t="s">
        <v>14</v>
      </c>
      <c r="C295" s="9" t="s">
        <v>1430</v>
      </c>
      <c r="D295" s="6" t="s">
        <v>1431</v>
      </c>
      <c r="E295" s="22">
        <v>44661</v>
      </c>
      <c r="F295" s="22">
        <v>46486</v>
      </c>
      <c r="G295" s="6" t="s">
        <v>1432</v>
      </c>
      <c r="H295" s="6" t="s">
        <v>62</v>
      </c>
      <c r="I295" s="6" t="s">
        <v>1433</v>
      </c>
      <c r="J295" s="6" t="s">
        <v>1434</v>
      </c>
      <c r="K295" s="9" t="s">
        <v>1435</v>
      </c>
      <c r="L295" s="10" t="s">
        <v>22</v>
      </c>
      <c r="M295" s="10" t="s">
        <v>22</v>
      </c>
      <c r="N295" s="10" t="s">
        <v>22</v>
      </c>
      <c r="O295" s="10" t="s">
        <v>22</v>
      </c>
      <c r="P295" s="10" t="s">
        <v>22</v>
      </c>
      <c r="Q295" s="10" t="s">
        <v>22</v>
      </c>
      <c r="R295" s="10" t="s">
        <v>22</v>
      </c>
      <c r="S295" s="10" t="s">
        <v>22</v>
      </c>
      <c r="T295" s="10" t="s">
        <v>22</v>
      </c>
      <c r="U295" s="10" t="s">
        <v>22</v>
      </c>
      <c r="V295" s="10" t="s">
        <v>22</v>
      </c>
      <c r="W295" s="10" t="s">
        <v>22</v>
      </c>
      <c r="X295" s="10" t="s">
        <v>22</v>
      </c>
      <c r="Y295" s="10" t="s">
        <v>22</v>
      </c>
      <c r="Z295" s="10" t="s">
        <v>22</v>
      </c>
    </row>
    <row r="296" spans="1:26" ht="24" customHeight="1" x14ac:dyDescent="0.2">
      <c r="A296" s="9" t="s">
        <v>17575</v>
      </c>
      <c r="B296" s="9" t="s">
        <v>14</v>
      </c>
      <c r="C296" s="9" t="s">
        <v>1436</v>
      </c>
      <c r="D296" s="6" t="s">
        <v>1437</v>
      </c>
      <c r="E296" s="22">
        <v>44663</v>
      </c>
      <c r="F296" s="22">
        <v>46488</v>
      </c>
      <c r="G296" s="6" t="s">
        <v>1438</v>
      </c>
      <c r="H296" s="6" t="s">
        <v>18</v>
      </c>
      <c r="I296" s="6" t="s">
        <v>26</v>
      </c>
      <c r="J296" s="6" t="s">
        <v>1439</v>
      </c>
      <c r="K296" s="9" t="s">
        <v>1440</v>
      </c>
      <c r="L296" s="10" t="s">
        <v>22</v>
      </c>
      <c r="M296" s="10" t="s">
        <v>22</v>
      </c>
      <c r="N296" s="10" t="s">
        <v>22</v>
      </c>
      <c r="O296" s="10" t="s">
        <v>22</v>
      </c>
      <c r="P296" s="10" t="s">
        <v>22</v>
      </c>
      <c r="Q296" s="10" t="s">
        <v>22</v>
      </c>
      <c r="R296" s="10" t="s">
        <v>22</v>
      </c>
      <c r="S296" s="10" t="s">
        <v>22</v>
      </c>
      <c r="T296" s="10" t="s">
        <v>22</v>
      </c>
      <c r="U296" s="10" t="s">
        <v>22</v>
      </c>
      <c r="V296" s="10" t="s">
        <v>22</v>
      </c>
      <c r="W296" s="10" t="s">
        <v>22</v>
      </c>
      <c r="X296" s="10" t="s">
        <v>22</v>
      </c>
      <c r="Y296" s="10" t="s">
        <v>22</v>
      </c>
      <c r="Z296" s="10" t="s">
        <v>22</v>
      </c>
    </row>
    <row r="297" spans="1:26" ht="24" customHeight="1" x14ac:dyDescent="0.2">
      <c r="A297" s="9" t="s">
        <v>17576</v>
      </c>
      <c r="B297" s="9" t="s">
        <v>14</v>
      </c>
      <c r="C297" s="9" t="s">
        <v>1441</v>
      </c>
      <c r="D297" s="6" t="s">
        <v>1442</v>
      </c>
      <c r="E297" s="22">
        <v>44663</v>
      </c>
      <c r="F297" s="22">
        <v>46488</v>
      </c>
      <c r="G297" s="6" t="s">
        <v>1443</v>
      </c>
      <c r="H297" s="6" t="s">
        <v>62</v>
      </c>
      <c r="I297" s="6" t="s">
        <v>1444</v>
      </c>
      <c r="J297" s="6" t="s">
        <v>1445</v>
      </c>
      <c r="K297" s="9" t="s">
        <v>1446</v>
      </c>
      <c r="L297" s="10" t="s">
        <v>22</v>
      </c>
      <c r="M297" s="10" t="s">
        <v>22</v>
      </c>
      <c r="N297" s="10" t="s">
        <v>22</v>
      </c>
      <c r="O297" s="10" t="s">
        <v>22</v>
      </c>
      <c r="P297" s="10" t="s">
        <v>22</v>
      </c>
      <c r="Q297" s="10" t="s">
        <v>22</v>
      </c>
      <c r="R297" s="10" t="s">
        <v>22</v>
      </c>
      <c r="S297" s="10" t="s">
        <v>22</v>
      </c>
      <c r="T297" s="10" t="s">
        <v>22</v>
      </c>
      <c r="U297" s="10" t="s">
        <v>22</v>
      </c>
      <c r="V297" s="10" t="s">
        <v>22</v>
      </c>
      <c r="W297" s="10" t="s">
        <v>22</v>
      </c>
      <c r="X297" s="10" t="s">
        <v>22</v>
      </c>
      <c r="Y297" s="10" t="s">
        <v>22</v>
      </c>
      <c r="Z297" s="10" t="s">
        <v>22</v>
      </c>
    </row>
    <row r="298" spans="1:26" ht="24" customHeight="1" x14ac:dyDescent="0.2">
      <c r="A298" s="9" t="s">
        <v>17577</v>
      </c>
      <c r="B298" s="9" t="s">
        <v>14</v>
      </c>
      <c r="C298" s="9" t="s">
        <v>1447</v>
      </c>
      <c r="D298" s="6" t="s">
        <v>1448</v>
      </c>
      <c r="E298" s="22">
        <v>44663</v>
      </c>
      <c r="F298" s="22">
        <v>46488</v>
      </c>
      <c r="G298" s="6" t="s">
        <v>1449</v>
      </c>
      <c r="H298" s="6" t="s">
        <v>202</v>
      </c>
      <c r="I298" s="6" t="s">
        <v>203</v>
      </c>
      <c r="J298" s="6" t="s">
        <v>1450</v>
      </c>
      <c r="K298" s="9" t="s">
        <v>1451</v>
      </c>
      <c r="L298" s="10" t="s">
        <v>22</v>
      </c>
      <c r="M298" s="10" t="s">
        <v>22</v>
      </c>
      <c r="N298" s="10" t="s">
        <v>22</v>
      </c>
      <c r="O298" s="10" t="s">
        <v>22</v>
      </c>
      <c r="P298" s="10" t="s">
        <v>22</v>
      </c>
      <c r="Q298" s="10" t="s">
        <v>22</v>
      </c>
      <c r="U298" s="10" t="s">
        <v>22</v>
      </c>
      <c r="V298" s="10" t="s">
        <v>22</v>
      </c>
      <c r="W298" s="10" t="s">
        <v>22</v>
      </c>
      <c r="X298" s="10" t="s">
        <v>22</v>
      </c>
      <c r="Y298" s="10" t="s">
        <v>22</v>
      </c>
      <c r="Z298" s="10" t="s">
        <v>22</v>
      </c>
    </row>
    <row r="299" spans="1:26" ht="24" customHeight="1" x14ac:dyDescent="0.2">
      <c r="A299" s="9" t="s">
        <v>17578</v>
      </c>
      <c r="B299" s="9" t="s">
        <v>14</v>
      </c>
      <c r="C299" s="9" t="s">
        <v>1452</v>
      </c>
      <c r="D299" s="6" t="s">
        <v>1453</v>
      </c>
      <c r="E299" s="22">
        <v>44663</v>
      </c>
      <c r="F299" s="22">
        <v>46488</v>
      </c>
      <c r="G299" s="6" t="s">
        <v>1454</v>
      </c>
      <c r="H299" s="6" t="s">
        <v>18</v>
      </c>
      <c r="I299" s="6" t="s">
        <v>26</v>
      </c>
      <c r="J299" s="6" t="s">
        <v>1455</v>
      </c>
      <c r="K299" s="9" t="s">
        <v>1456</v>
      </c>
      <c r="L299" s="10" t="s">
        <v>22</v>
      </c>
      <c r="M299" s="10" t="s">
        <v>22</v>
      </c>
      <c r="N299" s="10" t="s">
        <v>22</v>
      </c>
      <c r="O299" s="10" t="s">
        <v>22</v>
      </c>
      <c r="P299" s="10" t="s">
        <v>22</v>
      </c>
      <c r="Q299" s="10" t="s">
        <v>22</v>
      </c>
      <c r="R299" s="10" t="s">
        <v>22</v>
      </c>
      <c r="S299" s="10" t="s">
        <v>22</v>
      </c>
      <c r="T299" s="10" t="s">
        <v>22</v>
      </c>
      <c r="U299" s="10" t="s">
        <v>22</v>
      </c>
      <c r="V299" s="10" t="s">
        <v>22</v>
      </c>
      <c r="W299" s="10" t="s">
        <v>22</v>
      </c>
      <c r="X299" s="10" t="s">
        <v>22</v>
      </c>
      <c r="Y299" s="10" t="s">
        <v>22</v>
      </c>
      <c r="Z299" s="10" t="s">
        <v>22</v>
      </c>
    </row>
    <row r="300" spans="1:26" ht="24" customHeight="1" x14ac:dyDescent="0.2">
      <c r="A300" s="9" t="s">
        <v>17579</v>
      </c>
      <c r="B300" s="9" t="s">
        <v>14</v>
      </c>
      <c r="C300" s="9" t="s">
        <v>1457</v>
      </c>
      <c r="D300" s="6" t="s">
        <v>1458</v>
      </c>
      <c r="E300" s="22">
        <v>44663</v>
      </c>
      <c r="F300" s="22">
        <v>46488</v>
      </c>
      <c r="G300" s="6" t="s">
        <v>1459</v>
      </c>
      <c r="H300" s="6" t="s">
        <v>62</v>
      </c>
      <c r="I300" s="6" t="s">
        <v>73</v>
      </c>
      <c r="J300" s="6" t="s">
        <v>1460</v>
      </c>
      <c r="K300" s="9" t="s">
        <v>1461</v>
      </c>
      <c r="L300" s="10" t="s">
        <v>22</v>
      </c>
      <c r="M300" s="10" t="s">
        <v>22</v>
      </c>
      <c r="N300" s="10" t="s">
        <v>22</v>
      </c>
      <c r="O300" s="10" t="s">
        <v>22</v>
      </c>
      <c r="P300" s="10" t="s">
        <v>22</v>
      </c>
      <c r="Q300" s="10" t="s">
        <v>22</v>
      </c>
      <c r="R300" s="10" t="s">
        <v>22</v>
      </c>
      <c r="S300" s="10" t="s">
        <v>22</v>
      </c>
      <c r="T300" s="10" t="s">
        <v>22</v>
      </c>
      <c r="U300" s="10" t="s">
        <v>22</v>
      </c>
      <c r="V300" s="10" t="s">
        <v>22</v>
      </c>
      <c r="W300" s="10" t="s">
        <v>22</v>
      </c>
      <c r="X300" s="10" t="s">
        <v>22</v>
      </c>
      <c r="Y300" s="10" t="s">
        <v>22</v>
      </c>
      <c r="Z300" s="10" t="s">
        <v>22</v>
      </c>
    </row>
    <row r="301" spans="1:26" ht="24" customHeight="1" x14ac:dyDescent="0.2">
      <c r="A301" s="9" t="s">
        <v>17580</v>
      </c>
      <c r="B301" s="9" t="s">
        <v>14</v>
      </c>
      <c r="C301" s="9" t="s">
        <v>1462</v>
      </c>
      <c r="D301" s="6" t="s">
        <v>1463</v>
      </c>
      <c r="E301" s="22">
        <v>44663</v>
      </c>
      <c r="F301" s="22">
        <v>46488</v>
      </c>
      <c r="G301" s="6" t="s">
        <v>1464</v>
      </c>
      <c r="H301" s="6" t="s">
        <v>62</v>
      </c>
      <c r="I301" s="6" t="s">
        <v>73</v>
      </c>
      <c r="J301" s="6" t="s">
        <v>1465</v>
      </c>
      <c r="K301" s="9" t="s">
        <v>1466</v>
      </c>
      <c r="L301" s="10" t="s">
        <v>22</v>
      </c>
      <c r="M301" s="10" t="s">
        <v>22</v>
      </c>
      <c r="N301" s="10" t="s">
        <v>22</v>
      </c>
      <c r="O301" s="10" t="s">
        <v>22</v>
      </c>
      <c r="P301" s="10" t="s">
        <v>22</v>
      </c>
      <c r="Q301" s="10" t="s">
        <v>22</v>
      </c>
      <c r="R301" s="10" t="s">
        <v>22</v>
      </c>
      <c r="S301" s="10" t="s">
        <v>22</v>
      </c>
      <c r="T301" s="10" t="s">
        <v>22</v>
      </c>
      <c r="U301" s="10" t="s">
        <v>22</v>
      </c>
      <c r="V301" s="10" t="s">
        <v>22</v>
      </c>
      <c r="W301" s="10" t="s">
        <v>22</v>
      </c>
      <c r="X301" s="10" t="s">
        <v>22</v>
      </c>
      <c r="Y301" s="10" t="s">
        <v>22</v>
      </c>
      <c r="Z301" s="10" t="s">
        <v>22</v>
      </c>
    </row>
    <row r="302" spans="1:26" ht="24" customHeight="1" x14ac:dyDescent="0.2">
      <c r="A302" s="9" t="s">
        <v>17581</v>
      </c>
      <c r="B302" s="9" t="s">
        <v>14</v>
      </c>
      <c r="C302" s="9" t="s">
        <v>1467</v>
      </c>
      <c r="D302" s="6" t="s">
        <v>1468</v>
      </c>
      <c r="E302" s="22">
        <v>44663</v>
      </c>
      <c r="F302" s="22">
        <v>46488</v>
      </c>
      <c r="G302" s="6" t="s">
        <v>1469</v>
      </c>
      <c r="H302" s="6" t="s">
        <v>62</v>
      </c>
      <c r="I302" s="6" t="s">
        <v>186</v>
      </c>
      <c r="J302" s="6" t="s">
        <v>1470</v>
      </c>
      <c r="K302" s="9" t="s">
        <v>1471</v>
      </c>
      <c r="L302" s="10" t="s">
        <v>22</v>
      </c>
      <c r="M302" s="10" t="s">
        <v>22</v>
      </c>
      <c r="N302" s="10" t="s">
        <v>22</v>
      </c>
      <c r="O302" s="10" t="s">
        <v>22</v>
      </c>
      <c r="P302" s="10" t="s">
        <v>22</v>
      </c>
      <c r="Q302" s="10" t="s">
        <v>22</v>
      </c>
      <c r="R302" s="10" t="s">
        <v>22</v>
      </c>
      <c r="S302" s="10" t="s">
        <v>22</v>
      </c>
      <c r="T302" s="10" t="s">
        <v>22</v>
      </c>
      <c r="U302" s="10" t="s">
        <v>22</v>
      </c>
      <c r="V302" s="10" t="s">
        <v>22</v>
      </c>
      <c r="W302" s="10" t="s">
        <v>22</v>
      </c>
      <c r="X302" s="10" t="s">
        <v>22</v>
      </c>
      <c r="Y302" s="10" t="s">
        <v>22</v>
      </c>
      <c r="Z302" s="10" t="s">
        <v>22</v>
      </c>
    </row>
    <row r="303" spans="1:26" ht="24" customHeight="1" x14ac:dyDescent="0.2">
      <c r="A303" s="9" t="s">
        <v>17582</v>
      </c>
      <c r="B303" s="9" t="s">
        <v>14</v>
      </c>
      <c r="C303" s="9" t="s">
        <v>1472</v>
      </c>
      <c r="D303" s="6" t="s">
        <v>1473</v>
      </c>
      <c r="E303" s="22">
        <v>44663</v>
      </c>
      <c r="F303" s="22">
        <v>46488</v>
      </c>
      <c r="G303" s="6" t="s">
        <v>1474</v>
      </c>
      <c r="H303" s="6" t="s">
        <v>18</v>
      </c>
      <c r="I303" s="6" t="s">
        <v>26</v>
      </c>
      <c r="J303" s="6" t="s">
        <v>1475</v>
      </c>
      <c r="K303" s="9" t="s">
        <v>1476</v>
      </c>
      <c r="L303" s="10" t="s">
        <v>22</v>
      </c>
      <c r="M303" s="10" t="s">
        <v>22</v>
      </c>
      <c r="N303" s="10" t="s">
        <v>22</v>
      </c>
      <c r="O303" s="10" t="s">
        <v>22</v>
      </c>
      <c r="P303" s="10" t="s">
        <v>22</v>
      </c>
      <c r="Q303" s="10" t="s">
        <v>22</v>
      </c>
      <c r="R303" s="10" t="s">
        <v>22</v>
      </c>
      <c r="S303" s="10" t="s">
        <v>22</v>
      </c>
      <c r="T303" s="10" t="s">
        <v>22</v>
      </c>
      <c r="U303" s="10" t="s">
        <v>22</v>
      </c>
      <c r="V303" s="10" t="s">
        <v>22</v>
      </c>
      <c r="W303" s="10" t="s">
        <v>22</v>
      </c>
      <c r="X303" s="10" t="s">
        <v>22</v>
      </c>
      <c r="Y303" s="10" t="s">
        <v>22</v>
      </c>
      <c r="Z303" s="10" t="s">
        <v>22</v>
      </c>
    </row>
    <row r="304" spans="1:26" ht="24" customHeight="1" x14ac:dyDescent="0.2">
      <c r="A304" s="9" t="s">
        <v>17583</v>
      </c>
      <c r="B304" s="9" t="s">
        <v>14</v>
      </c>
      <c r="C304" s="9" t="s">
        <v>1477</v>
      </c>
      <c r="D304" s="6" t="s">
        <v>1478</v>
      </c>
      <c r="E304" s="22">
        <v>44663</v>
      </c>
      <c r="F304" s="22">
        <v>46488</v>
      </c>
      <c r="G304" s="6" t="s">
        <v>1479</v>
      </c>
      <c r="H304" s="6" t="s">
        <v>62</v>
      </c>
      <c r="I304" s="6" t="s">
        <v>73</v>
      </c>
      <c r="J304" s="6" t="s">
        <v>1480</v>
      </c>
      <c r="K304" s="9" t="s">
        <v>1481</v>
      </c>
      <c r="L304" s="10" t="s">
        <v>22</v>
      </c>
      <c r="M304" s="10" t="s">
        <v>22</v>
      </c>
      <c r="N304" s="10" t="s">
        <v>22</v>
      </c>
      <c r="O304" s="10" t="s">
        <v>22</v>
      </c>
      <c r="P304" s="10" t="s">
        <v>22</v>
      </c>
      <c r="Q304" s="10" t="s">
        <v>22</v>
      </c>
      <c r="U304" s="10" t="s">
        <v>22</v>
      </c>
      <c r="V304" s="10" t="s">
        <v>22</v>
      </c>
      <c r="W304" s="10" t="s">
        <v>22</v>
      </c>
      <c r="X304" s="10" t="s">
        <v>22</v>
      </c>
      <c r="Y304" s="10" t="s">
        <v>22</v>
      </c>
      <c r="Z304" s="10" t="s">
        <v>22</v>
      </c>
    </row>
    <row r="305" spans="1:26" ht="24" customHeight="1" x14ac:dyDescent="0.2">
      <c r="A305" s="9" t="s">
        <v>17584</v>
      </c>
      <c r="B305" s="9" t="s">
        <v>14</v>
      </c>
      <c r="C305" s="9" t="s">
        <v>1482</v>
      </c>
      <c r="D305" s="6" t="s">
        <v>1483</v>
      </c>
      <c r="E305" s="22">
        <v>44663</v>
      </c>
      <c r="F305" s="22">
        <v>46488</v>
      </c>
      <c r="G305" s="6" t="s">
        <v>1484</v>
      </c>
      <c r="H305" s="6" t="s">
        <v>62</v>
      </c>
      <c r="I305" s="6" t="s">
        <v>306</v>
      </c>
      <c r="J305" s="6" t="s">
        <v>1485</v>
      </c>
      <c r="L305" s="10" t="s">
        <v>22</v>
      </c>
      <c r="M305" s="10" t="s">
        <v>22</v>
      </c>
      <c r="N305" s="10" t="s">
        <v>22</v>
      </c>
      <c r="O305" s="10" t="s">
        <v>22</v>
      </c>
      <c r="P305" s="10" t="s">
        <v>22</v>
      </c>
      <c r="Q305" s="10" t="s">
        <v>22</v>
      </c>
      <c r="R305" s="10" t="s">
        <v>22</v>
      </c>
      <c r="S305" s="10" t="s">
        <v>22</v>
      </c>
      <c r="T305" s="10" t="s">
        <v>22</v>
      </c>
      <c r="U305" s="10" t="s">
        <v>22</v>
      </c>
      <c r="V305" s="10" t="s">
        <v>22</v>
      </c>
      <c r="W305" s="10" t="s">
        <v>22</v>
      </c>
      <c r="X305" s="10" t="s">
        <v>22</v>
      </c>
      <c r="Y305" s="10" t="s">
        <v>22</v>
      </c>
      <c r="Z305" s="10" t="s">
        <v>22</v>
      </c>
    </row>
    <row r="306" spans="1:26" ht="24" customHeight="1" x14ac:dyDescent="0.2">
      <c r="A306" s="9" t="s">
        <v>17585</v>
      </c>
      <c r="B306" s="9" t="s">
        <v>14</v>
      </c>
      <c r="C306" s="9" t="s">
        <v>1486</v>
      </c>
      <c r="D306" s="6" t="s">
        <v>1487</v>
      </c>
      <c r="E306" s="22">
        <v>44663</v>
      </c>
      <c r="F306" s="22">
        <v>46488</v>
      </c>
      <c r="G306" s="6" t="s">
        <v>1488</v>
      </c>
      <c r="H306" s="6" t="s">
        <v>62</v>
      </c>
      <c r="I306" s="6" t="s">
        <v>842</v>
      </c>
      <c r="J306" s="6" t="s">
        <v>1489</v>
      </c>
      <c r="K306" s="9" t="s">
        <v>1490</v>
      </c>
      <c r="L306" s="10" t="s">
        <v>22</v>
      </c>
      <c r="M306" s="10" t="s">
        <v>22</v>
      </c>
      <c r="N306" s="10" t="s">
        <v>22</v>
      </c>
      <c r="O306" s="10" t="s">
        <v>22</v>
      </c>
      <c r="P306" s="10" t="s">
        <v>22</v>
      </c>
      <c r="Q306" s="10" t="s">
        <v>22</v>
      </c>
      <c r="U306" s="10" t="s">
        <v>22</v>
      </c>
      <c r="V306" s="10" t="s">
        <v>22</v>
      </c>
      <c r="W306" s="10" t="s">
        <v>22</v>
      </c>
      <c r="X306" s="10" t="s">
        <v>22</v>
      </c>
      <c r="Y306" s="10" t="s">
        <v>22</v>
      </c>
      <c r="Z306" s="10" t="s">
        <v>22</v>
      </c>
    </row>
    <row r="307" spans="1:26" ht="24" customHeight="1" x14ac:dyDescent="0.2">
      <c r="A307" s="9" t="s">
        <v>17586</v>
      </c>
      <c r="B307" s="9" t="s">
        <v>14</v>
      </c>
      <c r="C307" s="9" t="s">
        <v>1491</v>
      </c>
      <c r="D307" s="6" t="s">
        <v>1492</v>
      </c>
      <c r="E307" s="22">
        <v>44663</v>
      </c>
      <c r="F307" s="22">
        <v>46488</v>
      </c>
      <c r="G307" s="6" t="s">
        <v>1493</v>
      </c>
      <c r="H307" s="6" t="s">
        <v>62</v>
      </c>
      <c r="I307" s="6" t="s">
        <v>819</v>
      </c>
      <c r="J307" s="6" t="s">
        <v>1494</v>
      </c>
      <c r="L307" s="10" t="s">
        <v>22</v>
      </c>
      <c r="M307" s="10" t="s">
        <v>22</v>
      </c>
      <c r="N307" s="10" t="s">
        <v>22</v>
      </c>
      <c r="O307" s="10" t="s">
        <v>22</v>
      </c>
      <c r="P307" s="10" t="s">
        <v>22</v>
      </c>
      <c r="Q307" s="10" t="s">
        <v>22</v>
      </c>
      <c r="R307" s="10" t="s">
        <v>22</v>
      </c>
      <c r="S307" s="10" t="s">
        <v>22</v>
      </c>
      <c r="T307" s="10" t="s">
        <v>22</v>
      </c>
      <c r="U307" s="10" t="s">
        <v>22</v>
      </c>
      <c r="V307" s="10" t="s">
        <v>22</v>
      </c>
      <c r="W307" s="10" t="s">
        <v>22</v>
      </c>
      <c r="X307" s="10" t="s">
        <v>22</v>
      </c>
      <c r="Y307" s="10" t="s">
        <v>22</v>
      </c>
      <c r="Z307" s="10" t="s">
        <v>22</v>
      </c>
    </row>
    <row r="308" spans="1:26" ht="24" customHeight="1" x14ac:dyDescent="0.2">
      <c r="A308" s="9" t="s">
        <v>17587</v>
      </c>
      <c r="B308" s="9" t="s">
        <v>14</v>
      </c>
      <c r="C308" s="9" t="s">
        <v>1495</v>
      </c>
      <c r="D308" s="6" t="s">
        <v>1496</v>
      </c>
      <c r="E308" s="22">
        <v>44663</v>
      </c>
      <c r="F308" s="22">
        <v>46488</v>
      </c>
      <c r="G308" s="6" t="s">
        <v>1497</v>
      </c>
      <c r="H308" s="6" t="s">
        <v>18</v>
      </c>
      <c r="I308" s="6" t="s">
        <v>19</v>
      </c>
      <c r="J308" s="6" t="s">
        <v>1498</v>
      </c>
      <c r="K308" s="9" t="s">
        <v>1499</v>
      </c>
      <c r="L308" s="10" t="s">
        <v>22</v>
      </c>
      <c r="M308" s="10" t="s">
        <v>22</v>
      </c>
      <c r="N308" s="10" t="s">
        <v>22</v>
      </c>
      <c r="O308" s="10" t="s">
        <v>22</v>
      </c>
      <c r="P308" s="10" t="s">
        <v>22</v>
      </c>
      <c r="Q308" s="10" t="s">
        <v>22</v>
      </c>
      <c r="U308" s="10" t="s">
        <v>22</v>
      </c>
      <c r="V308" s="10" t="s">
        <v>22</v>
      </c>
      <c r="W308" s="10" t="s">
        <v>22</v>
      </c>
      <c r="X308" s="10" t="s">
        <v>22</v>
      </c>
      <c r="Y308" s="10" t="s">
        <v>22</v>
      </c>
      <c r="Z308" s="10" t="s">
        <v>22</v>
      </c>
    </row>
    <row r="309" spans="1:26" ht="24" customHeight="1" x14ac:dyDescent="0.2">
      <c r="A309" s="9" t="s">
        <v>17589</v>
      </c>
      <c r="B309" s="9" t="s">
        <v>14</v>
      </c>
      <c r="C309" s="9" t="s">
        <v>1500</v>
      </c>
      <c r="D309" s="6" t="s">
        <v>1501</v>
      </c>
      <c r="E309" s="22">
        <v>44663</v>
      </c>
      <c r="F309" s="22">
        <v>46488</v>
      </c>
      <c r="G309" s="6" t="s">
        <v>1502</v>
      </c>
      <c r="H309" s="6" t="s">
        <v>18</v>
      </c>
      <c r="I309" s="6" t="s">
        <v>19</v>
      </c>
      <c r="J309" s="6" t="s">
        <v>1503</v>
      </c>
      <c r="K309" s="9" t="s">
        <v>1504</v>
      </c>
      <c r="L309" s="10" t="s">
        <v>22</v>
      </c>
      <c r="M309" s="10" t="s">
        <v>22</v>
      </c>
      <c r="N309" s="10" t="s">
        <v>22</v>
      </c>
      <c r="O309" s="10" t="s">
        <v>22</v>
      </c>
      <c r="P309" s="10" t="s">
        <v>22</v>
      </c>
      <c r="Q309" s="10" t="s">
        <v>22</v>
      </c>
      <c r="R309" s="10" t="s">
        <v>22</v>
      </c>
      <c r="S309" s="10" t="s">
        <v>22</v>
      </c>
      <c r="T309" s="10" t="s">
        <v>22</v>
      </c>
      <c r="U309" s="10" t="s">
        <v>22</v>
      </c>
      <c r="V309" s="10" t="s">
        <v>22</v>
      </c>
      <c r="W309" s="10" t="s">
        <v>22</v>
      </c>
      <c r="X309" s="10" t="s">
        <v>22</v>
      </c>
      <c r="Y309" s="10" t="s">
        <v>22</v>
      </c>
      <c r="Z309" s="10" t="s">
        <v>22</v>
      </c>
    </row>
    <row r="310" spans="1:26" ht="24" customHeight="1" x14ac:dyDescent="0.2">
      <c r="A310" s="9" t="s">
        <v>17590</v>
      </c>
      <c r="B310" s="9" t="s">
        <v>14</v>
      </c>
      <c r="C310" s="9" t="s">
        <v>1505</v>
      </c>
      <c r="D310" s="6" t="s">
        <v>1506</v>
      </c>
      <c r="E310" s="22">
        <v>44667</v>
      </c>
      <c r="F310" s="22">
        <v>46492</v>
      </c>
      <c r="G310" s="6" t="s">
        <v>1507</v>
      </c>
      <c r="H310" s="6" t="s">
        <v>62</v>
      </c>
      <c r="I310" s="6" t="s">
        <v>279</v>
      </c>
      <c r="J310" s="6" t="s">
        <v>1508</v>
      </c>
      <c r="K310" s="9" t="s">
        <v>1509</v>
      </c>
      <c r="L310" s="10" t="s">
        <v>22</v>
      </c>
      <c r="M310" s="10" t="s">
        <v>22</v>
      </c>
      <c r="N310" s="10" t="s">
        <v>22</v>
      </c>
      <c r="O310" s="10" t="s">
        <v>22</v>
      </c>
      <c r="P310" s="10" t="s">
        <v>22</v>
      </c>
      <c r="Q310" s="10" t="s">
        <v>22</v>
      </c>
      <c r="U310" s="10" t="s">
        <v>22</v>
      </c>
      <c r="V310" s="10" t="s">
        <v>22</v>
      </c>
      <c r="W310" s="10" t="s">
        <v>22</v>
      </c>
      <c r="X310" s="10" t="s">
        <v>22</v>
      </c>
      <c r="Y310" s="10" t="s">
        <v>22</v>
      </c>
      <c r="Z310" s="10" t="s">
        <v>22</v>
      </c>
    </row>
    <row r="311" spans="1:26" ht="24" customHeight="1" x14ac:dyDescent="0.2">
      <c r="A311" s="9" t="s">
        <v>17591</v>
      </c>
      <c r="B311" s="9" t="s">
        <v>14</v>
      </c>
      <c r="C311" s="9" t="s">
        <v>1510</v>
      </c>
      <c r="D311" s="6" t="s">
        <v>1511</v>
      </c>
      <c r="E311" s="22">
        <v>44667</v>
      </c>
      <c r="F311" s="22">
        <v>46492</v>
      </c>
      <c r="G311" s="6" t="s">
        <v>1512</v>
      </c>
      <c r="H311" s="6" t="s">
        <v>18</v>
      </c>
      <c r="I311" s="6" t="s">
        <v>19</v>
      </c>
      <c r="J311" s="6" t="s">
        <v>1513</v>
      </c>
      <c r="K311" s="9" t="s">
        <v>1514</v>
      </c>
      <c r="L311" s="10" t="s">
        <v>22</v>
      </c>
      <c r="M311" s="10" t="s">
        <v>22</v>
      </c>
      <c r="N311" s="10" t="s">
        <v>22</v>
      </c>
      <c r="O311" s="10" t="s">
        <v>22</v>
      </c>
      <c r="P311" s="10" t="s">
        <v>22</v>
      </c>
      <c r="Q311" s="10" t="s">
        <v>22</v>
      </c>
      <c r="R311" s="10" t="s">
        <v>22</v>
      </c>
      <c r="S311" s="10" t="s">
        <v>22</v>
      </c>
      <c r="T311" s="10" t="s">
        <v>22</v>
      </c>
      <c r="U311" s="10" t="s">
        <v>22</v>
      </c>
      <c r="V311" s="10" t="s">
        <v>22</v>
      </c>
      <c r="W311" s="10" t="s">
        <v>22</v>
      </c>
      <c r="X311" s="10" t="s">
        <v>22</v>
      </c>
      <c r="Y311" s="10" t="s">
        <v>22</v>
      </c>
      <c r="Z311" s="10" t="s">
        <v>22</v>
      </c>
    </row>
    <row r="312" spans="1:26" ht="24" customHeight="1" x14ac:dyDescent="0.2">
      <c r="A312" s="9" t="s">
        <v>17592</v>
      </c>
      <c r="B312" s="9" t="s">
        <v>14</v>
      </c>
      <c r="C312" s="9" t="s">
        <v>1515</v>
      </c>
      <c r="D312" s="6" t="s">
        <v>1516</v>
      </c>
      <c r="E312" s="22">
        <v>44667</v>
      </c>
      <c r="F312" s="22">
        <v>46492</v>
      </c>
      <c r="G312" s="6" t="s">
        <v>1517</v>
      </c>
      <c r="H312" s="6" t="s">
        <v>62</v>
      </c>
      <c r="I312" s="6" t="s">
        <v>73</v>
      </c>
      <c r="J312" s="6" t="s">
        <v>1518</v>
      </c>
      <c r="L312" s="10" t="s">
        <v>22</v>
      </c>
      <c r="M312" s="10" t="s">
        <v>22</v>
      </c>
      <c r="N312" s="10" t="s">
        <v>22</v>
      </c>
      <c r="O312" s="10" t="s">
        <v>22</v>
      </c>
      <c r="P312" s="10" t="s">
        <v>22</v>
      </c>
      <c r="Q312" s="10" t="s">
        <v>22</v>
      </c>
      <c r="R312" s="10" t="s">
        <v>22</v>
      </c>
      <c r="S312" s="10" t="s">
        <v>22</v>
      </c>
      <c r="T312" s="10" t="s">
        <v>22</v>
      </c>
      <c r="U312" s="10" t="s">
        <v>22</v>
      </c>
      <c r="V312" s="10" t="s">
        <v>22</v>
      </c>
      <c r="W312" s="10" t="s">
        <v>22</v>
      </c>
      <c r="X312" s="10" t="s">
        <v>22</v>
      </c>
      <c r="Y312" s="10" t="s">
        <v>22</v>
      </c>
      <c r="Z312" s="10" t="s">
        <v>22</v>
      </c>
    </row>
    <row r="313" spans="1:26" ht="24" customHeight="1" x14ac:dyDescent="0.2">
      <c r="A313" s="9" t="s">
        <v>17593</v>
      </c>
      <c r="B313" s="9" t="s">
        <v>14</v>
      </c>
      <c r="C313" s="9" t="s">
        <v>1519</v>
      </c>
      <c r="D313" s="6" t="s">
        <v>1520</v>
      </c>
      <c r="E313" s="22">
        <v>44667</v>
      </c>
      <c r="F313" s="22">
        <v>46492</v>
      </c>
      <c r="G313" s="6" t="s">
        <v>1521</v>
      </c>
      <c r="H313" s="6" t="s">
        <v>18</v>
      </c>
      <c r="I313" s="6" t="s">
        <v>19</v>
      </c>
      <c r="J313" s="6" t="s">
        <v>1522</v>
      </c>
      <c r="K313" s="9" t="s">
        <v>1523</v>
      </c>
      <c r="L313" s="10" t="s">
        <v>22</v>
      </c>
      <c r="M313" s="10" t="s">
        <v>22</v>
      </c>
      <c r="N313" s="10" t="s">
        <v>22</v>
      </c>
      <c r="O313" s="10" t="s">
        <v>22</v>
      </c>
      <c r="P313" s="10" t="s">
        <v>22</v>
      </c>
      <c r="Q313" s="10" t="s">
        <v>22</v>
      </c>
      <c r="R313" s="10" t="s">
        <v>22</v>
      </c>
      <c r="S313" s="10" t="s">
        <v>22</v>
      </c>
      <c r="T313" s="10" t="s">
        <v>22</v>
      </c>
      <c r="U313" s="10" t="s">
        <v>22</v>
      </c>
      <c r="V313" s="10" t="s">
        <v>22</v>
      </c>
      <c r="W313" s="10" t="s">
        <v>22</v>
      </c>
      <c r="X313" s="10" t="s">
        <v>22</v>
      </c>
      <c r="Y313" s="10" t="s">
        <v>22</v>
      </c>
      <c r="Z313" s="10" t="s">
        <v>22</v>
      </c>
    </row>
    <row r="314" spans="1:26" ht="24" customHeight="1" x14ac:dyDescent="0.2">
      <c r="A314" s="9" t="s">
        <v>17594</v>
      </c>
      <c r="B314" s="9" t="s">
        <v>14</v>
      </c>
      <c r="C314" s="9" t="s">
        <v>1524</v>
      </c>
      <c r="D314" s="6" t="s">
        <v>1525</v>
      </c>
      <c r="E314" s="22">
        <v>44667</v>
      </c>
      <c r="F314" s="22">
        <v>46492</v>
      </c>
      <c r="G314" s="6" t="s">
        <v>1526</v>
      </c>
      <c r="H314" s="6" t="s">
        <v>62</v>
      </c>
      <c r="I314" s="6" t="s">
        <v>414</v>
      </c>
      <c r="J314" s="6" t="s">
        <v>1527</v>
      </c>
      <c r="K314" s="9" t="s">
        <v>1528</v>
      </c>
      <c r="L314" s="10" t="s">
        <v>22</v>
      </c>
      <c r="M314" s="10" t="s">
        <v>22</v>
      </c>
      <c r="N314" s="10" t="s">
        <v>22</v>
      </c>
      <c r="O314" s="10" t="s">
        <v>22</v>
      </c>
      <c r="P314" s="10" t="s">
        <v>22</v>
      </c>
      <c r="Q314" s="10" t="s">
        <v>22</v>
      </c>
      <c r="R314" s="10" t="s">
        <v>22</v>
      </c>
      <c r="S314" s="10" t="s">
        <v>22</v>
      </c>
      <c r="T314" s="10" t="s">
        <v>22</v>
      </c>
      <c r="U314" s="10" t="s">
        <v>22</v>
      </c>
      <c r="V314" s="10" t="s">
        <v>22</v>
      </c>
      <c r="W314" s="10" t="s">
        <v>22</v>
      </c>
      <c r="X314" s="10" t="s">
        <v>22</v>
      </c>
      <c r="Y314" s="10" t="s">
        <v>22</v>
      </c>
      <c r="Z314" s="10" t="s">
        <v>22</v>
      </c>
    </row>
    <row r="315" spans="1:26" ht="24" customHeight="1" x14ac:dyDescent="0.2">
      <c r="A315" s="9" t="s">
        <v>17595</v>
      </c>
      <c r="B315" s="9" t="s">
        <v>14</v>
      </c>
      <c r="C315" s="9" t="s">
        <v>1532</v>
      </c>
      <c r="D315" s="6" t="s">
        <v>1533</v>
      </c>
      <c r="E315" s="22">
        <v>44669</v>
      </c>
      <c r="F315" s="22">
        <v>46494</v>
      </c>
      <c r="G315" s="6" t="s">
        <v>1534</v>
      </c>
      <c r="H315" s="6" t="s">
        <v>62</v>
      </c>
      <c r="I315" s="6" t="s">
        <v>186</v>
      </c>
      <c r="J315" s="6" t="s">
        <v>1535</v>
      </c>
      <c r="K315" s="9" t="s">
        <v>1536</v>
      </c>
      <c r="L315" s="10" t="s">
        <v>22</v>
      </c>
      <c r="M315" s="10" t="s">
        <v>22</v>
      </c>
      <c r="N315" s="10" t="s">
        <v>22</v>
      </c>
      <c r="U315" s="10" t="s">
        <v>22</v>
      </c>
      <c r="V315" s="10" t="s">
        <v>22</v>
      </c>
      <c r="W315" s="10" t="s">
        <v>22</v>
      </c>
    </row>
    <row r="316" spans="1:26" ht="24" customHeight="1" x14ac:dyDescent="0.2">
      <c r="A316" s="9" t="s">
        <v>17596</v>
      </c>
      <c r="B316" s="9" t="s">
        <v>14</v>
      </c>
      <c r="C316" s="9" t="s">
        <v>1537</v>
      </c>
      <c r="D316" s="6" t="s">
        <v>1538</v>
      </c>
      <c r="E316" s="22">
        <v>44669</v>
      </c>
      <c r="F316" s="22">
        <v>46494</v>
      </c>
      <c r="G316" s="6" t="s">
        <v>1539</v>
      </c>
      <c r="H316" s="6" t="s">
        <v>62</v>
      </c>
      <c r="I316" s="6" t="s">
        <v>312</v>
      </c>
      <c r="J316" s="6" t="s">
        <v>1540</v>
      </c>
      <c r="K316" s="9" t="s">
        <v>1541</v>
      </c>
      <c r="L316" s="10" t="s">
        <v>22</v>
      </c>
      <c r="M316" s="10" t="s">
        <v>22</v>
      </c>
      <c r="N316" s="10" t="s">
        <v>22</v>
      </c>
      <c r="O316" s="10" t="s">
        <v>22</v>
      </c>
      <c r="P316" s="10" t="s">
        <v>22</v>
      </c>
      <c r="Q316" s="10" t="s">
        <v>22</v>
      </c>
      <c r="U316" s="10" t="s">
        <v>22</v>
      </c>
      <c r="V316" s="10" t="s">
        <v>22</v>
      </c>
      <c r="W316" s="10" t="s">
        <v>22</v>
      </c>
      <c r="X316" s="10" t="s">
        <v>22</v>
      </c>
      <c r="Y316" s="10" t="s">
        <v>22</v>
      </c>
      <c r="Z316" s="10" t="s">
        <v>22</v>
      </c>
    </row>
    <row r="317" spans="1:26" ht="24" customHeight="1" x14ac:dyDescent="0.2">
      <c r="A317" s="9" t="s">
        <v>17597</v>
      </c>
      <c r="B317" s="9" t="s">
        <v>14</v>
      </c>
      <c r="C317" s="9" t="s">
        <v>1537</v>
      </c>
      <c r="D317" s="6" t="s">
        <v>1538</v>
      </c>
      <c r="E317" s="22">
        <v>44669</v>
      </c>
      <c r="F317" s="22">
        <v>46494</v>
      </c>
      <c r="G317" s="6" t="s">
        <v>1542</v>
      </c>
      <c r="H317" s="6" t="s">
        <v>18</v>
      </c>
      <c r="I317" s="6" t="s">
        <v>26</v>
      </c>
      <c r="J317" s="6" t="s">
        <v>1543</v>
      </c>
      <c r="K317" s="9" t="s">
        <v>1544</v>
      </c>
      <c r="L317" s="10" t="s">
        <v>22</v>
      </c>
      <c r="M317" s="10" t="s">
        <v>22</v>
      </c>
      <c r="N317" s="10" t="s">
        <v>22</v>
      </c>
      <c r="O317" s="10" t="s">
        <v>22</v>
      </c>
      <c r="P317" s="10" t="s">
        <v>22</v>
      </c>
      <c r="Q317" s="10" t="s">
        <v>22</v>
      </c>
      <c r="U317" s="10" t="s">
        <v>22</v>
      </c>
      <c r="V317" s="10" t="s">
        <v>22</v>
      </c>
      <c r="W317" s="10" t="s">
        <v>22</v>
      </c>
      <c r="X317" s="10" t="s">
        <v>22</v>
      </c>
      <c r="Y317" s="10" t="s">
        <v>22</v>
      </c>
      <c r="Z317" s="10" t="s">
        <v>22</v>
      </c>
    </row>
    <row r="318" spans="1:26" ht="24" customHeight="1" x14ac:dyDescent="0.2">
      <c r="A318" s="9" t="s">
        <v>17598</v>
      </c>
      <c r="B318" s="9" t="s">
        <v>14</v>
      </c>
      <c r="C318" s="9" t="s">
        <v>1545</v>
      </c>
      <c r="D318" s="6" t="s">
        <v>1546</v>
      </c>
      <c r="E318" s="22">
        <v>44669</v>
      </c>
      <c r="F318" s="22">
        <v>46494</v>
      </c>
      <c r="G318" s="6" t="s">
        <v>1547</v>
      </c>
      <c r="H318" s="6" t="s">
        <v>18</v>
      </c>
      <c r="I318" s="6" t="s">
        <v>26</v>
      </c>
      <c r="J318" s="6" t="s">
        <v>1548</v>
      </c>
      <c r="L318" s="10" t="s">
        <v>22</v>
      </c>
      <c r="M318" s="10" t="s">
        <v>22</v>
      </c>
      <c r="N318" s="10" t="s">
        <v>22</v>
      </c>
      <c r="O318" s="10" t="s">
        <v>22</v>
      </c>
      <c r="P318" s="10" t="s">
        <v>22</v>
      </c>
      <c r="Q318" s="10" t="s">
        <v>22</v>
      </c>
      <c r="R318" s="10" t="s">
        <v>22</v>
      </c>
      <c r="S318" s="10" t="s">
        <v>22</v>
      </c>
      <c r="T318" s="10" t="s">
        <v>22</v>
      </c>
      <c r="U318" s="10" t="s">
        <v>22</v>
      </c>
      <c r="V318" s="10" t="s">
        <v>22</v>
      </c>
      <c r="W318" s="10" t="s">
        <v>22</v>
      </c>
      <c r="X318" s="10" t="s">
        <v>22</v>
      </c>
      <c r="Y318" s="10" t="s">
        <v>22</v>
      </c>
      <c r="Z318" s="10" t="s">
        <v>22</v>
      </c>
    </row>
    <row r="319" spans="1:26" ht="24" customHeight="1" x14ac:dyDescent="0.2">
      <c r="A319" s="9" t="s">
        <v>17599</v>
      </c>
      <c r="B319" s="9" t="s">
        <v>14</v>
      </c>
      <c r="C319" s="9" t="s">
        <v>1549</v>
      </c>
      <c r="D319" s="6" t="s">
        <v>1550</v>
      </c>
      <c r="E319" s="22">
        <v>44669</v>
      </c>
      <c r="F319" s="22">
        <v>46494</v>
      </c>
      <c r="G319" s="6" t="s">
        <v>1551</v>
      </c>
      <c r="H319" s="6" t="s">
        <v>18</v>
      </c>
      <c r="I319" s="6" t="s">
        <v>26</v>
      </c>
      <c r="J319" s="6" t="s">
        <v>1552</v>
      </c>
      <c r="K319" s="9" t="s">
        <v>1553</v>
      </c>
      <c r="L319" s="10" t="s">
        <v>22</v>
      </c>
      <c r="M319" s="10" t="s">
        <v>22</v>
      </c>
      <c r="N319" s="10" t="s">
        <v>22</v>
      </c>
      <c r="O319" s="10" t="s">
        <v>22</v>
      </c>
      <c r="P319" s="10" t="s">
        <v>22</v>
      </c>
      <c r="Q319" s="10" t="s">
        <v>22</v>
      </c>
      <c r="R319" s="10" t="s">
        <v>22</v>
      </c>
      <c r="S319" s="10" t="s">
        <v>22</v>
      </c>
      <c r="T319" s="10" t="s">
        <v>22</v>
      </c>
      <c r="U319" s="10" t="s">
        <v>22</v>
      </c>
      <c r="V319" s="10" t="s">
        <v>22</v>
      </c>
      <c r="W319" s="10" t="s">
        <v>22</v>
      </c>
      <c r="X319" s="10" t="s">
        <v>22</v>
      </c>
      <c r="Y319" s="10" t="s">
        <v>22</v>
      </c>
      <c r="Z319" s="10" t="s">
        <v>22</v>
      </c>
    </row>
    <row r="320" spans="1:26" ht="24" customHeight="1" x14ac:dyDescent="0.2">
      <c r="A320" s="9" t="s">
        <v>17600</v>
      </c>
      <c r="B320" s="9" t="s">
        <v>14</v>
      </c>
      <c r="C320" s="9" t="s">
        <v>1554</v>
      </c>
      <c r="D320" s="6" t="s">
        <v>1555</v>
      </c>
      <c r="E320" s="22">
        <v>44674</v>
      </c>
      <c r="F320" s="22">
        <v>46499</v>
      </c>
      <c r="G320" s="6" t="s">
        <v>1556</v>
      </c>
      <c r="H320" s="6" t="s">
        <v>62</v>
      </c>
      <c r="I320" s="6" t="s">
        <v>403</v>
      </c>
      <c r="J320" s="6" t="s">
        <v>1557</v>
      </c>
      <c r="K320" s="9" t="s">
        <v>1558</v>
      </c>
      <c r="L320" s="10" t="s">
        <v>22</v>
      </c>
      <c r="M320" s="10" t="s">
        <v>22</v>
      </c>
      <c r="N320" s="10" t="s">
        <v>22</v>
      </c>
      <c r="O320" s="10" t="s">
        <v>22</v>
      </c>
      <c r="P320" s="10" t="s">
        <v>22</v>
      </c>
      <c r="Q320" s="10" t="s">
        <v>22</v>
      </c>
      <c r="U320" s="10" t="s">
        <v>22</v>
      </c>
      <c r="V320" s="10" t="s">
        <v>22</v>
      </c>
      <c r="W320" s="10" t="s">
        <v>22</v>
      </c>
      <c r="X320" s="10" t="s">
        <v>22</v>
      </c>
      <c r="Y320" s="10" t="s">
        <v>22</v>
      </c>
      <c r="Z320" s="10" t="s">
        <v>22</v>
      </c>
    </row>
    <row r="321" spans="1:26" ht="24" customHeight="1" x14ac:dyDescent="0.2">
      <c r="A321" s="9" t="s">
        <v>17601</v>
      </c>
      <c r="B321" s="9" t="s">
        <v>14</v>
      </c>
      <c r="C321" s="9" t="s">
        <v>1559</v>
      </c>
      <c r="D321" s="6" t="s">
        <v>1560</v>
      </c>
      <c r="E321" s="22">
        <v>44674</v>
      </c>
      <c r="F321" s="22">
        <v>46499</v>
      </c>
      <c r="G321" s="6" t="s">
        <v>1561</v>
      </c>
      <c r="H321" s="6" t="s">
        <v>363</v>
      </c>
      <c r="I321" s="6" t="s">
        <v>558</v>
      </c>
      <c r="J321" s="6" t="s">
        <v>1562</v>
      </c>
      <c r="K321" s="9" t="s">
        <v>1563</v>
      </c>
      <c r="L321" s="10" t="s">
        <v>22</v>
      </c>
      <c r="M321" s="10" t="s">
        <v>22</v>
      </c>
      <c r="N321" s="10" t="s">
        <v>22</v>
      </c>
      <c r="O321" s="10" t="s">
        <v>22</v>
      </c>
      <c r="P321" s="10" t="s">
        <v>22</v>
      </c>
      <c r="Q321" s="10" t="s">
        <v>22</v>
      </c>
      <c r="R321" s="10" t="s">
        <v>22</v>
      </c>
      <c r="S321" s="10" t="s">
        <v>22</v>
      </c>
      <c r="T321" s="10" t="s">
        <v>22</v>
      </c>
      <c r="U321" s="10" t="s">
        <v>22</v>
      </c>
      <c r="V321" s="10" t="s">
        <v>22</v>
      </c>
      <c r="W321" s="10" t="s">
        <v>22</v>
      </c>
      <c r="X321" s="10" t="s">
        <v>22</v>
      </c>
      <c r="Y321" s="10" t="s">
        <v>22</v>
      </c>
      <c r="Z321" s="10" t="s">
        <v>22</v>
      </c>
    </row>
    <row r="322" spans="1:26" ht="24" customHeight="1" x14ac:dyDescent="0.2">
      <c r="A322" s="9" t="s">
        <v>17602</v>
      </c>
      <c r="B322" s="9" t="s">
        <v>14</v>
      </c>
      <c r="C322" s="9" t="s">
        <v>1564</v>
      </c>
      <c r="D322" s="6" t="s">
        <v>1565</v>
      </c>
      <c r="E322" s="22">
        <v>44674</v>
      </c>
      <c r="F322" s="22">
        <v>46499</v>
      </c>
      <c r="G322" s="6" t="s">
        <v>1566</v>
      </c>
      <c r="H322" s="6" t="s">
        <v>202</v>
      </c>
      <c r="I322" s="6" t="s">
        <v>336</v>
      </c>
      <c r="J322" s="6" t="s">
        <v>1567</v>
      </c>
      <c r="K322" s="9" t="s">
        <v>1568</v>
      </c>
      <c r="L322" s="10" t="s">
        <v>22</v>
      </c>
      <c r="M322" s="10" t="s">
        <v>22</v>
      </c>
      <c r="N322" s="10" t="s">
        <v>22</v>
      </c>
      <c r="O322" s="10" t="s">
        <v>22</v>
      </c>
      <c r="P322" s="10" t="s">
        <v>22</v>
      </c>
      <c r="Q322" s="10" t="s">
        <v>22</v>
      </c>
      <c r="U322" s="10" t="s">
        <v>22</v>
      </c>
      <c r="V322" s="10" t="s">
        <v>22</v>
      </c>
      <c r="W322" s="10" t="s">
        <v>22</v>
      </c>
      <c r="X322" s="10" t="s">
        <v>22</v>
      </c>
      <c r="Y322" s="10" t="s">
        <v>22</v>
      </c>
      <c r="Z322" s="10" t="s">
        <v>22</v>
      </c>
    </row>
    <row r="323" spans="1:26" ht="34" customHeight="1" x14ac:dyDescent="0.2">
      <c r="A323" s="9" t="s">
        <v>17603</v>
      </c>
      <c r="B323" s="9" t="s">
        <v>14</v>
      </c>
      <c r="C323" s="9" t="s">
        <v>1564</v>
      </c>
      <c r="D323" s="6" t="s">
        <v>1565</v>
      </c>
      <c r="E323" s="22">
        <v>44674</v>
      </c>
      <c r="F323" s="22">
        <v>46499</v>
      </c>
      <c r="G323" s="6" t="s">
        <v>1569</v>
      </c>
      <c r="H323" s="6" t="s">
        <v>18</v>
      </c>
      <c r="I323" s="6" t="s">
        <v>392</v>
      </c>
      <c r="J323" s="6" t="s">
        <v>1570</v>
      </c>
      <c r="K323" s="9" t="s">
        <v>1571</v>
      </c>
      <c r="L323" s="10" t="s">
        <v>22</v>
      </c>
      <c r="M323" s="10" t="s">
        <v>22</v>
      </c>
      <c r="N323" s="10" t="s">
        <v>22</v>
      </c>
      <c r="O323" s="10" t="s">
        <v>22</v>
      </c>
      <c r="P323" s="10" t="s">
        <v>22</v>
      </c>
      <c r="Q323" s="10" t="s">
        <v>22</v>
      </c>
      <c r="U323" s="10" t="s">
        <v>22</v>
      </c>
      <c r="V323" s="10" t="s">
        <v>22</v>
      </c>
      <c r="W323" s="10" t="s">
        <v>22</v>
      </c>
      <c r="X323" s="10" t="s">
        <v>22</v>
      </c>
      <c r="Y323" s="10" t="s">
        <v>22</v>
      </c>
      <c r="Z323" s="10" t="s">
        <v>22</v>
      </c>
    </row>
    <row r="324" spans="1:26" ht="24" customHeight="1" x14ac:dyDescent="0.2">
      <c r="A324" s="9" t="s">
        <v>17604</v>
      </c>
      <c r="B324" s="9" t="s">
        <v>14</v>
      </c>
      <c r="C324" s="9" t="s">
        <v>1572</v>
      </c>
      <c r="D324" s="6" t="s">
        <v>1573</v>
      </c>
      <c r="E324" s="22">
        <v>44674</v>
      </c>
      <c r="F324" s="22">
        <v>46499</v>
      </c>
      <c r="G324" s="6" t="s">
        <v>1574</v>
      </c>
      <c r="H324" s="6" t="s">
        <v>62</v>
      </c>
      <c r="I324" s="6" t="s">
        <v>403</v>
      </c>
      <c r="J324" s="6" t="s">
        <v>1575</v>
      </c>
      <c r="K324" s="9" t="s">
        <v>1576</v>
      </c>
      <c r="L324" s="10" t="s">
        <v>22</v>
      </c>
      <c r="M324" s="10" t="s">
        <v>22</v>
      </c>
      <c r="N324" s="10" t="s">
        <v>22</v>
      </c>
      <c r="O324" s="10" t="s">
        <v>22</v>
      </c>
      <c r="P324" s="10" t="s">
        <v>22</v>
      </c>
      <c r="Q324" s="10" t="s">
        <v>22</v>
      </c>
      <c r="U324" s="10" t="s">
        <v>22</v>
      </c>
      <c r="V324" s="10" t="s">
        <v>22</v>
      </c>
      <c r="W324" s="10" t="s">
        <v>22</v>
      </c>
      <c r="X324" s="10" t="s">
        <v>22</v>
      </c>
      <c r="Y324" s="10" t="s">
        <v>22</v>
      </c>
      <c r="Z324" s="10" t="s">
        <v>22</v>
      </c>
    </row>
    <row r="325" spans="1:26" ht="24" customHeight="1" x14ac:dyDescent="0.2">
      <c r="A325" s="9" t="s">
        <v>17605</v>
      </c>
      <c r="B325" s="9" t="s">
        <v>14</v>
      </c>
      <c r="C325" s="9" t="s">
        <v>1577</v>
      </c>
      <c r="D325" s="6" t="s">
        <v>1578</v>
      </c>
      <c r="E325" s="22">
        <v>44674</v>
      </c>
      <c r="F325" s="22">
        <v>46499</v>
      </c>
      <c r="G325" s="6" t="s">
        <v>1579</v>
      </c>
      <c r="H325" s="6" t="s">
        <v>229</v>
      </c>
      <c r="I325" s="6" t="s">
        <v>324</v>
      </c>
      <c r="J325" s="6" t="s">
        <v>1580</v>
      </c>
      <c r="K325" s="9" t="s">
        <v>1581</v>
      </c>
      <c r="L325" s="10" t="s">
        <v>22</v>
      </c>
      <c r="M325" s="10" t="s">
        <v>22</v>
      </c>
      <c r="N325" s="10" t="s">
        <v>22</v>
      </c>
      <c r="O325" s="10" t="s">
        <v>22</v>
      </c>
      <c r="P325" s="10" t="s">
        <v>22</v>
      </c>
      <c r="Q325" s="10" t="s">
        <v>22</v>
      </c>
      <c r="R325" s="10" t="s">
        <v>22</v>
      </c>
      <c r="S325" s="10" t="s">
        <v>22</v>
      </c>
      <c r="T325" s="10" t="s">
        <v>22</v>
      </c>
      <c r="U325" s="10" t="s">
        <v>22</v>
      </c>
      <c r="V325" s="10" t="s">
        <v>22</v>
      </c>
      <c r="W325" s="10" t="s">
        <v>22</v>
      </c>
      <c r="X325" s="10" t="s">
        <v>22</v>
      </c>
      <c r="Y325" s="10" t="s">
        <v>22</v>
      </c>
      <c r="Z325" s="10" t="s">
        <v>22</v>
      </c>
    </row>
    <row r="326" spans="1:26" ht="24" customHeight="1" x14ac:dyDescent="0.2">
      <c r="A326" s="9" t="s">
        <v>17606</v>
      </c>
      <c r="B326" s="9" t="s">
        <v>14</v>
      </c>
      <c r="C326" s="9" t="s">
        <v>1582</v>
      </c>
      <c r="D326" s="6" t="s">
        <v>1583</v>
      </c>
      <c r="E326" s="22">
        <v>44674</v>
      </c>
      <c r="F326" s="22">
        <v>46499</v>
      </c>
      <c r="G326" s="6" t="s">
        <v>1584</v>
      </c>
      <c r="H326" s="6" t="s">
        <v>62</v>
      </c>
      <c r="I326" s="6" t="s">
        <v>994</v>
      </c>
      <c r="J326" s="6" t="s">
        <v>1585</v>
      </c>
      <c r="K326" s="9" t="s">
        <v>1586</v>
      </c>
      <c r="L326" s="10" t="s">
        <v>22</v>
      </c>
      <c r="M326" s="10" t="s">
        <v>22</v>
      </c>
      <c r="N326" s="10" t="s">
        <v>22</v>
      </c>
      <c r="O326" s="10" t="s">
        <v>22</v>
      </c>
      <c r="P326" s="10" t="s">
        <v>22</v>
      </c>
      <c r="Q326" s="10" t="s">
        <v>22</v>
      </c>
      <c r="U326" s="10" t="s">
        <v>22</v>
      </c>
      <c r="V326" s="10" t="s">
        <v>22</v>
      </c>
      <c r="W326" s="10" t="s">
        <v>22</v>
      </c>
      <c r="X326" s="10" t="s">
        <v>22</v>
      </c>
      <c r="Y326" s="10" t="s">
        <v>22</v>
      </c>
      <c r="Z326" s="10" t="s">
        <v>22</v>
      </c>
    </row>
    <row r="327" spans="1:26" ht="24" customHeight="1" x14ac:dyDescent="0.2">
      <c r="A327" s="9" t="s">
        <v>17607</v>
      </c>
      <c r="B327" s="9" t="s">
        <v>14</v>
      </c>
      <c r="C327" s="9" t="s">
        <v>1587</v>
      </c>
      <c r="D327" s="6" t="s">
        <v>1588</v>
      </c>
      <c r="E327" s="22">
        <v>44674</v>
      </c>
      <c r="F327" s="22">
        <v>46499</v>
      </c>
      <c r="G327" s="6" t="s">
        <v>1589</v>
      </c>
      <c r="H327" s="6" t="s">
        <v>18</v>
      </c>
      <c r="I327" s="6" t="s">
        <v>19</v>
      </c>
      <c r="J327" s="6" t="s">
        <v>1590</v>
      </c>
      <c r="K327" s="9" t="s">
        <v>1591</v>
      </c>
      <c r="L327" s="10" t="s">
        <v>22</v>
      </c>
      <c r="M327" s="10" t="s">
        <v>22</v>
      </c>
      <c r="N327" s="10" t="s">
        <v>22</v>
      </c>
      <c r="O327" s="10" t="s">
        <v>22</v>
      </c>
      <c r="P327" s="10" t="s">
        <v>22</v>
      </c>
      <c r="Q327" s="10" t="s">
        <v>22</v>
      </c>
      <c r="U327" s="10" t="s">
        <v>22</v>
      </c>
      <c r="V327" s="10" t="s">
        <v>22</v>
      </c>
      <c r="W327" s="10" t="s">
        <v>22</v>
      </c>
      <c r="X327" s="10" t="s">
        <v>22</v>
      </c>
      <c r="Y327" s="10" t="s">
        <v>22</v>
      </c>
      <c r="Z327" s="10" t="s">
        <v>22</v>
      </c>
    </row>
    <row r="328" spans="1:26" ht="24" customHeight="1" x14ac:dyDescent="0.2">
      <c r="A328" s="9" t="s">
        <v>17608</v>
      </c>
      <c r="B328" s="9" t="s">
        <v>14</v>
      </c>
      <c r="C328" s="9" t="s">
        <v>1595</v>
      </c>
      <c r="D328" s="6" t="s">
        <v>1596</v>
      </c>
      <c r="E328" s="22">
        <v>44675</v>
      </c>
      <c r="F328" s="22">
        <v>46500</v>
      </c>
      <c r="G328" s="6" t="s">
        <v>1597</v>
      </c>
      <c r="H328" s="6" t="s">
        <v>18</v>
      </c>
      <c r="I328" s="6" t="s">
        <v>19</v>
      </c>
      <c r="J328" s="6" t="s">
        <v>1598</v>
      </c>
      <c r="K328" s="9" t="s">
        <v>1599</v>
      </c>
      <c r="L328" s="10" t="s">
        <v>22</v>
      </c>
      <c r="M328" s="10" t="s">
        <v>22</v>
      </c>
      <c r="N328" s="10" t="s">
        <v>22</v>
      </c>
      <c r="O328" s="10" t="s">
        <v>22</v>
      </c>
      <c r="P328" s="10" t="s">
        <v>22</v>
      </c>
      <c r="Q328" s="10" t="s">
        <v>22</v>
      </c>
      <c r="R328" s="10" t="s">
        <v>22</v>
      </c>
      <c r="S328" s="10" t="s">
        <v>22</v>
      </c>
      <c r="T328" s="10" t="s">
        <v>22</v>
      </c>
      <c r="U328" s="10" t="s">
        <v>22</v>
      </c>
      <c r="V328" s="10" t="s">
        <v>22</v>
      </c>
      <c r="W328" s="10" t="s">
        <v>22</v>
      </c>
      <c r="X328" s="10" t="s">
        <v>22</v>
      </c>
      <c r="Y328" s="10" t="s">
        <v>22</v>
      </c>
      <c r="Z328" s="10" t="s">
        <v>22</v>
      </c>
    </row>
    <row r="329" spans="1:26" ht="24" customHeight="1" x14ac:dyDescent="0.2">
      <c r="A329" s="9" t="s">
        <v>17609</v>
      </c>
      <c r="B329" s="9" t="s">
        <v>14</v>
      </c>
      <c r="C329" s="9" t="s">
        <v>1595</v>
      </c>
      <c r="D329" s="6" t="s">
        <v>1596</v>
      </c>
      <c r="E329" s="22">
        <v>44675</v>
      </c>
      <c r="F329" s="22">
        <v>46500</v>
      </c>
      <c r="G329" s="6" t="s">
        <v>1600</v>
      </c>
      <c r="H329" s="6" t="s">
        <v>18</v>
      </c>
      <c r="I329" s="6" t="s">
        <v>392</v>
      </c>
      <c r="J329" s="6" t="s">
        <v>1601</v>
      </c>
      <c r="K329" s="9" t="s">
        <v>1602</v>
      </c>
      <c r="L329" s="10" t="s">
        <v>22</v>
      </c>
      <c r="M329" s="10" t="s">
        <v>22</v>
      </c>
      <c r="N329" s="10" t="s">
        <v>22</v>
      </c>
      <c r="O329" s="10" t="s">
        <v>22</v>
      </c>
      <c r="P329" s="10" t="s">
        <v>22</v>
      </c>
      <c r="Q329" s="10" t="s">
        <v>22</v>
      </c>
      <c r="R329" s="10" t="s">
        <v>22</v>
      </c>
      <c r="S329" s="10" t="s">
        <v>22</v>
      </c>
      <c r="T329" s="10" t="s">
        <v>22</v>
      </c>
      <c r="U329" s="10" t="s">
        <v>22</v>
      </c>
      <c r="V329" s="10" t="s">
        <v>22</v>
      </c>
      <c r="W329" s="10" t="s">
        <v>22</v>
      </c>
      <c r="X329" s="10" t="s">
        <v>22</v>
      </c>
      <c r="Y329" s="10" t="s">
        <v>22</v>
      </c>
      <c r="Z329" s="10" t="s">
        <v>22</v>
      </c>
    </row>
    <row r="330" spans="1:26" ht="24" customHeight="1" x14ac:dyDescent="0.2">
      <c r="A330" s="9" t="s">
        <v>17610</v>
      </c>
      <c r="B330" s="9" t="s">
        <v>14</v>
      </c>
      <c r="C330" s="9" t="s">
        <v>1603</v>
      </c>
      <c r="D330" s="6" t="s">
        <v>1604</v>
      </c>
      <c r="E330" s="22">
        <v>44675</v>
      </c>
      <c r="F330" s="22">
        <v>46500</v>
      </c>
      <c r="G330" s="6" t="s">
        <v>1605</v>
      </c>
      <c r="H330" s="6" t="s">
        <v>18</v>
      </c>
      <c r="I330" s="6" t="s">
        <v>19</v>
      </c>
      <c r="J330" s="6" t="s">
        <v>1606</v>
      </c>
      <c r="K330" s="9" t="s">
        <v>1607</v>
      </c>
      <c r="L330" s="10" t="s">
        <v>22</v>
      </c>
      <c r="M330" s="10" t="s">
        <v>22</v>
      </c>
      <c r="N330" s="10" t="s">
        <v>22</v>
      </c>
      <c r="O330" s="10" t="s">
        <v>22</v>
      </c>
      <c r="P330" s="10" t="s">
        <v>22</v>
      </c>
      <c r="Q330" s="10" t="s">
        <v>22</v>
      </c>
      <c r="R330" s="10" t="s">
        <v>22</v>
      </c>
      <c r="S330" s="10" t="s">
        <v>22</v>
      </c>
      <c r="T330" s="10" t="s">
        <v>22</v>
      </c>
      <c r="U330" s="10" t="s">
        <v>22</v>
      </c>
      <c r="V330" s="10" t="s">
        <v>22</v>
      </c>
      <c r="W330" s="10" t="s">
        <v>22</v>
      </c>
      <c r="X330" s="10" t="s">
        <v>22</v>
      </c>
      <c r="Y330" s="10" t="s">
        <v>22</v>
      </c>
      <c r="Z330" s="10" t="s">
        <v>22</v>
      </c>
    </row>
    <row r="331" spans="1:26" ht="24" customHeight="1" x14ac:dyDescent="0.2">
      <c r="A331" s="9" t="s">
        <v>17611</v>
      </c>
      <c r="B331" s="9" t="s">
        <v>14</v>
      </c>
      <c r="C331" s="9" t="s">
        <v>1608</v>
      </c>
      <c r="D331" s="6" t="s">
        <v>1609</v>
      </c>
      <c r="E331" s="22">
        <v>44676</v>
      </c>
      <c r="F331" s="22">
        <v>46501</v>
      </c>
      <c r="G331" s="6" t="s">
        <v>1610</v>
      </c>
      <c r="H331" s="6" t="s">
        <v>62</v>
      </c>
      <c r="I331" s="6" t="s">
        <v>186</v>
      </c>
      <c r="J331" s="6" t="s">
        <v>1611</v>
      </c>
      <c r="K331" s="9" t="s">
        <v>1612</v>
      </c>
      <c r="L331" s="10" t="s">
        <v>22</v>
      </c>
      <c r="M331" s="10" t="s">
        <v>22</v>
      </c>
      <c r="N331" s="10" t="s">
        <v>22</v>
      </c>
      <c r="O331" s="10" t="s">
        <v>22</v>
      </c>
      <c r="P331" s="10" t="s">
        <v>22</v>
      </c>
      <c r="Q331" s="10" t="s">
        <v>22</v>
      </c>
      <c r="S331" s="10" t="s">
        <v>22</v>
      </c>
      <c r="T331" s="10" t="s">
        <v>22</v>
      </c>
      <c r="U331" s="10" t="s">
        <v>22</v>
      </c>
      <c r="V331" s="10" t="s">
        <v>22</v>
      </c>
      <c r="W331" s="10" t="s">
        <v>22</v>
      </c>
      <c r="X331" s="10" t="s">
        <v>22</v>
      </c>
      <c r="Y331" s="10" t="s">
        <v>22</v>
      </c>
      <c r="Z331" s="10" t="s">
        <v>22</v>
      </c>
    </row>
    <row r="332" spans="1:26" ht="24" customHeight="1" x14ac:dyDescent="0.2">
      <c r="A332" s="9" t="s">
        <v>17612</v>
      </c>
      <c r="B332" s="9" t="s">
        <v>14</v>
      </c>
      <c r="C332" s="9" t="s">
        <v>1613</v>
      </c>
      <c r="D332" s="6" t="s">
        <v>1614</v>
      </c>
      <c r="E332" s="22">
        <v>44676</v>
      </c>
      <c r="F332" s="22">
        <v>46501</v>
      </c>
      <c r="G332" s="6" t="s">
        <v>1615</v>
      </c>
      <c r="H332" s="6" t="s">
        <v>62</v>
      </c>
      <c r="I332" s="6" t="s">
        <v>1444</v>
      </c>
      <c r="J332" s="6" t="s">
        <v>1616</v>
      </c>
      <c r="L332" s="10" t="s">
        <v>22</v>
      </c>
      <c r="M332" s="10" t="s">
        <v>22</v>
      </c>
      <c r="N332" s="10" t="s">
        <v>22</v>
      </c>
      <c r="O332" s="10" t="s">
        <v>22</v>
      </c>
      <c r="P332" s="10" t="s">
        <v>22</v>
      </c>
      <c r="Q332" s="10" t="s">
        <v>22</v>
      </c>
      <c r="U332" s="10" t="s">
        <v>22</v>
      </c>
      <c r="V332" s="10" t="s">
        <v>22</v>
      </c>
      <c r="W332" s="10" t="s">
        <v>22</v>
      </c>
      <c r="X332" s="10" t="s">
        <v>22</v>
      </c>
      <c r="Y332" s="10" t="s">
        <v>22</v>
      </c>
      <c r="Z332" s="10" t="s">
        <v>22</v>
      </c>
    </row>
    <row r="333" spans="1:26" ht="24" customHeight="1" x14ac:dyDescent="0.2">
      <c r="A333" s="9" t="s">
        <v>17613</v>
      </c>
      <c r="B333" s="9" t="s">
        <v>14</v>
      </c>
      <c r="C333" s="9" t="s">
        <v>1617</v>
      </c>
      <c r="D333" s="6" t="s">
        <v>1618</v>
      </c>
      <c r="E333" s="22">
        <v>44676</v>
      </c>
      <c r="F333" s="22">
        <v>46501</v>
      </c>
      <c r="G333" s="6" t="s">
        <v>1619</v>
      </c>
      <c r="H333" s="6" t="s">
        <v>62</v>
      </c>
      <c r="I333" s="6" t="s">
        <v>186</v>
      </c>
      <c r="J333" s="6" t="s">
        <v>1620</v>
      </c>
      <c r="K333" s="9" t="s">
        <v>1621</v>
      </c>
      <c r="L333" s="10" t="s">
        <v>22</v>
      </c>
      <c r="M333" s="10" t="s">
        <v>22</v>
      </c>
      <c r="N333" s="10" t="s">
        <v>22</v>
      </c>
      <c r="O333" s="10" t="s">
        <v>22</v>
      </c>
      <c r="P333" s="10" t="s">
        <v>22</v>
      </c>
      <c r="Q333" s="10" t="s">
        <v>22</v>
      </c>
      <c r="U333" s="10" t="s">
        <v>22</v>
      </c>
      <c r="V333" s="10" t="s">
        <v>22</v>
      </c>
      <c r="W333" s="10" t="s">
        <v>22</v>
      </c>
      <c r="X333" s="10" t="s">
        <v>22</v>
      </c>
      <c r="Y333" s="10" t="s">
        <v>22</v>
      </c>
      <c r="Z333" s="10" t="s">
        <v>22</v>
      </c>
    </row>
    <row r="334" spans="1:26" ht="24" customHeight="1" x14ac:dyDescent="0.2">
      <c r="A334" s="9" t="s">
        <v>17614</v>
      </c>
      <c r="B334" s="9" t="s">
        <v>14</v>
      </c>
      <c r="C334" s="9" t="s">
        <v>1622</v>
      </c>
      <c r="D334" s="6" t="s">
        <v>1623</v>
      </c>
      <c r="E334" s="22">
        <v>44676</v>
      </c>
      <c r="F334" s="22">
        <v>46501</v>
      </c>
      <c r="G334" s="6" t="s">
        <v>1624</v>
      </c>
      <c r="H334" s="6" t="s">
        <v>1625</v>
      </c>
      <c r="I334" s="6" t="s">
        <v>1626</v>
      </c>
      <c r="J334" s="6" t="s">
        <v>1627</v>
      </c>
      <c r="K334" s="9" t="s">
        <v>1628</v>
      </c>
      <c r="L334" s="10" t="s">
        <v>22</v>
      </c>
      <c r="M334" s="10" t="s">
        <v>22</v>
      </c>
      <c r="N334" s="10" t="s">
        <v>22</v>
      </c>
      <c r="O334" s="10" t="s">
        <v>22</v>
      </c>
      <c r="P334" s="10" t="s">
        <v>22</v>
      </c>
      <c r="Q334" s="10" t="s">
        <v>22</v>
      </c>
      <c r="R334" s="10" t="s">
        <v>22</v>
      </c>
      <c r="S334" s="10" t="s">
        <v>22</v>
      </c>
      <c r="T334" s="10" t="s">
        <v>22</v>
      </c>
    </row>
    <row r="335" spans="1:26" ht="24" customHeight="1" x14ac:dyDescent="0.2">
      <c r="A335" s="9" t="s">
        <v>17615</v>
      </c>
      <c r="B335" s="9" t="s">
        <v>14</v>
      </c>
      <c r="C335" s="9" t="s">
        <v>1622</v>
      </c>
      <c r="D335" s="6" t="s">
        <v>1623</v>
      </c>
      <c r="E335" s="22">
        <v>44676</v>
      </c>
      <c r="F335" s="22">
        <v>46501</v>
      </c>
      <c r="G335" s="6" t="s">
        <v>1629</v>
      </c>
      <c r="H335" s="6" t="s">
        <v>202</v>
      </c>
      <c r="I335" s="6" t="s">
        <v>1630</v>
      </c>
      <c r="J335" s="6" t="s">
        <v>1631</v>
      </c>
      <c r="K335" s="9" t="s">
        <v>1632</v>
      </c>
      <c r="L335" s="10" t="s">
        <v>22</v>
      </c>
      <c r="M335" s="10" t="s">
        <v>22</v>
      </c>
      <c r="N335" s="10" t="s">
        <v>22</v>
      </c>
      <c r="O335" s="10" t="s">
        <v>22</v>
      </c>
      <c r="P335" s="10" t="s">
        <v>22</v>
      </c>
      <c r="Q335" s="10" t="s">
        <v>22</v>
      </c>
      <c r="R335" s="10" t="s">
        <v>22</v>
      </c>
      <c r="S335" s="10" t="s">
        <v>22</v>
      </c>
      <c r="T335" s="10" t="s">
        <v>22</v>
      </c>
    </row>
    <row r="336" spans="1:26" ht="34" customHeight="1" x14ac:dyDescent="0.2">
      <c r="A336" s="9" t="s">
        <v>17616</v>
      </c>
      <c r="B336" s="9" t="s">
        <v>14</v>
      </c>
      <c r="C336" s="9" t="s">
        <v>1633</v>
      </c>
      <c r="D336" s="6" t="s">
        <v>1634</v>
      </c>
      <c r="E336" s="22">
        <v>44676</v>
      </c>
      <c r="F336" s="22">
        <v>46501</v>
      </c>
      <c r="G336" s="6" t="s">
        <v>1635</v>
      </c>
      <c r="H336" s="6" t="s">
        <v>18</v>
      </c>
      <c r="I336" s="6" t="s">
        <v>19</v>
      </c>
      <c r="J336" s="6" t="s">
        <v>1636</v>
      </c>
      <c r="K336" s="9" t="s">
        <v>1637</v>
      </c>
      <c r="M336" s="10" t="s">
        <v>22</v>
      </c>
      <c r="N336" s="10" t="s">
        <v>22</v>
      </c>
      <c r="P336" s="10" t="s">
        <v>22</v>
      </c>
      <c r="Q336" s="10" t="s">
        <v>22</v>
      </c>
      <c r="V336" s="10" t="s">
        <v>22</v>
      </c>
      <c r="W336" s="10" t="s">
        <v>22</v>
      </c>
      <c r="Y336" s="10" t="s">
        <v>22</v>
      </c>
      <c r="Z336" s="10" t="s">
        <v>22</v>
      </c>
    </row>
    <row r="337" spans="1:26" ht="24" customHeight="1" x14ac:dyDescent="0.2">
      <c r="A337" s="9" t="s">
        <v>17617</v>
      </c>
      <c r="B337" s="9" t="s">
        <v>14</v>
      </c>
      <c r="C337" s="9" t="s">
        <v>1638</v>
      </c>
      <c r="D337" s="6" t="s">
        <v>1639</v>
      </c>
      <c r="E337" s="22">
        <v>44676</v>
      </c>
      <c r="F337" s="22">
        <v>46501</v>
      </c>
      <c r="G337" s="6" t="s">
        <v>1640</v>
      </c>
      <c r="H337" s="6" t="s">
        <v>363</v>
      </c>
      <c r="I337" s="6" t="s">
        <v>364</v>
      </c>
      <c r="J337" s="6" t="s">
        <v>1641</v>
      </c>
      <c r="K337" s="9" t="s">
        <v>1642</v>
      </c>
      <c r="L337" s="10" t="s">
        <v>22</v>
      </c>
      <c r="M337" s="10" t="s">
        <v>22</v>
      </c>
      <c r="N337" s="10" t="s">
        <v>22</v>
      </c>
      <c r="O337" s="10" t="s">
        <v>22</v>
      </c>
      <c r="P337" s="10" t="s">
        <v>22</v>
      </c>
      <c r="Q337" s="10" t="s">
        <v>22</v>
      </c>
      <c r="U337" s="10" t="s">
        <v>22</v>
      </c>
      <c r="V337" s="10" t="s">
        <v>22</v>
      </c>
      <c r="W337" s="10" t="s">
        <v>22</v>
      </c>
      <c r="X337" s="10" t="s">
        <v>22</v>
      </c>
      <c r="Y337" s="10" t="s">
        <v>22</v>
      </c>
      <c r="Z337" s="10" t="s">
        <v>22</v>
      </c>
    </row>
    <row r="338" spans="1:26" ht="24" customHeight="1" x14ac:dyDescent="0.2">
      <c r="A338" s="9" t="s">
        <v>17618</v>
      </c>
      <c r="B338" s="9" t="s">
        <v>14</v>
      </c>
      <c r="C338" s="9" t="s">
        <v>1643</v>
      </c>
      <c r="D338" s="6" t="s">
        <v>1644</v>
      </c>
      <c r="E338" s="22">
        <v>44676</v>
      </c>
      <c r="F338" s="22">
        <v>46501</v>
      </c>
      <c r="G338" s="6" t="s">
        <v>1645</v>
      </c>
      <c r="H338" s="6" t="s">
        <v>18</v>
      </c>
      <c r="I338" s="6" t="s">
        <v>19</v>
      </c>
      <c r="J338" s="6" t="s">
        <v>1646</v>
      </c>
      <c r="K338" s="9" t="s">
        <v>1647</v>
      </c>
      <c r="L338" s="10" t="s">
        <v>22</v>
      </c>
      <c r="M338" s="10" t="s">
        <v>22</v>
      </c>
      <c r="N338" s="10" t="s">
        <v>22</v>
      </c>
      <c r="O338" s="10" t="s">
        <v>22</v>
      </c>
      <c r="P338" s="10" t="s">
        <v>22</v>
      </c>
      <c r="Q338" s="10" t="s">
        <v>22</v>
      </c>
      <c r="U338" s="10" t="s">
        <v>22</v>
      </c>
      <c r="V338" s="10" t="s">
        <v>22</v>
      </c>
      <c r="W338" s="10" t="s">
        <v>22</v>
      </c>
      <c r="X338" s="10" t="s">
        <v>22</v>
      </c>
      <c r="Y338" s="10" t="s">
        <v>22</v>
      </c>
      <c r="Z338" s="10" t="s">
        <v>22</v>
      </c>
    </row>
    <row r="339" spans="1:26" ht="24" customHeight="1" x14ac:dyDescent="0.2">
      <c r="A339" s="9" t="s">
        <v>17619</v>
      </c>
      <c r="B339" s="9" t="s">
        <v>14</v>
      </c>
      <c r="C339" s="9" t="s">
        <v>1643</v>
      </c>
      <c r="D339" s="6" t="s">
        <v>1644</v>
      </c>
      <c r="E339" s="22">
        <v>44676</v>
      </c>
      <c r="F339" s="22">
        <v>46501</v>
      </c>
      <c r="G339" s="6" t="s">
        <v>1648</v>
      </c>
      <c r="H339" s="6" t="s">
        <v>18</v>
      </c>
      <c r="I339" s="6" t="s">
        <v>26</v>
      </c>
      <c r="J339" s="6" t="s">
        <v>1649</v>
      </c>
      <c r="K339" s="9" t="s">
        <v>1650</v>
      </c>
      <c r="L339" s="10" t="s">
        <v>22</v>
      </c>
      <c r="M339" s="10" t="s">
        <v>22</v>
      </c>
      <c r="N339" s="10" t="s">
        <v>22</v>
      </c>
      <c r="O339" s="10" t="s">
        <v>22</v>
      </c>
      <c r="P339" s="10" t="s">
        <v>22</v>
      </c>
      <c r="Q339" s="10" t="s">
        <v>22</v>
      </c>
      <c r="U339" s="10" t="s">
        <v>22</v>
      </c>
      <c r="V339" s="10" t="s">
        <v>22</v>
      </c>
      <c r="W339" s="10" t="s">
        <v>22</v>
      </c>
      <c r="X339" s="10" t="s">
        <v>22</v>
      </c>
      <c r="Y339" s="10" t="s">
        <v>22</v>
      </c>
      <c r="Z339" s="10" t="s">
        <v>22</v>
      </c>
    </row>
    <row r="340" spans="1:26" ht="24" customHeight="1" x14ac:dyDescent="0.2">
      <c r="A340" s="9" t="s">
        <v>17620</v>
      </c>
      <c r="B340" s="9" t="s">
        <v>14</v>
      </c>
      <c r="C340" s="9" t="s">
        <v>1643</v>
      </c>
      <c r="D340" s="6" t="s">
        <v>1644</v>
      </c>
      <c r="E340" s="22">
        <v>44676</v>
      </c>
      <c r="F340" s="22">
        <v>46501</v>
      </c>
      <c r="G340" s="6" t="s">
        <v>1651</v>
      </c>
      <c r="H340" s="6" t="s">
        <v>18</v>
      </c>
      <c r="I340" s="6" t="s">
        <v>26</v>
      </c>
      <c r="J340" s="6" t="s">
        <v>1652</v>
      </c>
      <c r="K340" s="9" t="s">
        <v>1653</v>
      </c>
      <c r="L340" s="10" t="s">
        <v>22</v>
      </c>
      <c r="M340" s="10" t="s">
        <v>22</v>
      </c>
      <c r="N340" s="10" t="s">
        <v>22</v>
      </c>
      <c r="O340" s="10" t="s">
        <v>22</v>
      </c>
      <c r="P340" s="10" t="s">
        <v>22</v>
      </c>
      <c r="Q340" s="10" t="s">
        <v>22</v>
      </c>
      <c r="U340" s="10" t="s">
        <v>22</v>
      </c>
      <c r="V340" s="10" t="s">
        <v>22</v>
      </c>
      <c r="W340" s="10" t="s">
        <v>22</v>
      </c>
      <c r="X340" s="10" t="s">
        <v>22</v>
      </c>
      <c r="Y340" s="10" t="s">
        <v>22</v>
      </c>
      <c r="Z340" s="10" t="s">
        <v>22</v>
      </c>
    </row>
    <row r="341" spans="1:26" ht="34" customHeight="1" x14ac:dyDescent="0.2">
      <c r="A341" s="9" t="s">
        <v>17621</v>
      </c>
      <c r="B341" s="9" t="s">
        <v>14</v>
      </c>
      <c r="C341" s="9" t="s">
        <v>1643</v>
      </c>
      <c r="D341" s="6" t="s">
        <v>1644</v>
      </c>
      <c r="E341" s="22">
        <v>44676</v>
      </c>
      <c r="F341" s="22">
        <v>46501</v>
      </c>
      <c r="G341" s="6" t="s">
        <v>1654</v>
      </c>
      <c r="H341" s="6" t="s">
        <v>18</v>
      </c>
      <c r="I341" s="6" t="s">
        <v>26</v>
      </c>
      <c r="J341" s="6" t="s">
        <v>1655</v>
      </c>
      <c r="K341" s="9" t="s">
        <v>1656</v>
      </c>
      <c r="L341" s="10" t="s">
        <v>22</v>
      </c>
      <c r="M341" s="10" t="s">
        <v>22</v>
      </c>
      <c r="N341" s="10" t="s">
        <v>22</v>
      </c>
      <c r="O341" s="10" t="s">
        <v>22</v>
      </c>
      <c r="P341" s="10" t="s">
        <v>22</v>
      </c>
      <c r="Q341" s="10" t="s">
        <v>22</v>
      </c>
      <c r="U341" s="10" t="s">
        <v>22</v>
      </c>
      <c r="V341" s="10" t="s">
        <v>22</v>
      </c>
      <c r="W341" s="10" t="s">
        <v>22</v>
      </c>
      <c r="X341" s="10" t="s">
        <v>22</v>
      </c>
      <c r="Y341" s="10" t="s">
        <v>22</v>
      </c>
      <c r="Z341" s="10" t="s">
        <v>22</v>
      </c>
    </row>
    <row r="342" spans="1:26" ht="24" customHeight="1" x14ac:dyDescent="0.2">
      <c r="A342" s="9" t="s">
        <v>17622</v>
      </c>
      <c r="B342" s="9" t="s">
        <v>14</v>
      </c>
      <c r="C342" s="9" t="s">
        <v>1643</v>
      </c>
      <c r="D342" s="6" t="s">
        <v>1644</v>
      </c>
      <c r="E342" s="22">
        <v>44676</v>
      </c>
      <c r="F342" s="22">
        <v>46501</v>
      </c>
      <c r="G342" s="6" t="s">
        <v>1657</v>
      </c>
      <c r="H342" s="6" t="s">
        <v>18</v>
      </c>
      <c r="I342" s="6" t="s">
        <v>19</v>
      </c>
      <c r="J342" s="6" t="s">
        <v>1646</v>
      </c>
      <c r="K342" s="9" t="s">
        <v>1647</v>
      </c>
      <c r="L342" s="10" t="s">
        <v>22</v>
      </c>
      <c r="M342" s="10" t="s">
        <v>22</v>
      </c>
      <c r="N342" s="10" t="s">
        <v>22</v>
      </c>
      <c r="O342" s="10" t="s">
        <v>22</v>
      </c>
      <c r="P342" s="10" t="s">
        <v>22</v>
      </c>
      <c r="Q342" s="10" t="s">
        <v>22</v>
      </c>
      <c r="U342" s="10" t="s">
        <v>22</v>
      </c>
      <c r="V342" s="10" t="s">
        <v>22</v>
      </c>
      <c r="W342" s="10" t="s">
        <v>22</v>
      </c>
      <c r="X342" s="10" t="s">
        <v>22</v>
      </c>
      <c r="Y342" s="10" t="s">
        <v>22</v>
      </c>
      <c r="Z342" s="10" t="s">
        <v>22</v>
      </c>
    </row>
    <row r="343" spans="1:26" ht="24" customHeight="1" x14ac:dyDescent="0.2">
      <c r="A343" s="9" t="s">
        <v>17623</v>
      </c>
      <c r="B343" s="9" t="s">
        <v>14</v>
      </c>
      <c r="C343" s="9" t="s">
        <v>1643</v>
      </c>
      <c r="D343" s="6" t="s">
        <v>1644</v>
      </c>
      <c r="E343" s="22">
        <v>44676</v>
      </c>
      <c r="F343" s="22">
        <v>46501</v>
      </c>
      <c r="G343" s="6" t="s">
        <v>1658</v>
      </c>
      <c r="H343" s="6" t="s">
        <v>18</v>
      </c>
      <c r="I343" s="6" t="s">
        <v>19</v>
      </c>
      <c r="J343" s="6" t="s">
        <v>1659</v>
      </c>
      <c r="K343" s="9" t="s">
        <v>1660</v>
      </c>
      <c r="L343" s="10" t="s">
        <v>22</v>
      </c>
      <c r="M343" s="10" t="s">
        <v>22</v>
      </c>
      <c r="N343" s="10" t="s">
        <v>22</v>
      </c>
      <c r="O343" s="10" t="s">
        <v>22</v>
      </c>
      <c r="P343" s="10" t="s">
        <v>22</v>
      </c>
      <c r="Q343" s="10" t="s">
        <v>22</v>
      </c>
      <c r="U343" s="10" t="s">
        <v>22</v>
      </c>
      <c r="V343" s="10" t="s">
        <v>22</v>
      </c>
      <c r="W343" s="10" t="s">
        <v>22</v>
      </c>
      <c r="X343" s="10" t="s">
        <v>22</v>
      </c>
      <c r="Y343" s="10" t="s">
        <v>22</v>
      </c>
      <c r="Z343" s="10" t="s">
        <v>22</v>
      </c>
    </row>
    <row r="344" spans="1:26" ht="24" customHeight="1" x14ac:dyDescent="0.2">
      <c r="A344" s="9" t="s">
        <v>17624</v>
      </c>
      <c r="B344" s="9" t="s">
        <v>14</v>
      </c>
      <c r="C344" s="9" t="s">
        <v>1643</v>
      </c>
      <c r="D344" s="6" t="s">
        <v>1644</v>
      </c>
      <c r="E344" s="22">
        <v>44676</v>
      </c>
      <c r="F344" s="22">
        <v>46501</v>
      </c>
      <c r="G344" s="6" t="s">
        <v>1661</v>
      </c>
      <c r="H344" s="6" t="s">
        <v>18</v>
      </c>
      <c r="I344" s="6" t="s">
        <v>19</v>
      </c>
      <c r="J344" s="6" t="s">
        <v>1662</v>
      </c>
      <c r="K344" s="9" t="s">
        <v>1663</v>
      </c>
      <c r="L344" s="10" t="s">
        <v>22</v>
      </c>
      <c r="M344" s="10" t="s">
        <v>22</v>
      </c>
      <c r="N344" s="10" t="s">
        <v>22</v>
      </c>
      <c r="O344" s="10" t="s">
        <v>22</v>
      </c>
      <c r="P344" s="10" t="s">
        <v>22</v>
      </c>
      <c r="Q344" s="10" t="s">
        <v>22</v>
      </c>
      <c r="U344" s="10" t="s">
        <v>22</v>
      </c>
      <c r="V344" s="10" t="s">
        <v>22</v>
      </c>
      <c r="W344" s="10" t="s">
        <v>22</v>
      </c>
      <c r="X344" s="10" t="s">
        <v>22</v>
      </c>
      <c r="Y344" s="10" t="s">
        <v>22</v>
      </c>
      <c r="Z344" s="10" t="s">
        <v>22</v>
      </c>
    </row>
    <row r="345" spans="1:26" ht="24" customHeight="1" x14ac:dyDescent="0.2">
      <c r="A345" s="9" t="s">
        <v>17625</v>
      </c>
      <c r="B345" s="9" t="s">
        <v>14</v>
      </c>
      <c r="C345" s="9" t="s">
        <v>1643</v>
      </c>
      <c r="D345" s="6" t="s">
        <v>1644</v>
      </c>
      <c r="E345" s="22">
        <v>44676</v>
      </c>
      <c r="F345" s="22">
        <v>46501</v>
      </c>
      <c r="G345" s="6" t="s">
        <v>1664</v>
      </c>
      <c r="H345" s="6" t="s">
        <v>18</v>
      </c>
      <c r="I345" s="6" t="s">
        <v>19</v>
      </c>
      <c r="J345" s="6" t="s">
        <v>1665</v>
      </c>
      <c r="K345" s="9" t="s">
        <v>1666</v>
      </c>
      <c r="L345" s="10" t="s">
        <v>22</v>
      </c>
      <c r="M345" s="10" t="s">
        <v>22</v>
      </c>
      <c r="N345" s="10" t="s">
        <v>22</v>
      </c>
      <c r="O345" s="10" t="s">
        <v>22</v>
      </c>
      <c r="P345" s="10" t="s">
        <v>22</v>
      </c>
      <c r="Q345" s="10" t="s">
        <v>22</v>
      </c>
      <c r="U345" s="10" t="s">
        <v>22</v>
      </c>
      <c r="V345" s="10" t="s">
        <v>22</v>
      </c>
      <c r="W345" s="10" t="s">
        <v>22</v>
      </c>
      <c r="X345" s="10" t="s">
        <v>22</v>
      </c>
      <c r="Y345" s="10" t="s">
        <v>22</v>
      </c>
      <c r="Z345" s="10" t="s">
        <v>22</v>
      </c>
    </row>
    <row r="346" spans="1:26" ht="24" customHeight="1" x14ac:dyDescent="0.2">
      <c r="A346" s="9" t="s">
        <v>17626</v>
      </c>
      <c r="B346" s="9" t="s">
        <v>14</v>
      </c>
      <c r="C346" s="9" t="s">
        <v>1643</v>
      </c>
      <c r="D346" s="6" t="s">
        <v>1644</v>
      </c>
      <c r="E346" s="22">
        <v>44676</v>
      </c>
      <c r="F346" s="22">
        <v>46501</v>
      </c>
      <c r="G346" s="6" t="s">
        <v>1667</v>
      </c>
      <c r="H346" s="6" t="s">
        <v>18</v>
      </c>
      <c r="I346" s="6" t="s">
        <v>19</v>
      </c>
      <c r="J346" s="6" t="s">
        <v>1646</v>
      </c>
      <c r="K346" s="9" t="s">
        <v>1668</v>
      </c>
      <c r="L346" s="10" t="s">
        <v>22</v>
      </c>
      <c r="M346" s="10" t="s">
        <v>22</v>
      </c>
      <c r="N346" s="10" t="s">
        <v>22</v>
      </c>
      <c r="O346" s="10" t="s">
        <v>22</v>
      </c>
      <c r="P346" s="10" t="s">
        <v>22</v>
      </c>
      <c r="Q346" s="10" t="s">
        <v>22</v>
      </c>
      <c r="U346" s="10" t="s">
        <v>22</v>
      </c>
      <c r="V346" s="10" t="s">
        <v>22</v>
      </c>
      <c r="W346" s="10" t="s">
        <v>22</v>
      </c>
      <c r="X346" s="10" t="s">
        <v>22</v>
      </c>
      <c r="Y346" s="10" t="s">
        <v>22</v>
      </c>
      <c r="Z346" s="10" t="s">
        <v>22</v>
      </c>
    </row>
    <row r="347" spans="1:26" ht="24" customHeight="1" x14ac:dyDescent="0.2">
      <c r="A347" s="9" t="s">
        <v>17627</v>
      </c>
      <c r="B347" s="9" t="s">
        <v>14</v>
      </c>
      <c r="C347" s="9" t="s">
        <v>1643</v>
      </c>
      <c r="D347" s="6" t="s">
        <v>1644</v>
      </c>
      <c r="E347" s="22">
        <v>44676</v>
      </c>
      <c r="F347" s="22">
        <v>46501</v>
      </c>
      <c r="G347" s="6" t="s">
        <v>1669</v>
      </c>
      <c r="H347" s="6" t="s">
        <v>18</v>
      </c>
      <c r="I347" s="6" t="s">
        <v>19</v>
      </c>
      <c r="J347" s="6" t="s">
        <v>1670</v>
      </c>
      <c r="K347" s="9" t="s">
        <v>1671</v>
      </c>
      <c r="L347" s="10" t="s">
        <v>22</v>
      </c>
      <c r="M347" s="10" t="s">
        <v>22</v>
      </c>
      <c r="N347" s="10" t="s">
        <v>22</v>
      </c>
      <c r="O347" s="10" t="s">
        <v>22</v>
      </c>
      <c r="P347" s="10" t="s">
        <v>22</v>
      </c>
      <c r="Q347" s="10" t="s">
        <v>22</v>
      </c>
      <c r="U347" s="10" t="s">
        <v>22</v>
      </c>
      <c r="V347" s="10" t="s">
        <v>22</v>
      </c>
      <c r="W347" s="10" t="s">
        <v>22</v>
      </c>
      <c r="X347" s="10" t="s">
        <v>22</v>
      </c>
      <c r="Y347" s="10" t="s">
        <v>22</v>
      </c>
      <c r="Z347" s="10" t="s">
        <v>22</v>
      </c>
    </row>
    <row r="348" spans="1:26" ht="24" customHeight="1" x14ac:dyDescent="0.2">
      <c r="A348" s="9" t="s">
        <v>17628</v>
      </c>
      <c r="B348" s="9" t="s">
        <v>14</v>
      </c>
      <c r="C348" s="9" t="s">
        <v>1643</v>
      </c>
      <c r="D348" s="6" t="s">
        <v>1644</v>
      </c>
      <c r="E348" s="22">
        <v>44676</v>
      </c>
      <c r="F348" s="22">
        <v>46501</v>
      </c>
      <c r="G348" s="6" t="s">
        <v>1672</v>
      </c>
      <c r="H348" s="6" t="s">
        <v>18</v>
      </c>
      <c r="I348" s="6" t="s">
        <v>19</v>
      </c>
      <c r="J348" s="6" t="s">
        <v>1673</v>
      </c>
      <c r="K348" s="9" t="s">
        <v>1674</v>
      </c>
      <c r="L348" s="10" t="s">
        <v>22</v>
      </c>
      <c r="M348" s="10" t="s">
        <v>22</v>
      </c>
      <c r="N348" s="10" t="s">
        <v>22</v>
      </c>
      <c r="O348" s="10" t="s">
        <v>22</v>
      </c>
      <c r="P348" s="10" t="s">
        <v>22</v>
      </c>
      <c r="Q348" s="10" t="s">
        <v>22</v>
      </c>
      <c r="U348" s="10" t="s">
        <v>22</v>
      </c>
      <c r="V348" s="10" t="s">
        <v>22</v>
      </c>
      <c r="W348" s="10" t="s">
        <v>22</v>
      </c>
      <c r="X348" s="10" t="s">
        <v>22</v>
      </c>
      <c r="Y348" s="10" t="s">
        <v>22</v>
      </c>
      <c r="Z348" s="10" t="s">
        <v>22</v>
      </c>
    </row>
    <row r="349" spans="1:26" ht="24" customHeight="1" x14ac:dyDescent="0.2">
      <c r="A349" s="9" t="s">
        <v>17629</v>
      </c>
      <c r="B349" s="9" t="s">
        <v>14</v>
      </c>
      <c r="C349" s="9" t="s">
        <v>1643</v>
      </c>
      <c r="D349" s="6" t="s">
        <v>1644</v>
      </c>
      <c r="E349" s="22">
        <v>44676</v>
      </c>
      <c r="F349" s="22">
        <v>46501</v>
      </c>
      <c r="G349" s="6" t="s">
        <v>1675</v>
      </c>
      <c r="H349" s="6" t="s">
        <v>18</v>
      </c>
      <c r="I349" s="6" t="s">
        <v>84</v>
      </c>
      <c r="J349" s="6" t="s">
        <v>1676</v>
      </c>
      <c r="K349" s="9" t="s">
        <v>1677</v>
      </c>
      <c r="L349" s="10" t="s">
        <v>22</v>
      </c>
      <c r="M349" s="10" t="s">
        <v>22</v>
      </c>
      <c r="N349" s="10" t="s">
        <v>22</v>
      </c>
      <c r="O349" s="10" t="s">
        <v>22</v>
      </c>
      <c r="P349" s="10" t="s">
        <v>22</v>
      </c>
      <c r="Q349" s="10" t="s">
        <v>22</v>
      </c>
      <c r="U349" s="10" t="s">
        <v>22</v>
      </c>
      <c r="V349" s="10" t="s">
        <v>22</v>
      </c>
      <c r="W349" s="10" t="s">
        <v>22</v>
      </c>
      <c r="X349" s="10" t="s">
        <v>22</v>
      </c>
      <c r="Y349" s="10" t="s">
        <v>22</v>
      </c>
      <c r="Z349" s="10" t="s">
        <v>22</v>
      </c>
    </row>
    <row r="350" spans="1:26" ht="24" customHeight="1" x14ac:dyDescent="0.2">
      <c r="A350" s="9" t="s">
        <v>17630</v>
      </c>
      <c r="B350" s="9" t="s">
        <v>14</v>
      </c>
      <c r="C350" s="9" t="s">
        <v>1643</v>
      </c>
      <c r="D350" s="6" t="s">
        <v>1644</v>
      </c>
      <c r="E350" s="22">
        <v>44676</v>
      </c>
      <c r="F350" s="22">
        <v>46501</v>
      </c>
      <c r="G350" s="6" t="s">
        <v>1678</v>
      </c>
      <c r="H350" s="6" t="s">
        <v>18</v>
      </c>
      <c r="I350" s="6" t="s">
        <v>522</v>
      </c>
      <c r="J350" s="6" t="s">
        <v>1679</v>
      </c>
      <c r="K350" s="9" t="s">
        <v>1680</v>
      </c>
      <c r="L350" s="10" t="s">
        <v>22</v>
      </c>
      <c r="M350" s="10" t="s">
        <v>22</v>
      </c>
      <c r="N350" s="10" t="s">
        <v>22</v>
      </c>
      <c r="O350" s="10" t="s">
        <v>22</v>
      </c>
      <c r="P350" s="10" t="s">
        <v>22</v>
      </c>
      <c r="Q350" s="10" t="s">
        <v>22</v>
      </c>
      <c r="U350" s="10" t="s">
        <v>22</v>
      </c>
      <c r="V350" s="10" t="s">
        <v>22</v>
      </c>
      <c r="W350" s="10" t="s">
        <v>22</v>
      </c>
      <c r="X350" s="10" t="s">
        <v>22</v>
      </c>
      <c r="Y350" s="10" t="s">
        <v>22</v>
      </c>
      <c r="Z350" s="10" t="s">
        <v>22</v>
      </c>
    </row>
    <row r="351" spans="1:26" ht="24" customHeight="1" x14ac:dyDescent="0.2">
      <c r="A351" s="9" t="s">
        <v>17631</v>
      </c>
      <c r="B351" s="9" t="s">
        <v>14</v>
      </c>
      <c r="C351" s="9" t="s">
        <v>1643</v>
      </c>
      <c r="D351" s="6" t="s">
        <v>1644</v>
      </c>
      <c r="E351" s="22">
        <v>44676</v>
      </c>
      <c r="F351" s="22">
        <v>46501</v>
      </c>
      <c r="G351" s="6" t="s">
        <v>1681</v>
      </c>
      <c r="H351" s="6" t="s">
        <v>18</v>
      </c>
      <c r="I351" s="6" t="s">
        <v>67</v>
      </c>
      <c r="J351" s="6" t="s">
        <v>1682</v>
      </c>
      <c r="K351" s="9" t="s">
        <v>1683</v>
      </c>
      <c r="L351" s="10" t="s">
        <v>22</v>
      </c>
      <c r="M351" s="10" t="s">
        <v>22</v>
      </c>
      <c r="N351" s="10" t="s">
        <v>22</v>
      </c>
      <c r="O351" s="10" t="s">
        <v>22</v>
      </c>
      <c r="P351" s="10" t="s">
        <v>22</v>
      </c>
      <c r="Q351" s="10" t="s">
        <v>22</v>
      </c>
      <c r="U351" s="10" t="s">
        <v>22</v>
      </c>
      <c r="V351" s="10" t="s">
        <v>22</v>
      </c>
      <c r="W351" s="10" t="s">
        <v>22</v>
      </c>
      <c r="X351" s="10" t="s">
        <v>22</v>
      </c>
      <c r="Y351" s="10" t="s">
        <v>22</v>
      </c>
      <c r="Z351" s="10" t="s">
        <v>22</v>
      </c>
    </row>
    <row r="352" spans="1:26" ht="24" customHeight="1" x14ac:dyDescent="0.2">
      <c r="A352" s="9" t="s">
        <v>17632</v>
      </c>
      <c r="B352" s="9" t="s">
        <v>14</v>
      </c>
      <c r="C352" s="9" t="s">
        <v>1643</v>
      </c>
      <c r="D352" s="6" t="s">
        <v>1644</v>
      </c>
      <c r="E352" s="22">
        <v>44676</v>
      </c>
      <c r="F352" s="22">
        <v>46501</v>
      </c>
      <c r="G352" s="6" t="s">
        <v>1684</v>
      </c>
      <c r="H352" s="6" t="s">
        <v>18</v>
      </c>
      <c r="I352" s="6" t="s">
        <v>518</v>
      </c>
      <c r="J352" s="6" t="s">
        <v>1685</v>
      </c>
      <c r="K352" s="9" t="s">
        <v>1686</v>
      </c>
      <c r="L352" s="10" t="s">
        <v>22</v>
      </c>
      <c r="M352" s="10" t="s">
        <v>22</v>
      </c>
      <c r="N352" s="10" t="s">
        <v>22</v>
      </c>
      <c r="O352" s="10" t="s">
        <v>22</v>
      </c>
      <c r="P352" s="10" t="s">
        <v>22</v>
      </c>
      <c r="Q352" s="10" t="s">
        <v>22</v>
      </c>
      <c r="U352" s="10" t="s">
        <v>22</v>
      </c>
      <c r="V352" s="10" t="s">
        <v>22</v>
      </c>
      <c r="W352" s="10" t="s">
        <v>22</v>
      </c>
      <c r="X352" s="10" t="s">
        <v>22</v>
      </c>
      <c r="Y352" s="10" t="s">
        <v>22</v>
      </c>
      <c r="Z352" s="10" t="s">
        <v>22</v>
      </c>
    </row>
    <row r="353" spans="1:26" ht="24" customHeight="1" x14ac:dyDescent="0.2">
      <c r="A353" s="9" t="s">
        <v>17633</v>
      </c>
      <c r="B353" s="9" t="s">
        <v>14</v>
      </c>
      <c r="C353" s="9" t="s">
        <v>1643</v>
      </c>
      <c r="D353" s="6" t="s">
        <v>1644</v>
      </c>
      <c r="E353" s="22">
        <v>44676</v>
      </c>
      <c r="F353" s="22">
        <v>46501</v>
      </c>
      <c r="G353" s="6" t="s">
        <v>1687</v>
      </c>
      <c r="H353" s="6" t="s">
        <v>18</v>
      </c>
      <c r="I353" s="6" t="s">
        <v>1145</v>
      </c>
      <c r="J353" s="6" t="s">
        <v>1688</v>
      </c>
      <c r="K353" s="9" t="s">
        <v>1689</v>
      </c>
      <c r="L353" s="10" t="s">
        <v>22</v>
      </c>
      <c r="M353" s="10" t="s">
        <v>22</v>
      </c>
      <c r="N353" s="10" t="s">
        <v>22</v>
      </c>
      <c r="O353" s="10" t="s">
        <v>22</v>
      </c>
      <c r="P353" s="10" t="s">
        <v>22</v>
      </c>
      <c r="Q353" s="10" t="s">
        <v>22</v>
      </c>
      <c r="U353" s="10" t="s">
        <v>22</v>
      </c>
      <c r="V353" s="10" t="s">
        <v>22</v>
      </c>
      <c r="W353" s="10" t="s">
        <v>22</v>
      </c>
      <c r="X353" s="10" t="s">
        <v>22</v>
      </c>
      <c r="Y353" s="10" t="s">
        <v>22</v>
      </c>
      <c r="Z353" s="10" t="s">
        <v>22</v>
      </c>
    </row>
    <row r="354" spans="1:26" ht="24" customHeight="1" x14ac:dyDescent="0.2">
      <c r="A354" s="9" t="s">
        <v>17634</v>
      </c>
      <c r="B354" s="9" t="s">
        <v>14</v>
      </c>
      <c r="C354" s="9" t="s">
        <v>1643</v>
      </c>
      <c r="D354" s="6" t="s">
        <v>1644</v>
      </c>
      <c r="E354" s="22">
        <v>44676</v>
      </c>
      <c r="F354" s="22">
        <v>46501</v>
      </c>
      <c r="G354" s="6" t="s">
        <v>1690</v>
      </c>
      <c r="H354" s="6" t="s">
        <v>18</v>
      </c>
      <c r="I354" s="6" t="s">
        <v>1691</v>
      </c>
      <c r="J354" s="6" t="s">
        <v>20945</v>
      </c>
      <c r="K354" s="9" t="s">
        <v>1692</v>
      </c>
      <c r="L354" s="10" t="s">
        <v>22</v>
      </c>
      <c r="M354" s="10" t="s">
        <v>22</v>
      </c>
      <c r="N354" s="10" t="s">
        <v>22</v>
      </c>
      <c r="O354" s="10" t="s">
        <v>22</v>
      </c>
      <c r="P354" s="10" t="s">
        <v>22</v>
      </c>
      <c r="Q354" s="10" t="s">
        <v>22</v>
      </c>
      <c r="U354" s="10" t="s">
        <v>22</v>
      </c>
      <c r="V354" s="10" t="s">
        <v>22</v>
      </c>
      <c r="W354" s="10" t="s">
        <v>22</v>
      </c>
      <c r="X354" s="10" t="s">
        <v>22</v>
      </c>
      <c r="Y354" s="10" t="s">
        <v>22</v>
      </c>
      <c r="Z354" s="10" t="s">
        <v>22</v>
      </c>
    </row>
    <row r="355" spans="1:26" ht="24" customHeight="1" x14ac:dyDescent="0.2">
      <c r="A355" s="9" t="s">
        <v>17635</v>
      </c>
      <c r="B355" s="9" t="s">
        <v>14</v>
      </c>
      <c r="C355" s="9" t="s">
        <v>1643</v>
      </c>
      <c r="D355" s="6" t="s">
        <v>1644</v>
      </c>
      <c r="E355" s="22">
        <v>44676</v>
      </c>
      <c r="F355" s="22">
        <v>46501</v>
      </c>
      <c r="G355" s="6" t="s">
        <v>1693</v>
      </c>
      <c r="H355" s="6" t="s">
        <v>18</v>
      </c>
      <c r="I355" s="6" t="s">
        <v>392</v>
      </c>
      <c r="J355" s="6" t="s">
        <v>1694</v>
      </c>
      <c r="K355" s="9" t="s">
        <v>1695</v>
      </c>
      <c r="L355" s="10" t="s">
        <v>22</v>
      </c>
      <c r="M355" s="10" t="s">
        <v>22</v>
      </c>
      <c r="N355" s="10" t="s">
        <v>22</v>
      </c>
      <c r="O355" s="10" t="s">
        <v>22</v>
      </c>
      <c r="P355" s="10" t="s">
        <v>22</v>
      </c>
      <c r="Q355" s="10" t="s">
        <v>22</v>
      </c>
      <c r="U355" s="10" t="s">
        <v>22</v>
      </c>
      <c r="V355" s="10" t="s">
        <v>22</v>
      </c>
      <c r="W355" s="10" t="s">
        <v>22</v>
      </c>
      <c r="X355" s="10" t="s">
        <v>22</v>
      </c>
      <c r="Y355" s="10" t="s">
        <v>22</v>
      </c>
      <c r="Z355" s="10" t="s">
        <v>22</v>
      </c>
    </row>
    <row r="356" spans="1:26" ht="24" customHeight="1" x14ac:dyDescent="0.2">
      <c r="A356" s="9" t="s">
        <v>17636</v>
      </c>
      <c r="B356" s="9" t="s">
        <v>14</v>
      </c>
      <c r="C356" s="9" t="s">
        <v>1643</v>
      </c>
      <c r="D356" s="6" t="s">
        <v>1644</v>
      </c>
      <c r="E356" s="22">
        <v>44676</v>
      </c>
      <c r="F356" s="22">
        <v>46501</v>
      </c>
      <c r="G356" s="6" t="s">
        <v>1696</v>
      </c>
      <c r="H356" s="6" t="s">
        <v>18</v>
      </c>
      <c r="I356" s="6" t="s">
        <v>19</v>
      </c>
      <c r="J356" s="6" t="s">
        <v>1697</v>
      </c>
      <c r="K356" s="9" t="s">
        <v>1698</v>
      </c>
      <c r="L356" s="10" t="s">
        <v>22</v>
      </c>
      <c r="M356" s="10" t="s">
        <v>22</v>
      </c>
      <c r="N356" s="10" t="s">
        <v>22</v>
      </c>
      <c r="O356" s="10" t="s">
        <v>22</v>
      </c>
      <c r="P356" s="10" t="s">
        <v>22</v>
      </c>
      <c r="Q356" s="10" t="s">
        <v>22</v>
      </c>
      <c r="U356" s="10" t="s">
        <v>22</v>
      </c>
      <c r="V356" s="10" t="s">
        <v>22</v>
      </c>
      <c r="W356" s="10" t="s">
        <v>22</v>
      </c>
      <c r="X356" s="10" t="s">
        <v>22</v>
      </c>
      <c r="Y356" s="10" t="s">
        <v>22</v>
      </c>
      <c r="Z356" s="10" t="s">
        <v>22</v>
      </c>
    </row>
    <row r="357" spans="1:26" ht="24" customHeight="1" x14ac:dyDescent="0.2">
      <c r="A357" s="9" t="s">
        <v>17637</v>
      </c>
      <c r="B357" s="9" t="s">
        <v>14</v>
      </c>
      <c r="C357" s="9" t="s">
        <v>1699</v>
      </c>
      <c r="D357" s="6" t="s">
        <v>1700</v>
      </c>
      <c r="E357" s="22">
        <v>44677</v>
      </c>
      <c r="F357" s="22">
        <v>46502</v>
      </c>
      <c r="G357" s="6" t="s">
        <v>1701</v>
      </c>
      <c r="H357" s="6" t="s">
        <v>229</v>
      </c>
      <c r="I357" s="6" t="s">
        <v>324</v>
      </c>
      <c r="J357" s="6" t="s">
        <v>1702</v>
      </c>
      <c r="K357" s="9" t="s">
        <v>1703</v>
      </c>
      <c r="L357" s="10" t="s">
        <v>22</v>
      </c>
      <c r="M357" s="10" t="s">
        <v>22</v>
      </c>
      <c r="N357" s="10" t="s">
        <v>22</v>
      </c>
      <c r="O357" s="10" t="s">
        <v>22</v>
      </c>
      <c r="P357" s="10" t="s">
        <v>22</v>
      </c>
      <c r="Q357" s="10" t="s">
        <v>22</v>
      </c>
      <c r="R357" s="10" t="s">
        <v>22</v>
      </c>
      <c r="S357" s="10" t="s">
        <v>22</v>
      </c>
      <c r="T357" s="10" t="s">
        <v>22</v>
      </c>
      <c r="U357" s="10" t="s">
        <v>22</v>
      </c>
      <c r="V357" s="10" t="s">
        <v>22</v>
      </c>
      <c r="W357" s="10" t="s">
        <v>22</v>
      </c>
      <c r="X357" s="10" t="s">
        <v>22</v>
      </c>
      <c r="Y357" s="10" t="s">
        <v>22</v>
      </c>
      <c r="Z357" s="10" t="s">
        <v>22</v>
      </c>
    </row>
    <row r="358" spans="1:26" ht="24" customHeight="1" x14ac:dyDescent="0.2">
      <c r="A358" s="9" t="s">
        <v>17638</v>
      </c>
      <c r="B358" s="9" t="s">
        <v>14</v>
      </c>
      <c r="C358" s="9" t="s">
        <v>1704</v>
      </c>
      <c r="D358" s="6" t="s">
        <v>1705</v>
      </c>
      <c r="E358" s="22">
        <v>44677</v>
      </c>
      <c r="F358" s="22">
        <v>46502</v>
      </c>
      <c r="G358" s="6" t="s">
        <v>1706</v>
      </c>
      <c r="H358" s="6" t="s">
        <v>202</v>
      </c>
      <c r="I358" s="6" t="s">
        <v>1707</v>
      </c>
      <c r="J358" s="6" t="s">
        <v>1708</v>
      </c>
      <c r="L358" s="10" t="s">
        <v>22</v>
      </c>
      <c r="M358" s="10" t="s">
        <v>22</v>
      </c>
      <c r="N358" s="10" t="s">
        <v>22</v>
      </c>
      <c r="O358" s="10" t="s">
        <v>22</v>
      </c>
      <c r="P358" s="10" t="s">
        <v>22</v>
      </c>
      <c r="Q358" s="10" t="s">
        <v>22</v>
      </c>
      <c r="R358" s="10" t="s">
        <v>22</v>
      </c>
      <c r="S358" s="10" t="s">
        <v>22</v>
      </c>
      <c r="T358" s="10" t="s">
        <v>22</v>
      </c>
      <c r="U358" s="10" t="s">
        <v>22</v>
      </c>
      <c r="V358" s="10" t="s">
        <v>22</v>
      </c>
      <c r="W358" s="10" t="s">
        <v>22</v>
      </c>
      <c r="X358" s="10" t="s">
        <v>22</v>
      </c>
      <c r="Y358" s="10" t="s">
        <v>22</v>
      </c>
      <c r="Z358" s="10" t="s">
        <v>22</v>
      </c>
    </row>
    <row r="359" spans="1:26" ht="24" customHeight="1" x14ac:dyDescent="0.2">
      <c r="A359" s="9" t="s">
        <v>17639</v>
      </c>
      <c r="B359" s="9" t="s">
        <v>14</v>
      </c>
      <c r="C359" s="9" t="s">
        <v>1709</v>
      </c>
      <c r="D359" s="6" t="s">
        <v>1710</v>
      </c>
      <c r="E359" s="22">
        <v>44677</v>
      </c>
      <c r="F359" s="22">
        <v>46502</v>
      </c>
      <c r="G359" s="6" t="s">
        <v>1711</v>
      </c>
      <c r="H359" s="6" t="s">
        <v>62</v>
      </c>
      <c r="I359" s="6" t="s">
        <v>994</v>
      </c>
      <c r="J359" s="6" t="s">
        <v>1712</v>
      </c>
      <c r="K359" s="9" t="s">
        <v>1713</v>
      </c>
      <c r="L359" s="10" t="s">
        <v>22</v>
      </c>
      <c r="M359" s="10" t="s">
        <v>22</v>
      </c>
      <c r="N359" s="10" t="s">
        <v>22</v>
      </c>
      <c r="O359" s="10" t="s">
        <v>22</v>
      </c>
      <c r="P359" s="10" t="s">
        <v>22</v>
      </c>
      <c r="Q359" s="10" t="s">
        <v>22</v>
      </c>
      <c r="R359" s="10" t="s">
        <v>22</v>
      </c>
      <c r="S359" s="10" t="s">
        <v>22</v>
      </c>
      <c r="T359" s="10" t="s">
        <v>22</v>
      </c>
      <c r="U359" s="10" t="s">
        <v>22</v>
      </c>
      <c r="V359" s="10" t="s">
        <v>22</v>
      </c>
      <c r="W359" s="10" t="s">
        <v>22</v>
      </c>
      <c r="X359" s="10" t="s">
        <v>22</v>
      </c>
      <c r="Y359" s="10" t="s">
        <v>22</v>
      </c>
      <c r="Z359" s="10" t="s">
        <v>22</v>
      </c>
    </row>
    <row r="360" spans="1:26" ht="24" customHeight="1" x14ac:dyDescent="0.2">
      <c r="A360" s="9" t="s">
        <v>17640</v>
      </c>
      <c r="B360" s="9" t="s">
        <v>14</v>
      </c>
      <c r="C360" s="9" t="s">
        <v>1714</v>
      </c>
      <c r="D360" s="6" t="s">
        <v>1715</v>
      </c>
      <c r="E360" s="22">
        <v>44677</v>
      </c>
      <c r="F360" s="22">
        <v>46502</v>
      </c>
      <c r="G360" s="6" t="s">
        <v>1716</v>
      </c>
      <c r="H360" s="6" t="s">
        <v>62</v>
      </c>
      <c r="I360" s="6" t="s">
        <v>312</v>
      </c>
      <c r="J360" s="6" t="s">
        <v>1717</v>
      </c>
      <c r="K360" s="9" t="s">
        <v>1718</v>
      </c>
      <c r="L360" s="10" t="s">
        <v>22</v>
      </c>
      <c r="M360" s="10" t="s">
        <v>22</v>
      </c>
      <c r="N360" s="10" t="s">
        <v>22</v>
      </c>
      <c r="O360" s="10" t="s">
        <v>22</v>
      </c>
      <c r="P360" s="10" t="s">
        <v>22</v>
      </c>
      <c r="Q360" s="10" t="s">
        <v>22</v>
      </c>
      <c r="R360" s="10" t="s">
        <v>22</v>
      </c>
      <c r="S360" s="10" t="s">
        <v>22</v>
      </c>
      <c r="T360" s="10" t="s">
        <v>22</v>
      </c>
      <c r="U360" s="10" t="s">
        <v>22</v>
      </c>
      <c r="V360" s="10" t="s">
        <v>22</v>
      </c>
      <c r="W360" s="10" t="s">
        <v>22</v>
      </c>
    </row>
    <row r="361" spans="1:26" ht="24" customHeight="1" x14ac:dyDescent="0.2">
      <c r="A361" s="9" t="s">
        <v>17641</v>
      </c>
      <c r="B361" s="9" t="s">
        <v>14</v>
      </c>
      <c r="C361" s="9" t="s">
        <v>1719</v>
      </c>
      <c r="D361" s="6" t="s">
        <v>1720</v>
      </c>
      <c r="E361" s="22">
        <v>44682</v>
      </c>
      <c r="F361" s="22">
        <v>46507</v>
      </c>
      <c r="G361" s="6" t="s">
        <v>1721</v>
      </c>
      <c r="H361" s="6" t="s">
        <v>62</v>
      </c>
      <c r="I361" s="6" t="s">
        <v>414</v>
      </c>
      <c r="J361" s="6" t="s">
        <v>1722</v>
      </c>
      <c r="K361" s="9" t="s">
        <v>1723</v>
      </c>
      <c r="L361" s="10" t="s">
        <v>22</v>
      </c>
      <c r="M361" s="10" t="s">
        <v>22</v>
      </c>
      <c r="N361" s="10" t="s">
        <v>22</v>
      </c>
      <c r="O361" s="10" t="s">
        <v>22</v>
      </c>
      <c r="P361" s="10" t="s">
        <v>22</v>
      </c>
      <c r="Q361" s="10" t="s">
        <v>22</v>
      </c>
      <c r="R361" s="10" t="s">
        <v>22</v>
      </c>
      <c r="S361" s="10" t="s">
        <v>22</v>
      </c>
      <c r="T361" s="10" t="s">
        <v>22</v>
      </c>
      <c r="U361" s="10" t="s">
        <v>22</v>
      </c>
      <c r="V361" s="10" t="s">
        <v>22</v>
      </c>
      <c r="W361" s="10" t="s">
        <v>22</v>
      </c>
      <c r="X361" s="10" t="s">
        <v>22</v>
      </c>
      <c r="Y361" s="10" t="s">
        <v>22</v>
      </c>
      <c r="Z361" s="10" t="s">
        <v>22</v>
      </c>
    </row>
    <row r="362" spans="1:26" ht="24" customHeight="1" x14ac:dyDescent="0.2">
      <c r="A362" s="9" t="s">
        <v>17642</v>
      </c>
      <c r="B362" s="9" t="s">
        <v>14</v>
      </c>
      <c r="C362" s="9" t="s">
        <v>1724</v>
      </c>
      <c r="D362" s="6" t="s">
        <v>1725</v>
      </c>
      <c r="E362" s="22">
        <v>44682</v>
      </c>
      <c r="F362" s="22">
        <v>46507</v>
      </c>
      <c r="G362" s="6" t="s">
        <v>1726</v>
      </c>
      <c r="H362" s="6" t="s">
        <v>62</v>
      </c>
      <c r="I362" s="6" t="s">
        <v>306</v>
      </c>
      <c r="J362" s="6" t="s">
        <v>1727</v>
      </c>
      <c r="K362" s="9" t="s">
        <v>1728</v>
      </c>
      <c r="L362" s="10" t="s">
        <v>22</v>
      </c>
      <c r="M362" s="10" t="s">
        <v>22</v>
      </c>
      <c r="N362" s="10" t="s">
        <v>22</v>
      </c>
      <c r="O362" s="10" t="s">
        <v>22</v>
      </c>
      <c r="P362" s="10" t="s">
        <v>22</v>
      </c>
      <c r="Q362" s="10" t="s">
        <v>22</v>
      </c>
      <c r="R362" s="10" t="s">
        <v>22</v>
      </c>
      <c r="S362" s="10" t="s">
        <v>22</v>
      </c>
      <c r="T362" s="10" t="s">
        <v>22</v>
      </c>
      <c r="U362" s="10" t="s">
        <v>22</v>
      </c>
      <c r="V362" s="10" t="s">
        <v>22</v>
      </c>
      <c r="W362" s="10" t="s">
        <v>22</v>
      </c>
      <c r="X362" s="10" t="s">
        <v>22</v>
      </c>
      <c r="Y362" s="10" t="s">
        <v>22</v>
      </c>
      <c r="Z362" s="10" t="s">
        <v>22</v>
      </c>
    </row>
    <row r="363" spans="1:26" ht="24" customHeight="1" x14ac:dyDescent="0.2">
      <c r="A363" s="9" t="s">
        <v>17643</v>
      </c>
      <c r="B363" s="9" t="s">
        <v>14</v>
      </c>
      <c r="C363" s="9" t="s">
        <v>1729</v>
      </c>
      <c r="D363" s="6" t="s">
        <v>1730</v>
      </c>
      <c r="E363" s="22">
        <v>44682</v>
      </c>
      <c r="F363" s="22">
        <v>46507</v>
      </c>
      <c r="G363" s="6" t="s">
        <v>1731</v>
      </c>
      <c r="H363" s="6" t="s">
        <v>62</v>
      </c>
      <c r="I363" s="6" t="s">
        <v>73</v>
      </c>
      <c r="J363" s="6" t="s">
        <v>1732</v>
      </c>
      <c r="L363" s="10" t="s">
        <v>22</v>
      </c>
      <c r="M363" s="10" t="s">
        <v>22</v>
      </c>
      <c r="N363" s="10" t="s">
        <v>22</v>
      </c>
      <c r="O363" s="10" t="s">
        <v>22</v>
      </c>
      <c r="P363" s="10" t="s">
        <v>22</v>
      </c>
      <c r="Q363" s="10" t="s">
        <v>22</v>
      </c>
      <c r="U363" s="10" t="s">
        <v>22</v>
      </c>
      <c r="V363" s="10" t="s">
        <v>22</v>
      </c>
      <c r="W363" s="10" t="s">
        <v>22</v>
      </c>
      <c r="X363" s="10" t="s">
        <v>22</v>
      </c>
      <c r="Y363" s="10" t="s">
        <v>22</v>
      </c>
      <c r="Z363" s="10" t="s">
        <v>22</v>
      </c>
    </row>
    <row r="364" spans="1:26" ht="24" customHeight="1" x14ac:dyDescent="0.2">
      <c r="A364" s="9" t="s">
        <v>17644</v>
      </c>
      <c r="B364" s="9" t="s">
        <v>14</v>
      </c>
      <c r="C364" s="9" t="s">
        <v>1733</v>
      </c>
      <c r="D364" s="6" t="s">
        <v>1734</v>
      </c>
      <c r="E364" s="22">
        <v>44682</v>
      </c>
      <c r="F364" s="22">
        <v>46507</v>
      </c>
      <c r="G364" s="6" t="s">
        <v>1735</v>
      </c>
      <c r="H364" s="6" t="s">
        <v>62</v>
      </c>
      <c r="I364" s="6" t="s">
        <v>994</v>
      </c>
      <c r="J364" s="6" t="s">
        <v>1736</v>
      </c>
      <c r="K364" s="9" t="s">
        <v>1737</v>
      </c>
      <c r="L364" s="10" t="s">
        <v>22</v>
      </c>
      <c r="M364" s="10" t="s">
        <v>22</v>
      </c>
      <c r="N364" s="10" t="s">
        <v>22</v>
      </c>
      <c r="O364" s="10" t="s">
        <v>22</v>
      </c>
      <c r="P364" s="10" t="s">
        <v>22</v>
      </c>
      <c r="Q364" s="10" t="s">
        <v>22</v>
      </c>
      <c r="R364" s="10" t="s">
        <v>22</v>
      </c>
      <c r="S364" s="10" t="s">
        <v>22</v>
      </c>
      <c r="T364" s="10" t="s">
        <v>22</v>
      </c>
      <c r="U364" s="10" t="s">
        <v>22</v>
      </c>
      <c r="V364" s="10" t="s">
        <v>22</v>
      </c>
      <c r="W364" s="10" t="s">
        <v>22</v>
      </c>
      <c r="X364" s="10" t="s">
        <v>22</v>
      </c>
      <c r="Y364" s="10" t="s">
        <v>22</v>
      </c>
      <c r="Z364" s="10" t="s">
        <v>22</v>
      </c>
    </row>
    <row r="365" spans="1:26" ht="24" customHeight="1" x14ac:dyDescent="0.2">
      <c r="A365" s="9" t="s">
        <v>17645</v>
      </c>
      <c r="B365" s="9" t="s">
        <v>14</v>
      </c>
      <c r="C365" s="9" t="s">
        <v>1738</v>
      </c>
      <c r="D365" s="6" t="s">
        <v>1739</v>
      </c>
      <c r="E365" s="22">
        <v>44683</v>
      </c>
      <c r="F365" s="22">
        <v>46508</v>
      </c>
      <c r="G365" s="6" t="s">
        <v>1740</v>
      </c>
      <c r="H365" s="6" t="s">
        <v>18</v>
      </c>
      <c r="I365" s="6" t="s">
        <v>26</v>
      </c>
      <c r="J365" s="6" t="s">
        <v>1741</v>
      </c>
      <c r="K365" s="9" t="s">
        <v>1742</v>
      </c>
      <c r="L365" s="10" t="s">
        <v>22</v>
      </c>
      <c r="M365" s="10" t="s">
        <v>22</v>
      </c>
      <c r="N365" s="10" t="s">
        <v>22</v>
      </c>
      <c r="O365" s="10" t="s">
        <v>22</v>
      </c>
      <c r="P365" s="10" t="s">
        <v>22</v>
      </c>
      <c r="Q365" s="10" t="s">
        <v>22</v>
      </c>
      <c r="U365" s="10" t="s">
        <v>22</v>
      </c>
      <c r="V365" s="10" t="s">
        <v>22</v>
      </c>
      <c r="W365" s="10" t="s">
        <v>22</v>
      </c>
      <c r="X365" s="10" t="s">
        <v>22</v>
      </c>
      <c r="Y365" s="10" t="s">
        <v>22</v>
      </c>
      <c r="Z365" s="10" t="s">
        <v>22</v>
      </c>
    </row>
    <row r="366" spans="1:26" ht="24" customHeight="1" x14ac:dyDescent="0.2">
      <c r="A366" s="9" t="s">
        <v>17646</v>
      </c>
      <c r="B366" s="9" t="s">
        <v>14</v>
      </c>
      <c r="C366" s="9" t="s">
        <v>1743</v>
      </c>
      <c r="D366" s="6" t="s">
        <v>1744</v>
      </c>
      <c r="E366" s="22">
        <v>44683</v>
      </c>
      <c r="F366" s="22">
        <v>46508</v>
      </c>
      <c r="G366" s="6" t="s">
        <v>1745</v>
      </c>
      <c r="H366" s="6" t="s">
        <v>62</v>
      </c>
      <c r="I366" s="6" t="s">
        <v>236</v>
      </c>
      <c r="J366" s="6" t="s">
        <v>1746</v>
      </c>
      <c r="K366" s="9" t="s">
        <v>1747</v>
      </c>
      <c r="L366" s="10" t="s">
        <v>22</v>
      </c>
      <c r="M366" s="10" t="s">
        <v>22</v>
      </c>
      <c r="N366" s="10" t="s">
        <v>22</v>
      </c>
      <c r="O366" s="10" t="s">
        <v>22</v>
      </c>
      <c r="P366" s="10" t="s">
        <v>22</v>
      </c>
      <c r="Q366" s="10" t="s">
        <v>22</v>
      </c>
      <c r="R366" s="10" t="s">
        <v>22</v>
      </c>
      <c r="S366" s="10" t="s">
        <v>22</v>
      </c>
      <c r="T366" s="10" t="s">
        <v>22</v>
      </c>
      <c r="U366" s="10" t="s">
        <v>22</v>
      </c>
      <c r="V366" s="10" t="s">
        <v>22</v>
      </c>
      <c r="W366" s="10" t="s">
        <v>22</v>
      </c>
      <c r="X366" s="10" t="s">
        <v>22</v>
      </c>
      <c r="Y366" s="10" t="s">
        <v>22</v>
      </c>
      <c r="Z366" s="10" t="s">
        <v>22</v>
      </c>
    </row>
    <row r="367" spans="1:26" ht="24" customHeight="1" x14ac:dyDescent="0.2">
      <c r="A367" s="9" t="s">
        <v>17647</v>
      </c>
      <c r="B367" s="9" t="s">
        <v>14</v>
      </c>
      <c r="C367" s="9" t="s">
        <v>1748</v>
      </c>
      <c r="D367" s="6" t="s">
        <v>1749</v>
      </c>
      <c r="E367" s="22">
        <v>44689</v>
      </c>
      <c r="F367" s="22">
        <v>46514</v>
      </c>
      <c r="G367" s="6" t="s">
        <v>1750</v>
      </c>
      <c r="H367" s="6" t="s">
        <v>62</v>
      </c>
      <c r="I367" s="6" t="s">
        <v>477</v>
      </c>
      <c r="J367" s="6" t="s">
        <v>1751</v>
      </c>
      <c r="K367" s="9" t="s">
        <v>1752</v>
      </c>
      <c r="L367" s="10" t="s">
        <v>22</v>
      </c>
      <c r="M367" s="10" t="s">
        <v>22</v>
      </c>
      <c r="N367" s="10" t="s">
        <v>22</v>
      </c>
      <c r="O367" s="10" t="s">
        <v>22</v>
      </c>
      <c r="P367" s="10" t="s">
        <v>22</v>
      </c>
      <c r="Q367" s="10" t="s">
        <v>22</v>
      </c>
      <c r="R367" s="10" t="s">
        <v>22</v>
      </c>
      <c r="S367" s="10" t="s">
        <v>22</v>
      </c>
      <c r="T367" s="10" t="s">
        <v>22</v>
      </c>
      <c r="U367" s="10" t="s">
        <v>22</v>
      </c>
      <c r="V367" s="10" t="s">
        <v>22</v>
      </c>
      <c r="W367" s="10" t="s">
        <v>22</v>
      </c>
      <c r="X367" s="10" t="s">
        <v>22</v>
      </c>
      <c r="Y367" s="10" t="s">
        <v>22</v>
      </c>
      <c r="Z367" s="10" t="s">
        <v>22</v>
      </c>
    </row>
    <row r="368" spans="1:26" ht="24" customHeight="1" x14ac:dyDescent="0.2">
      <c r="A368" s="9" t="s">
        <v>17648</v>
      </c>
      <c r="B368" s="9" t="s">
        <v>14</v>
      </c>
      <c r="C368" s="9" t="s">
        <v>1748</v>
      </c>
      <c r="D368" s="6" t="s">
        <v>1749</v>
      </c>
      <c r="E368" s="22">
        <v>44689</v>
      </c>
      <c r="F368" s="22">
        <v>46514</v>
      </c>
      <c r="G368" s="6" t="s">
        <v>1753</v>
      </c>
      <c r="H368" s="6" t="s">
        <v>18</v>
      </c>
      <c r="I368" s="6" t="s">
        <v>1691</v>
      </c>
      <c r="J368" s="6" t="s">
        <v>1754</v>
      </c>
      <c r="K368" s="9" t="s">
        <v>1755</v>
      </c>
      <c r="L368" s="10" t="s">
        <v>22</v>
      </c>
      <c r="M368" s="10" t="s">
        <v>22</v>
      </c>
      <c r="N368" s="10" t="s">
        <v>22</v>
      </c>
      <c r="O368" s="10" t="s">
        <v>22</v>
      </c>
      <c r="P368" s="10" t="s">
        <v>22</v>
      </c>
      <c r="Q368" s="10" t="s">
        <v>22</v>
      </c>
      <c r="R368" s="10" t="s">
        <v>22</v>
      </c>
      <c r="S368" s="10" t="s">
        <v>22</v>
      </c>
      <c r="T368" s="10" t="s">
        <v>22</v>
      </c>
      <c r="U368" s="10" t="s">
        <v>22</v>
      </c>
      <c r="V368" s="10" t="s">
        <v>22</v>
      </c>
      <c r="W368" s="10" t="s">
        <v>22</v>
      </c>
      <c r="X368" s="10" t="s">
        <v>22</v>
      </c>
      <c r="Y368" s="10" t="s">
        <v>22</v>
      </c>
      <c r="Z368" s="10" t="s">
        <v>22</v>
      </c>
    </row>
    <row r="369" spans="1:26" ht="24" customHeight="1" x14ac:dyDescent="0.2">
      <c r="A369" s="9" t="s">
        <v>17649</v>
      </c>
      <c r="B369" s="9" t="s">
        <v>14</v>
      </c>
      <c r="C369" s="9" t="s">
        <v>1748</v>
      </c>
      <c r="D369" s="6" t="s">
        <v>1749</v>
      </c>
      <c r="E369" s="22">
        <v>44689</v>
      </c>
      <c r="F369" s="22">
        <v>46514</v>
      </c>
      <c r="G369" s="6" t="s">
        <v>1756</v>
      </c>
      <c r="H369" s="6" t="s">
        <v>18</v>
      </c>
      <c r="I369" s="6" t="s">
        <v>1145</v>
      </c>
      <c r="J369" s="6" t="s">
        <v>1757</v>
      </c>
      <c r="K369" s="9" t="s">
        <v>1758</v>
      </c>
      <c r="L369" s="10" t="s">
        <v>22</v>
      </c>
      <c r="M369" s="10" t="s">
        <v>22</v>
      </c>
      <c r="N369" s="10" t="s">
        <v>22</v>
      </c>
      <c r="O369" s="10" t="s">
        <v>22</v>
      </c>
      <c r="P369" s="10" t="s">
        <v>22</v>
      </c>
      <c r="Q369" s="10" t="s">
        <v>22</v>
      </c>
      <c r="R369" s="10" t="s">
        <v>22</v>
      </c>
      <c r="S369" s="10" t="s">
        <v>22</v>
      </c>
      <c r="T369" s="10" t="s">
        <v>22</v>
      </c>
      <c r="U369" s="10" t="s">
        <v>22</v>
      </c>
      <c r="V369" s="10" t="s">
        <v>22</v>
      </c>
      <c r="W369" s="10" t="s">
        <v>22</v>
      </c>
      <c r="X369" s="10" t="s">
        <v>22</v>
      </c>
      <c r="Y369" s="10" t="s">
        <v>22</v>
      </c>
      <c r="Z369" s="10" t="s">
        <v>22</v>
      </c>
    </row>
    <row r="370" spans="1:26" ht="24" customHeight="1" x14ac:dyDescent="0.2">
      <c r="A370" s="9" t="s">
        <v>17650</v>
      </c>
      <c r="B370" s="9" t="s">
        <v>14</v>
      </c>
      <c r="C370" s="9" t="s">
        <v>1748</v>
      </c>
      <c r="D370" s="6" t="s">
        <v>1749</v>
      </c>
      <c r="E370" s="22">
        <v>44689</v>
      </c>
      <c r="F370" s="22">
        <v>46514</v>
      </c>
      <c r="G370" s="6" t="s">
        <v>1759</v>
      </c>
      <c r="H370" s="6" t="s">
        <v>18</v>
      </c>
      <c r="I370" s="6" t="s">
        <v>19</v>
      </c>
      <c r="J370" s="6" t="s">
        <v>1760</v>
      </c>
      <c r="K370" s="9" t="s">
        <v>1761</v>
      </c>
      <c r="L370" s="10" t="s">
        <v>22</v>
      </c>
      <c r="M370" s="10" t="s">
        <v>22</v>
      </c>
      <c r="N370" s="10" t="s">
        <v>22</v>
      </c>
      <c r="O370" s="10" t="s">
        <v>22</v>
      </c>
      <c r="P370" s="10" t="s">
        <v>22</v>
      </c>
      <c r="Q370" s="10" t="s">
        <v>22</v>
      </c>
      <c r="R370" s="10" t="s">
        <v>22</v>
      </c>
      <c r="S370" s="10" t="s">
        <v>22</v>
      </c>
      <c r="T370" s="10" t="s">
        <v>22</v>
      </c>
      <c r="U370" s="10" t="s">
        <v>22</v>
      </c>
      <c r="V370" s="10" t="s">
        <v>22</v>
      </c>
      <c r="W370" s="10" t="s">
        <v>22</v>
      </c>
      <c r="X370" s="10" t="s">
        <v>22</v>
      </c>
      <c r="Y370" s="10" t="s">
        <v>22</v>
      </c>
      <c r="Z370" s="10" t="s">
        <v>22</v>
      </c>
    </row>
    <row r="371" spans="1:26" ht="24" customHeight="1" x14ac:dyDescent="0.2">
      <c r="A371" s="9" t="s">
        <v>17651</v>
      </c>
      <c r="B371" s="9" t="s">
        <v>14</v>
      </c>
      <c r="C371" s="9" t="s">
        <v>1748</v>
      </c>
      <c r="D371" s="6" t="s">
        <v>1749</v>
      </c>
      <c r="E371" s="22">
        <v>44689</v>
      </c>
      <c r="F371" s="22">
        <v>46514</v>
      </c>
      <c r="G371" s="6" t="s">
        <v>1762</v>
      </c>
      <c r="H371" s="6" t="s">
        <v>363</v>
      </c>
      <c r="I371" s="6" t="s">
        <v>646</v>
      </c>
      <c r="J371" s="6" t="s">
        <v>1763</v>
      </c>
      <c r="K371" s="9" t="s">
        <v>1764</v>
      </c>
      <c r="L371" s="10" t="s">
        <v>22</v>
      </c>
      <c r="M371" s="10" t="s">
        <v>22</v>
      </c>
      <c r="N371" s="10" t="s">
        <v>22</v>
      </c>
      <c r="O371" s="10" t="s">
        <v>22</v>
      </c>
      <c r="P371" s="10" t="s">
        <v>22</v>
      </c>
      <c r="Q371" s="10" t="s">
        <v>22</v>
      </c>
      <c r="R371" s="10" t="s">
        <v>22</v>
      </c>
      <c r="S371" s="10" t="s">
        <v>22</v>
      </c>
      <c r="T371" s="10" t="s">
        <v>22</v>
      </c>
      <c r="U371" s="10" t="s">
        <v>22</v>
      </c>
      <c r="V371" s="10" t="s">
        <v>22</v>
      </c>
      <c r="W371" s="10" t="s">
        <v>22</v>
      </c>
      <c r="X371" s="10" t="s">
        <v>22</v>
      </c>
      <c r="Y371" s="10" t="s">
        <v>22</v>
      </c>
      <c r="Z371" s="10" t="s">
        <v>22</v>
      </c>
    </row>
    <row r="372" spans="1:26" ht="24" customHeight="1" x14ac:dyDescent="0.2">
      <c r="A372" s="9" t="s">
        <v>17652</v>
      </c>
      <c r="B372" s="9" t="s">
        <v>14</v>
      </c>
      <c r="C372" s="9" t="s">
        <v>1748</v>
      </c>
      <c r="D372" s="6" t="s">
        <v>1749</v>
      </c>
      <c r="E372" s="22">
        <v>44689</v>
      </c>
      <c r="F372" s="22">
        <v>46514</v>
      </c>
      <c r="G372" s="6" t="s">
        <v>1765</v>
      </c>
      <c r="H372" s="6" t="s">
        <v>18</v>
      </c>
      <c r="I372" s="6" t="s">
        <v>26</v>
      </c>
      <c r="J372" s="6" t="s">
        <v>1766</v>
      </c>
      <c r="K372" s="9" t="s">
        <v>1767</v>
      </c>
      <c r="L372" s="10" t="s">
        <v>22</v>
      </c>
      <c r="M372" s="10" t="s">
        <v>22</v>
      </c>
      <c r="N372" s="10" t="s">
        <v>22</v>
      </c>
      <c r="O372" s="10" t="s">
        <v>22</v>
      </c>
      <c r="P372" s="10" t="s">
        <v>22</v>
      </c>
      <c r="Q372" s="10" t="s">
        <v>22</v>
      </c>
      <c r="R372" s="10" t="s">
        <v>22</v>
      </c>
      <c r="S372" s="10" t="s">
        <v>22</v>
      </c>
      <c r="T372" s="10" t="s">
        <v>22</v>
      </c>
      <c r="U372" s="10" t="s">
        <v>22</v>
      </c>
      <c r="V372" s="10" t="s">
        <v>22</v>
      </c>
      <c r="W372" s="10" t="s">
        <v>22</v>
      </c>
      <c r="X372" s="10" t="s">
        <v>22</v>
      </c>
      <c r="Y372" s="10" t="s">
        <v>22</v>
      </c>
      <c r="Z372" s="10" t="s">
        <v>22</v>
      </c>
    </row>
    <row r="373" spans="1:26" ht="24" customHeight="1" x14ac:dyDescent="0.2">
      <c r="A373" s="9" t="s">
        <v>17653</v>
      </c>
      <c r="B373" s="9" t="s">
        <v>14</v>
      </c>
      <c r="C373" s="9" t="s">
        <v>1748</v>
      </c>
      <c r="D373" s="6" t="s">
        <v>1749</v>
      </c>
      <c r="E373" s="22">
        <v>44689</v>
      </c>
      <c r="F373" s="22">
        <v>46514</v>
      </c>
      <c r="G373" s="6" t="s">
        <v>1768</v>
      </c>
      <c r="H373" s="6" t="s">
        <v>18</v>
      </c>
      <c r="I373" s="6" t="s">
        <v>1769</v>
      </c>
      <c r="J373" s="6" t="s">
        <v>1770</v>
      </c>
      <c r="K373" s="9" t="s">
        <v>1771</v>
      </c>
      <c r="L373" s="10" t="s">
        <v>22</v>
      </c>
      <c r="M373" s="10" t="s">
        <v>22</v>
      </c>
      <c r="N373" s="10" t="s">
        <v>22</v>
      </c>
      <c r="O373" s="10" t="s">
        <v>22</v>
      </c>
      <c r="P373" s="10" t="s">
        <v>22</v>
      </c>
      <c r="Q373" s="10" t="s">
        <v>22</v>
      </c>
      <c r="R373" s="10" t="s">
        <v>22</v>
      </c>
      <c r="S373" s="10" t="s">
        <v>22</v>
      </c>
      <c r="T373" s="10" t="s">
        <v>22</v>
      </c>
      <c r="U373" s="10" t="s">
        <v>22</v>
      </c>
      <c r="V373" s="10" t="s">
        <v>22</v>
      </c>
      <c r="W373" s="10" t="s">
        <v>22</v>
      </c>
      <c r="X373" s="10" t="s">
        <v>22</v>
      </c>
      <c r="Y373" s="10" t="s">
        <v>22</v>
      </c>
      <c r="Z373" s="10" t="s">
        <v>22</v>
      </c>
    </row>
    <row r="374" spans="1:26" ht="24" customHeight="1" x14ac:dyDescent="0.2">
      <c r="A374" s="9" t="s">
        <v>17654</v>
      </c>
      <c r="B374" s="9" t="s">
        <v>14</v>
      </c>
      <c r="C374" s="9" t="s">
        <v>1748</v>
      </c>
      <c r="D374" s="6" t="s">
        <v>1749</v>
      </c>
      <c r="E374" s="22">
        <v>44689</v>
      </c>
      <c r="F374" s="22">
        <v>46514</v>
      </c>
      <c r="G374" s="6" t="s">
        <v>1772</v>
      </c>
      <c r="H374" s="6" t="s">
        <v>18</v>
      </c>
      <c r="I374" s="6" t="s">
        <v>84</v>
      </c>
      <c r="J374" s="6" t="s">
        <v>1773</v>
      </c>
      <c r="K374" s="9" t="s">
        <v>1774</v>
      </c>
      <c r="L374" s="10" t="s">
        <v>22</v>
      </c>
      <c r="M374" s="10" t="s">
        <v>22</v>
      </c>
      <c r="N374" s="10" t="s">
        <v>22</v>
      </c>
      <c r="O374" s="10" t="s">
        <v>22</v>
      </c>
      <c r="P374" s="10" t="s">
        <v>22</v>
      </c>
      <c r="Q374" s="10" t="s">
        <v>22</v>
      </c>
      <c r="R374" s="10" t="s">
        <v>22</v>
      </c>
      <c r="S374" s="10" t="s">
        <v>22</v>
      </c>
      <c r="T374" s="10" t="s">
        <v>22</v>
      </c>
      <c r="U374" s="10" t="s">
        <v>22</v>
      </c>
      <c r="V374" s="10" t="s">
        <v>22</v>
      </c>
      <c r="W374" s="10" t="s">
        <v>22</v>
      </c>
      <c r="X374" s="10" t="s">
        <v>22</v>
      </c>
      <c r="Y374" s="10" t="s">
        <v>22</v>
      </c>
      <c r="Z374" s="10" t="s">
        <v>22</v>
      </c>
    </row>
    <row r="375" spans="1:26" ht="24" customHeight="1" x14ac:dyDescent="0.2">
      <c r="A375" s="9" t="s">
        <v>17655</v>
      </c>
      <c r="B375" s="9" t="s">
        <v>14</v>
      </c>
      <c r="C375" s="9" t="s">
        <v>1775</v>
      </c>
      <c r="D375" s="6" t="s">
        <v>1776</v>
      </c>
      <c r="E375" s="22">
        <v>44691</v>
      </c>
      <c r="F375" s="22">
        <v>46516</v>
      </c>
      <c r="G375" s="6" t="s">
        <v>1777</v>
      </c>
      <c r="H375" s="6" t="s">
        <v>202</v>
      </c>
      <c r="I375" s="6" t="s">
        <v>336</v>
      </c>
      <c r="J375" s="6" t="s">
        <v>1778</v>
      </c>
      <c r="K375" s="9" t="s">
        <v>1779</v>
      </c>
      <c r="L375" s="10" t="s">
        <v>22</v>
      </c>
      <c r="M375" s="10" t="s">
        <v>22</v>
      </c>
      <c r="N375" s="10" t="s">
        <v>22</v>
      </c>
      <c r="O375" s="10" t="s">
        <v>22</v>
      </c>
      <c r="P375" s="10" t="s">
        <v>22</v>
      </c>
      <c r="Q375" s="10" t="s">
        <v>22</v>
      </c>
      <c r="R375" s="10" t="s">
        <v>22</v>
      </c>
      <c r="S375" s="10" t="s">
        <v>22</v>
      </c>
      <c r="T375" s="10" t="s">
        <v>22</v>
      </c>
    </row>
    <row r="376" spans="1:26" ht="24" customHeight="1" x14ac:dyDescent="0.2">
      <c r="A376" s="9" t="s">
        <v>17656</v>
      </c>
      <c r="B376" s="9" t="s">
        <v>14</v>
      </c>
      <c r="C376" s="9" t="s">
        <v>1780</v>
      </c>
      <c r="D376" s="6" t="s">
        <v>1781</v>
      </c>
      <c r="E376" s="22">
        <v>44691</v>
      </c>
      <c r="F376" s="22">
        <v>46516</v>
      </c>
      <c r="G376" s="6" t="s">
        <v>1782</v>
      </c>
      <c r="H376" s="6" t="s">
        <v>62</v>
      </c>
      <c r="I376" s="6" t="s">
        <v>252</v>
      </c>
      <c r="J376" s="6" t="s">
        <v>1783</v>
      </c>
      <c r="K376" s="9" t="s">
        <v>1784</v>
      </c>
      <c r="L376" s="10" t="s">
        <v>22</v>
      </c>
      <c r="M376" s="10" t="s">
        <v>22</v>
      </c>
      <c r="N376" s="10" t="s">
        <v>22</v>
      </c>
      <c r="O376" s="10" t="s">
        <v>22</v>
      </c>
      <c r="P376" s="10" t="s">
        <v>22</v>
      </c>
      <c r="Q376" s="10" t="s">
        <v>22</v>
      </c>
      <c r="R376" s="10" t="s">
        <v>22</v>
      </c>
      <c r="S376" s="10" t="s">
        <v>22</v>
      </c>
      <c r="T376" s="10" t="s">
        <v>22</v>
      </c>
      <c r="U376" s="10" t="s">
        <v>22</v>
      </c>
      <c r="V376" s="10" t="s">
        <v>22</v>
      </c>
      <c r="W376" s="10" t="s">
        <v>22</v>
      </c>
      <c r="X376" s="10" t="s">
        <v>22</v>
      </c>
      <c r="Y376" s="10" t="s">
        <v>22</v>
      </c>
      <c r="Z376" s="10" t="s">
        <v>22</v>
      </c>
    </row>
    <row r="377" spans="1:26" ht="34" customHeight="1" x14ac:dyDescent="0.2">
      <c r="A377" s="9" t="s">
        <v>17657</v>
      </c>
      <c r="B377" s="9" t="s">
        <v>14</v>
      </c>
      <c r="C377" s="9" t="s">
        <v>1780</v>
      </c>
      <c r="D377" s="6" t="s">
        <v>1781</v>
      </c>
      <c r="E377" s="22">
        <v>44691</v>
      </c>
      <c r="F377" s="22">
        <v>46516</v>
      </c>
      <c r="G377" s="6" t="s">
        <v>1785</v>
      </c>
      <c r="H377" s="6" t="s">
        <v>18</v>
      </c>
      <c r="I377" s="6" t="s">
        <v>392</v>
      </c>
      <c r="J377" s="6" t="s">
        <v>1786</v>
      </c>
      <c r="K377" s="9" t="s">
        <v>1787</v>
      </c>
      <c r="L377" s="10" t="s">
        <v>22</v>
      </c>
      <c r="M377" s="10" t="s">
        <v>22</v>
      </c>
      <c r="N377" s="10" t="s">
        <v>22</v>
      </c>
      <c r="O377" s="10" t="s">
        <v>22</v>
      </c>
      <c r="P377" s="10" t="s">
        <v>22</v>
      </c>
      <c r="Q377" s="10" t="s">
        <v>22</v>
      </c>
      <c r="R377" s="10" t="s">
        <v>22</v>
      </c>
      <c r="S377" s="10" t="s">
        <v>22</v>
      </c>
      <c r="T377" s="10" t="s">
        <v>22</v>
      </c>
      <c r="U377" s="10" t="s">
        <v>22</v>
      </c>
      <c r="V377" s="10" t="s">
        <v>22</v>
      </c>
      <c r="W377" s="10" t="s">
        <v>22</v>
      </c>
      <c r="X377" s="10" t="s">
        <v>22</v>
      </c>
      <c r="Y377" s="10" t="s">
        <v>22</v>
      </c>
      <c r="Z377" s="10" t="s">
        <v>22</v>
      </c>
    </row>
    <row r="378" spans="1:26" ht="34" customHeight="1" x14ac:dyDescent="0.2">
      <c r="A378" s="9" t="s">
        <v>17658</v>
      </c>
      <c r="B378" s="9" t="s">
        <v>14</v>
      </c>
      <c r="C378" s="9" t="s">
        <v>1788</v>
      </c>
      <c r="D378" s="6" t="s">
        <v>1789</v>
      </c>
      <c r="E378" s="22">
        <v>44691</v>
      </c>
      <c r="F378" s="22">
        <v>46516</v>
      </c>
      <c r="G378" s="6" t="s">
        <v>1790</v>
      </c>
      <c r="H378" s="6" t="s">
        <v>62</v>
      </c>
      <c r="I378" s="6" t="s">
        <v>279</v>
      </c>
      <c r="J378" s="6" t="s">
        <v>1791</v>
      </c>
      <c r="K378" s="9" t="s">
        <v>1792</v>
      </c>
      <c r="L378" s="10" t="s">
        <v>22</v>
      </c>
      <c r="M378" s="10" t="s">
        <v>22</v>
      </c>
      <c r="N378" s="10" t="s">
        <v>22</v>
      </c>
      <c r="O378" s="10" t="s">
        <v>22</v>
      </c>
      <c r="P378" s="10" t="s">
        <v>22</v>
      </c>
      <c r="Q378" s="10" t="s">
        <v>22</v>
      </c>
      <c r="R378" s="10" t="s">
        <v>22</v>
      </c>
      <c r="S378" s="10" t="s">
        <v>22</v>
      </c>
      <c r="T378" s="10" t="s">
        <v>22</v>
      </c>
      <c r="U378" s="10" t="s">
        <v>22</v>
      </c>
      <c r="V378" s="10" t="s">
        <v>22</v>
      </c>
      <c r="W378" s="10" t="s">
        <v>22</v>
      </c>
      <c r="X378" s="10" t="s">
        <v>22</v>
      </c>
      <c r="Y378" s="10" t="s">
        <v>22</v>
      </c>
      <c r="Z378" s="10" t="s">
        <v>22</v>
      </c>
    </row>
    <row r="379" spans="1:26" ht="24" customHeight="1" x14ac:dyDescent="0.2">
      <c r="A379" s="9" t="s">
        <v>17659</v>
      </c>
      <c r="B379" s="9" t="s">
        <v>14</v>
      </c>
      <c r="C379" s="9" t="s">
        <v>1793</v>
      </c>
      <c r="D379" s="6" t="s">
        <v>1794</v>
      </c>
      <c r="E379" s="22">
        <v>44691</v>
      </c>
      <c r="F379" s="22">
        <v>46516</v>
      </c>
      <c r="G379" s="6" t="s">
        <v>1795</v>
      </c>
      <c r="H379" s="6" t="s">
        <v>62</v>
      </c>
      <c r="I379" s="6" t="s">
        <v>279</v>
      </c>
      <c r="J379" s="6" t="s">
        <v>1796</v>
      </c>
      <c r="K379" s="9" t="s">
        <v>1797</v>
      </c>
      <c r="L379" s="10" t="s">
        <v>22</v>
      </c>
      <c r="M379" s="10" t="s">
        <v>22</v>
      </c>
      <c r="N379" s="10" t="s">
        <v>22</v>
      </c>
      <c r="O379" s="10" t="s">
        <v>22</v>
      </c>
      <c r="P379" s="10" t="s">
        <v>22</v>
      </c>
      <c r="Q379" s="10" t="s">
        <v>22</v>
      </c>
      <c r="U379" s="10" t="s">
        <v>22</v>
      </c>
      <c r="V379" s="10" t="s">
        <v>22</v>
      </c>
      <c r="W379" s="10" t="s">
        <v>22</v>
      </c>
      <c r="X379" s="10" t="s">
        <v>22</v>
      </c>
      <c r="Y379" s="10" t="s">
        <v>22</v>
      </c>
      <c r="Z379" s="10" t="s">
        <v>22</v>
      </c>
    </row>
    <row r="380" spans="1:26" ht="24" customHeight="1" x14ac:dyDescent="0.2">
      <c r="A380" s="9" t="s">
        <v>17660</v>
      </c>
      <c r="B380" s="9" t="s">
        <v>14</v>
      </c>
      <c r="C380" s="9" t="s">
        <v>1798</v>
      </c>
      <c r="D380" s="6" t="s">
        <v>1799</v>
      </c>
      <c r="E380" s="22">
        <v>44691</v>
      </c>
      <c r="F380" s="22">
        <v>46516</v>
      </c>
      <c r="G380" s="6" t="s">
        <v>1800</v>
      </c>
      <c r="H380" s="6" t="s">
        <v>62</v>
      </c>
      <c r="I380" s="6" t="s">
        <v>842</v>
      </c>
      <c r="J380" s="6" t="s">
        <v>1801</v>
      </c>
      <c r="K380" s="9" t="s">
        <v>1802</v>
      </c>
      <c r="L380" s="10" t="s">
        <v>22</v>
      </c>
      <c r="M380" s="10" t="s">
        <v>22</v>
      </c>
      <c r="N380" s="10" t="s">
        <v>22</v>
      </c>
      <c r="O380" s="10" t="s">
        <v>22</v>
      </c>
      <c r="P380" s="10" t="s">
        <v>22</v>
      </c>
      <c r="Q380" s="10" t="s">
        <v>22</v>
      </c>
      <c r="R380" s="10" t="s">
        <v>22</v>
      </c>
      <c r="S380" s="10" t="s">
        <v>22</v>
      </c>
      <c r="T380" s="10" t="s">
        <v>22</v>
      </c>
      <c r="V380" s="10" t="s">
        <v>22</v>
      </c>
      <c r="W380" s="10" t="s">
        <v>22</v>
      </c>
      <c r="Y380" s="10" t="s">
        <v>22</v>
      </c>
      <c r="Z380" s="10" t="s">
        <v>22</v>
      </c>
    </row>
    <row r="381" spans="1:26" ht="24" customHeight="1" x14ac:dyDescent="0.2">
      <c r="A381" s="9" t="s">
        <v>17661</v>
      </c>
      <c r="B381" s="9" t="s">
        <v>14</v>
      </c>
      <c r="C381" s="9" t="s">
        <v>1803</v>
      </c>
      <c r="D381" s="6" t="s">
        <v>1804</v>
      </c>
      <c r="E381" s="22">
        <v>44691</v>
      </c>
      <c r="F381" s="22">
        <v>46516</v>
      </c>
      <c r="G381" s="6" t="s">
        <v>1805</v>
      </c>
      <c r="H381" s="6" t="s">
        <v>18</v>
      </c>
      <c r="I381" s="6" t="s">
        <v>19</v>
      </c>
      <c r="J381" s="6" t="s">
        <v>1806</v>
      </c>
      <c r="K381" s="9" t="s">
        <v>1807</v>
      </c>
      <c r="L381" s="10" t="s">
        <v>22</v>
      </c>
      <c r="M381" s="10" t="s">
        <v>22</v>
      </c>
      <c r="N381" s="10" t="s">
        <v>22</v>
      </c>
      <c r="O381" s="10" t="s">
        <v>22</v>
      </c>
      <c r="P381" s="10" t="s">
        <v>22</v>
      </c>
      <c r="Q381" s="10" t="s">
        <v>22</v>
      </c>
      <c r="R381" s="10" t="s">
        <v>22</v>
      </c>
      <c r="S381" s="10" t="s">
        <v>22</v>
      </c>
      <c r="T381" s="10" t="s">
        <v>22</v>
      </c>
    </row>
    <row r="382" spans="1:26" ht="24" customHeight="1" x14ac:dyDescent="0.2">
      <c r="A382" s="9" t="s">
        <v>17662</v>
      </c>
      <c r="B382" s="9" t="s">
        <v>14</v>
      </c>
      <c r="C382" s="9" t="s">
        <v>1808</v>
      </c>
      <c r="D382" s="6" t="s">
        <v>1809</v>
      </c>
      <c r="E382" s="22">
        <v>44691</v>
      </c>
      <c r="F382" s="22">
        <v>46516</v>
      </c>
      <c r="G382" s="6" t="s">
        <v>1810</v>
      </c>
      <c r="H382" s="6" t="s">
        <v>62</v>
      </c>
      <c r="I382" s="6" t="s">
        <v>379</v>
      </c>
      <c r="J382" s="6" t="s">
        <v>1811</v>
      </c>
      <c r="K382" s="9" t="s">
        <v>1812</v>
      </c>
      <c r="L382" s="10" t="s">
        <v>22</v>
      </c>
      <c r="M382" s="10" t="s">
        <v>22</v>
      </c>
      <c r="N382" s="10" t="s">
        <v>22</v>
      </c>
      <c r="O382" s="10" t="s">
        <v>22</v>
      </c>
      <c r="P382" s="10" t="s">
        <v>22</v>
      </c>
      <c r="Q382" s="10" t="s">
        <v>22</v>
      </c>
      <c r="R382" s="10" t="s">
        <v>22</v>
      </c>
      <c r="S382" s="10" t="s">
        <v>22</v>
      </c>
      <c r="T382" s="10" t="s">
        <v>22</v>
      </c>
      <c r="U382" s="10" t="s">
        <v>22</v>
      </c>
      <c r="V382" s="10" t="s">
        <v>22</v>
      </c>
      <c r="W382" s="10" t="s">
        <v>22</v>
      </c>
      <c r="X382" s="10" t="s">
        <v>22</v>
      </c>
      <c r="Y382" s="10" t="s">
        <v>22</v>
      </c>
      <c r="Z382" s="10" t="s">
        <v>22</v>
      </c>
    </row>
    <row r="383" spans="1:26" ht="24" customHeight="1" x14ac:dyDescent="0.2">
      <c r="A383" s="9" t="s">
        <v>17663</v>
      </c>
      <c r="B383" s="9" t="s">
        <v>14</v>
      </c>
      <c r="C383" s="9" t="s">
        <v>1813</v>
      </c>
      <c r="D383" s="6" t="s">
        <v>1814</v>
      </c>
      <c r="E383" s="22">
        <v>44691</v>
      </c>
      <c r="F383" s="22">
        <v>46516</v>
      </c>
      <c r="G383" s="6" t="s">
        <v>1815</v>
      </c>
      <c r="H383" s="6" t="s">
        <v>62</v>
      </c>
      <c r="I383" s="6" t="s">
        <v>1816</v>
      </c>
      <c r="J383" s="6" t="s">
        <v>1817</v>
      </c>
      <c r="K383" s="9" t="s">
        <v>1818</v>
      </c>
      <c r="L383" s="10" t="s">
        <v>22</v>
      </c>
      <c r="M383" s="10" t="s">
        <v>22</v>
      </c>
      <c r="N383" s="10" t="s">
        <v>22</v>
      </c>
      <c r="O383" s="10" t="s">
        <v>22</v>
      </c>
      <c r="P383" s="10" t="s">
        <v>22</v>
      </c>
      <c r="Q383" s="10" t="s">
        <v>22</v>
      </c>
      <c r="R383" s="10" t="s">
        <v>22</v>
      </c>
      <c r="S383" s="10" t="s">
        <v>22</v>
      </c>
      <c r="T383" s="10" t="s">
        <v>22</v>
      </c>
      <c r="U383" s="10" t="s">
        <v>22</v>
      </c>
      <c r="V383" s="10" t="s">
        <v>22</v>
      </c>
      <c r="W383" s="10" t="s">
        <v>22</v>
      </c>
      <c r="X383" s="10" t="s">
        <v>22</v>
      </c>
      <c r="Y383" s="10" t="s">
        <v>22</v>
      </c>
      <c r="Z383" s="10" t="s">
        <v>22</v>
      </c>
    </row>
    <row r="384" spans="1:26" ht="24" customHeight="1" x14ac:dyDescent="0.2">
      <c r="A384" s="9" t="s">
        <v>17664</v>
      </c>
      <c r="B384" s="9" t="s">
        <v>14</v>
      </c>
      <c r="C384" s="9" t="s">
        <v>1819</v>
      </c>
      <c r="D384" s="6" t="s">
        <v>1820</v>
      </c>
      <c r="E384" s="22">
        <v>44691</v>
      </c>
      <c r="F384" s="22">
        <v>46516</v>
      </c>
      <c r="G384" s="6" t="s">
        <v>1821</v>
      </c>
      <c r="H384" s="6" t="s">
        <v>18</v>
      </c>
      <c r="I384" s="6" t="s">
        <v>19</v>
      </c>
      <c r="J384" s="6" t="s">
        <v>1822</v>
      </c>
      <c r="K384" s="9" t="s">
        <v>1823</v>
      </c>
      <c r="L384" s="10" t="s">
        <v>22</v>
      </c>
      <c r="M384" s="10" t="s">
        <v>22</v>
      </c>
      <c r="N384" s="10" t="s">
        <v>22</v>
      </c>
      <c r="O384" s="10" t="s">
        <v>22</v>
      </c>
      <c r="P384" s="10" t="s">
        <v>22</v>
      </c>
      <c r="Q384" s="10" t="s">
        <v>22</v>
      </c>
      <c r="R384" s="10" t="s">
        <v>22</v>
      </c>
      <c r="S384" s="10" t="s">
        <v>22</v>
      </c>
      <c r="T384" s="10" t="s">
        <v>22</v>
      </c>
      <c r="U384" s="10" t="s">
        <v>22</v>
      </c>
      <c r="V384" s="10" t="s">
        <v>22</v>
      </c>
      <c r="W384" s="10" t="s">
        <v>22</v>
      </c>
      <c r="X384" s="10" t="s">
        <v>22</v>
      </c>
      <c r="Y384" s="10" t="s">
        <v>22</v>
      </c>
      <c r="Z384" s="10" t="s">
        <v>22</v>
      </c>
    </row>
    <row r="385" spans="1:26" ht="24" customHeight="1" x14ac:dyDescent="0.2">
      <c r="A385" s="9" t="s">
        <v>17665</v>
      </c>
      <c r="B385" s="9" t="s">
        <v>14</v>
      </c>
      <c r="C385" s="9" t="s">
        <v>1824</v>
      </c>
      <c r="D385" s="6" t="s">
        <v>1825</v>
      </c>
      <c r="E385" s="22">
        <v>44696</v>
      </c>
      <c r="F385" s="22">
        <v>46521</v>
      </c>
      <c r="G385" s="6" t="s">
        <v>1826</v>
      </c>
      <c r="H385" s="6" t="s">
        <v>62</v>
      </c>
      <c r="I385" s="6" t="s">
        <v>279</v>
      </c>
      <c r="J385" s="6" t="s">
        <v>1827</v>
      </c>
      <c r="K385" s="9" t="s">
        <v>1828</v>
      </c>
      <c r="L385" s="10" t="s">
        <v>22</v>
      </c>
      <c r="M385" s="10" t="s">
        <v>22</v>
      </c>
      <c r="N385" s="10" t="s">
        <v>22</v>
      </c>
      <c r="O385" s="10" t="s">
        <v>22</v>
      </c>
      <c r="P385" s="10" t="s">
        <v>22</v>
      </c>
      <c r="Q385" s="10" t="s">
        <v>22</v>
      </c>
      <c r="U385" s="10" t="s">
        <v>22</v>
      </c>
      <c r="V385" s="10" t="s">
        <v>22</v>
      </c>
      <c r="W385" s="10" t="s">
        <v>22</v>
      </c>
      <c r="X385" s="10" t="s">
        <v>22</v>
      </c>
      <c r="Y385" s="10" t="s">
        <v>22</v>
      </c>
      <c r="Z385" s="10" t="s">
        <v>22</v>
      </c>
    </row>
    <row r="386" spans="1:26" ht="24" customHeight="1" x14ac:dyDescent="0.2">
      <c r="A386" s="9" t="s">
        <v>17666</v>
      </c>
      <c r="B386" s="9" t="s">
        <v>14</v>
      </c>
      <c r="C386" s="9" t="s">
        <v>1829</v>
      </c>
      <c r="D386" s="6" t="s">
        <v>1830</v>
      </c>
      <c r="E386" s="22">
        <v>44698</v>
      </c>
      <c r="F386" s="22">
        <v>46523</v>
      </c>
      <c r="G386" s="6" t="s">
        <v>1831</v>
      </c>
      <c r="H386" s="6" t="s">
        <v>363</v>
      </c>
      <c r="I386" s="6" t="s">
        <v>597</v>
      </c>
      <c r="J386" s="6" t="s">
        <v>1832</v>
      </c>
      <c r="K386" s="9" t="s">
        <v>1833</v>
      </c>
      <c r="L386" s="10" t="s">
        <v>22</v>
      </c>
      <c r="M386" s="10" t="s">
        <v>22</v>
      </c>
      <c r="N386" s="10" t="s">
        <v>22</v>
      </c>
      <c r="O386" s="10" t="s">
        <v>22</v>
      </c>
      <c r="P386" s="10" t="s">
        <v>22</v>
      </c>
      <c r="Q386" s="10" t="s">
        <v>22</v>
      </c>
      <c r="R386" s="10" t="s">
        <v>22</v>
      </c>
      <c r="S386" s="10" t="s">
        <v>22</v>
      </c>
      <c r="T386" s="10" t="s">
        <v>22</v>
      </c>
      <c r="U386" s="10" t="s">
        <v>22</v>
      </c>
      <c r="V386" s="10" t="s">
        <v>22</v>
      </c>
      <c r="W386" s="10" t="s">
        <v>22</v>
      </c>
      <c r="X386" s="10" t="s">
        <v>22</v>
      </c>
      <c r="Y386" s="10" t="s">
        <v>22</v>
      </c>
      <c r="Z386" s="10" t="s">
        <v>22</v>
      </c>
    </row>
    <row r="387" spans="1:26" ht="24" customHeight="1" x14ac:dyDescent="0.2">
      <c r="A387" s="9" t="s">
        <v>17667</v>
      </c>
      <c r="B387" s="9" t="s">
        <v>14</v>
      </c>
      <c r="C387" s="9" t="s">
        <v>1834</v>
      </c>
      <c r="D387" s="6" t="s">
        <v>1835</v>
      </c>
      <c r="E387" s="22">
        <v>44702</v>
      </c>
      <c r="F387" s="22">
        <v>46527</v>
      </c>
      <c r="G387" s="6" t="s">
        <v>1836</v>
      </c>
      <c r="H387" s="6" t="s">
        <v>363</v>
      </c>
      <c r="I387" s="6" t="s">
        <v>1837</v>
      </c>
      <c r="J387" s="6" t="s">
        <v>1838</v>
      </c>
      <c r="L387" s="10" t="s">
        <v>22</v>
      </c>
      <c r="M387" s="10" t="s">
        <v>22</v>
      </c>
      <c r="N387" s="10" t="s">
        <v>22</v>
      </c>
      <c r="O387" s="10" t="s">
        <v>22</v>
      </c>
      <c r="P387" s="10" t="s">
        <v>22</v>
      </c>
      <c r="Q387" s="10" t="s">
        <v>22</v>
      </c>
      <c r="R387" s="10" t="s">
        <v>22</v>
      </c>
      <c r="S387" s="10" t="s">
        <v>22</v>
      </c>
      <c r="T387" s="10" t="s">
        <v>22</v>
      </c>
      <c r="U387" s="10" t="s">
        <v>22</v>
      </c>
      <c r="V387" s="10" t="s">
        <v>22</v>
      </c>
      <c r="W387" s="10" t="s">
        <v>22</v>
      </c>
      <c r="X387" s="10" t="s">
        <v>22</v>
      </c>
      <c r="Y387" s="10" t="s">
        <v>22</v>
      </c>
      <c r="Z387" s="10" t="s">
        <v>22</v>
      </c>
    </row>
    <row r="388" spans="1:26" ht="24" customHeight="1" x14ac:dyDescent="0.2">
      <c r="A388" s="9" t="s">
        <v>17668</v>
      </c>
      <c r="B388" s="9" t="s">
        <v>14</v>
      </c>
      <c r="C388" s="9" t="s">
        <v>1839</v>
      </c>
      <c r="D388" s="6" t="s">
        <v>1840</v>
      </c>
      <c r="E388" s="22">
        <v>44702</v>
      </c>
      <c r="F388" s="22">
        <v>46527</v>
      </c>
      <c r="G388" s="6" t="s">
        <v>1841</v>
      </c>
      <c r="H388" s="6" t="s">
        <v>62</v>
      </c>
      <c r="I388" s="6" t="s">
        <v>430</v>
      </c>
      <c r="J388" s="6" t="s">
        <v>1842</v>
      </c>
      <c r="K388" s="9" t="s">
        <v>1843</v>
      </c>
      <c r="L388" s="10" t="s">
        <v>22</v>
      </c>
      <c r="M388" s="10" t="s">
        <v>22</v>
      </c>
      <c r="N388" s="10" t="s">
        <v>22</v>
      </c>
      <c r="O388" s="10" t="s">
        <v>22</v>
      </c>
      <c r="P388" s="10" t="s">
        <v>22</v>
      </c>
      <c r="Q388" s="10" t="s">
        <v>22</v>
      </c>
      <c r="R388" s="10" t="s">
        <v>22</v>
      </c>
      <c r="S388" s="10" t="s">
        <v>22</v>
      </c>
      <c r="T388" s="10" t="s">
        <v>22</v>
      </c>
      <c r="U388" s="10" t="s">
        <v>22</v>
      </c>
      <c r="V388" s="10" t="s">
        <v>22</v>
      </c>
      <c r="W388" s="10" t="s">
        <v>22</v>
      </c>
      <c r="X388" s="10" t="s">
        <v>22</v>
      </c>
      <c r="Y388" s="10" t="s">
        <v>22</v>
      </c>
      <c r="Z388" s="10" t="s">
        <v>22</v>
      </c>
    </row>
    <row r="389" spans="1:26" ht="24" customHeight="1" x14ac:dyDescent="0.2">
      <c r="A389" s="9" t="s">
        <v>17669</v>
      </c>
      <c r="B389" s="9" t="s">
        <v>14</v>
      </c>
      <c r="C389" s="9" t="s">
        <v>1844</v>
      </c>
      <c r="D389" s="6" t="s">
        <v>1845</v>
      </c>
      <c r="E389" s="22">
        <v>44702</v>
      </c>
      <c r="F389" s="22">
        <v>46527</v>
      </c>
      <c r="G389" s="6" t="s">
        <v>1846</v>
      </c>
      <c r="H389" s="6" t="s">
        <v>62</v>
      </c>
      <c r="I389" s="6" t="s">
        <v>318</v>
      </c>
      <c r="J389" s="6" t="s">
        <v>1847</v>
      </c>
      <c r="K389" s="9" t="s">
        <v>1848</v>
      </c>
      <c r="L389" s="10" t="s">
        <v>22</v>
      </c>
      <c r="M389" s="10" t="s">
        <v>22</v>
      </c>
      <c r="N389" s="10" t="s">
        <v>22</v>
      </c>
      <c r="O389" s="10" t="s">
        <v>22</v>
      </c>
      <c r="P389" s="10" t="s">
        <v>22</v>
      </c>
      <c r="Q389" s="10" t="s">
        <v>22</v>
      </c>
      <c r="R389" s="10" t="s">
        <v>22</v>
      </c>
      <c r="S389" s="10" t="s">
        <v>22</v>
      </c>
      <c r="T389" s="10" t="s">
        <v>22</v>
      </c>
      <c r="U389" s="10" t="s">
        <v>22</v>
      </c>
      <c r="V389" s="10" t="s">
        <v>22</v>
      </c>
      <c r="W389" s="10" t="s">
        <v>22</v>
      </c>
      <c r="X389" s="10" t="s">
        <v>22</v>
      </c>
      <c r="Y389" s="10" t="s">
        <v>22</v>
      </c>
      <c r="Z389" s="10" t="s">
        <v>22</v>
      </c>
    </row>
    <row r="390" spans="1:26" ht="24" customHeight="1" x14ac:dyDescent="0.2">
      <c r="A390" s="9" t="s">
        <v>17670</v>
      </c>
      <c r="B390" s="9" t="s">
        <v>14</v>
      </c>
      <c r="C390" s="9" t="s">
        <v>1849</v>
      </c>
      <c r="D390" s="6" t="s">
        <v>1850</v>
      </c>
      <c r="E390" s="22">
        <v>44702</v>
      </c>
      <c r="F390" s="22">
        <v>46527</v>
      </c>
      <c r="G390" s="6" t="s">
        <v>1851</v>
      </c>
      <c r="H390" s="6" t="s">
        <v>202</v>
      </c>
      <c r="I390" s="6" t="s">
        <v>336</v>
      </c>
      <c r="J390" s="6" t="s">
        <v>1852</v>
      </c>
      <c r="K390" s="9" t="s">
        <v>1853</v>
      </c>
      <c r="L390" s="10" t="s">
        <v>22</v>
      </c>
      <c r="M390" s="10" t="s">
        <v>22</v>
      </c>
      <c r="N390" s="10" t="s">
        <v>22</v>
      </c>
      <c r="O390" s="10" t="s">
        <v>22</v>
      </c>
      <c r="P390" s="10" t="s">
        <v>22</v>
      </c>
      <c r="Q390" s="10" t="s">
        <v>22</v>
      </c>
      <c r="R390" s="10" t="s">
        <v>22</v>
      </c>
      <c r="S390" s="10" t="s">
        <v>22</v>
      </c>
      <c r="T390" s="10" t="s">
        <v>22</v>
      </c>
      <c r="U390" s="10" t="s">
        <v>22</v>
      </c>
      <c r="V390" s="10" t="s">
        <v>22</v>
      </c>
      <c r="W390" s="10" t="s">
        <v>22</v>
      </c>
      <c r="X390" s="10" t="s">
        <v>22</v>
      </c>
      <c r="Y390" s="10" t="s">
        <v>22</v>
      </c>
      <c r="Z390" s="10" t="s">
        <v>22</v>
      </c>
    </row>
    <row r="391" spans="1:26" ht="24" customHeight="1" x14ac:dyDescent="0.2">
      <c r="A391" s="9" t="s">
        <v>17671</v>
      </c>
      <c r="B391" s="9" t="s">
        <v>14</v>
      </c>
      <c r="C391" s="9" t="s">
        <v>1854</v>
      </c>
      <c r="D391" s="6" t="s">
        <v>1855</v>
      </c>
      <c r="E391" s="22">
        <v>44702</v>
      </c>
      <c r="F391" s="22">
        <v>46527</v>
      </c>
      <c r="G391" s="6" t="s">
        <v>1856</v>
      </c>
      <c r="H391" s="6" t="s">
        <v>202</v>
      </c>
      <c r="I391" s="6" t="s">
        <v>1857</v>
      </c>
      <c r="J391" s="6" t="s">
        <v>1858</v>
      </c>
      <c r="K391" s="9" t="s">
        <v>1859</v>
      </c>
      <c r="L391" s="10" t="s">
        <v>22</v>
      </c>
      <c r="M391" s="10" t="s">
        <v>22</v>
      </c>
      <c r="N391" s="10" t="s">
        <v>22</v>
      </c>
      <c r="U391" s="10" t="s">
        <v>22</v>
      </c>
      <c r="V391" s="10" t="s">
        <v>22</v>
      </c>
      <c r="W391" s="10" t="s">
        <v>22</v>
      </c>
    </row>
    <row r="392" spans="1:26" ht="24" customHeight="1" x14ac:dyDescent="0.2">
      <c r="A392" s="9" t="s">
        <v>17672</v>
      </c>
      <c r="B392" s="9" t="s">
        <v>14</v>
      </c>
      <c r="C392" s="9" t="s">
        <v>1860</v>
      </c>
      <c r="D392" s="6" t="s">
        <v>1861</v>
      </c>
      <c r="E392" s="22">
        <v>44703</v>
      </c>
      <c r="F392" s="22">
        <v>46528</v>
      </c>
      <c r="G392" s="6" t="s">
        <v>1862</v>
      </c>
      <c r="H392" s="6" t="s">
        <v>62</v>
      </c>
      <c r="I392" s="6" t="s">
        <v>819</v>
      </c>
      <c r="J392" s="6" t="s">
        <v>1863</v>
      </c>
      <c r="K392" s="9" t="s">
        <v>1864</v>
      </c>
      <c r="L392" s="10" t="s">
        <v>22</v>
      </c>
      <c r="M392" s="10" t="s">
        <v>22</v>
      </c>
      <c r="N392" s="10" t="s">
        <v>22</v>
      </c>
      <c r="O392" s="10" t="s">
        <v>22</v>
      </c>
      <c r="P392" s="10" t="s">
        <v>22</v>
      </c>
      <c r="Q392" s="10" t="s">
        <v>22</v>
      </c>
      <c r="R392" s="10" t="s">
        <v>22</v>
      </c>
      <c r="S392" s="10" t="s">
        <v>22</v>
      </c>
      <c r="T392" s="10" t="s">
        <v>22</v>
      </c>
      <c r="U392" s="10" t="s">
        <v>22</v>
      </c>
      <c r="V392" s="10" t="s">
        <v>22</v>
      </c>
      <c r="W392" s="10" t="s">
        <v>22</v>
      </c>
      <c r="X392" s="10" t="s">
        <v>22</v>
      </c>
      <c r="Y392" s="10" t="s">
        <v>22</v>
      </c>
      <c r="Z392" s="10" t="s">
        <v>22</v>
      </c>
    </row>
    <row r="393" spans="1:26" ht="24" customHeight="1" x14ac:dyDescent="0.2">
      <c r="A393" s="9" t="s">
        <v>17673</v>
      </c>
      <c r="B393" s="9" t="s">
        <v>14</v>
      </c>
      <c r="C393" s="9" t="s">
        <v>1865</v>
      </c>
      <c r="D393" s="6" t="s">
        <v>1866</v>
      </c>
      <c r="E393" s="22">
        <v>44703</v>
      </c>
      <c r="F393" s="22">
        <v>46528</v>
      </c>
      <c r="G393" s="6" t="s">
        <v>1867</v>
      </c>
      <c r="H393" s="6" t="s">
        <v>18</v>
      </c>
      <c r="I393" s="6" t="s">
        <v>67</v>
      </c>
      <c r="J393" s="6" t="s">
        <v>1868</v>
      </c>
      <c r="K393" s="9" t="s">
        <v>1869</v>
      </c>
      <c r="L393" s="10" t="s">
        <v>22</v>
      </c>
      <c r="M393" s="10" t="s">
        <v>22</v>
      </c>
      <c r="N393" s="10" t="s">
        <v>22</v>
      </c>
      <c r="O393" s="10" t="s">
        <v>22</v>
      </c>
      <c r="P393" s="10" t="s">
        <v>22</v>
      </c>
      <c r="Q393" s="10" t="s">
        <v>22</v>
      </c>
      <c r="U393" s="10" t="s">
        <v>22</v>
      </c>
      <c r="V393" s="10" t="s">
        <v>22</v>
      </c>
      <c r="W393" s="10" t="s">
        <v>22</v>
      </c>
      <c r="X393" s="10" t="s">
        <v>22</v>
      </c>
      <c r="Y393" s="10" t="s">
        <v>22</v>
      </c>
      <c r="Z393" s="10" t="s">
        <v>22</v>
      </c>
    </row>
    <row r="394" spans="1:26" ht="24" customHeight="1" x14ac:dyDescent="0.2">
      <c r="A394" s="9" t="s">
        <v>17674</v>
      </c>
      <c r="B394" s="9" t="s">
        <v>14</v>
      </c>
      <c r="C394" s="9" t="s">
        <v>1865</v>
      </c>
      <c r="D394" s="6" t="s">
        <v>1866</v>
      </c>
      <c r="E394" s="22">
        <v>44703</v>
      </c>
      <c r="F394" s="22">
        <v>46528</v>
      </c>
      <c r="G394" s="6" t="s">
        <v>1870</v>
      </c>
      <c r="H394" s="6" t="s">
        <v>18</v>
      </c>
      <c r="I394" s="6" t="s">
        <v>19</v>
      </c>
      <c r="J394" s="6" t="s">
        <v>1871</v>
      </c>
      <c r="K394" s="9" t="s">
        <v>1872</v>
      </c>
      <c r="L394" s="10" t="s">
        <v>22</v>
      </c>
      <c r="M394" s="10" t="s">
        <v>22</v>
      </c>
      <c r="N394" s="10" t="s">
        <v>22</v>
      </c>
      <c r="O394" s="10" t="s">
        <v>22</v>
      </c>
      <c r="P394" s="10" t="s">
        <v>22</v>
      </c>
      <c r="Q394" s="10" t="s">
        <v>22</v>
      </c>
      <c r="U394" s="10" t="s">
        <v>22</v>
      </c>
      <c r="V394" s="10" t="s">
        <v>22</v>
      </c>
      <c r="W394" s="10" t="s">
        <v>22</v>
      </c>
      <c r="X394" s="10" t="s">
        <v>22</v>
      </c>
      <c r="Y394" s="10" t="s">
        <v>22</v>
      </c>
      <c r="Z394" s="10" t="s">
        <v>22</v>
      </c>
    </row>
    <row r="395" spans="1:26" ht="24" customHeight="1" x14ac:dyDescent="0.2">
      <c r="A395" s="9" t="s">
        <v>17675</v>
      </c>
      <c r="B395" s="9" t="s">
        <v>14</v>
      </c>
      <c r="C395" s="9" t="s">
        <v>1873</v>
      </c>
      <c r="D395" s="6" t="s">
        <v>1874</v>
      </c>
      <c r="E395" s="22">
        <v>44703</v>
      </c>
      <c r="F395" s="22">
        <v>46528</v>
      </c>
      <c r="G395" s="6" t="s">
        <v>1875</v>
      </c>
      <c r="H395" s="6" t="s">
        <v>18</v>
      </c>
      <c r="I395" s="6" t="s">
        <v>19</v>
      </c>
      <c r="J395" s="6" t="s">
        <v>1876</v>
      </c>
      <c r="K395" s="9" t="s">
        <v>1877</v>
      </c>
      <c r="L395" s="10" t="s">
        <v>22</v>
      </c>
      <c r="M395" s="10" t="s">
        <v>22</v>
      </c>
      <c r="N395" s="10" t="s">
        <v>22</v>
      </c>
      <c r="O395" s="10" t="s">
        <v>22</v>
      </c>
      <c r="P395" s="10" t="s">
        <v>22</v>
      </c>
      <c r="Q395" s="10" t="s">
        <v>22</v>
      </c>
      <c r="R395" s="10" t="s">
        <v>22</v>
      </c>
      <c r="S395" s="10" t="s">
        <v>22</v>
      </c>
      <c r="T395" s="10" t="s">
        <v>22</v>
      </c>
      <c r="U395" s="10" t="s">
        <v>22</v>
      </c>
      <c r="V395" s="10" t="s">
        <v>22</v>
      </c>
      <c r="W395" s="10" t="s">
        <v>22</v>
      </c>
      <c r="X395" s="10" t="s">
        <v>22</v>
      </c>
      <c r="Y395" s="10" t="s">
        <v>22</v>
      </c>
      <c r="Z395" s="10" t="s">
        <v>22</v>
      </c>
    </row>
    <row r="396" spans="1:26" ht="24" customHeight="1" x14ac:dyDescent="0.2">
      <c r="A396" s="9" t="s">
        <v>17676</v>
      </c>
      <c r="B396" s="9" t="s">
        <v>14</v>
      </c>
      <c r="C396" s="9" t="s">
        <v>1878</v>
      </c>
      <c r="D396" s="6" t="s">
        <v>1879</v>
      </c>
      <c r="E396" s="22">
        <v>44705</v>
      </c>
      <c r="F396" s="22">
        <v>46530</v>
      </c>
      <c r="G396" s="6" t="s">
        <v>1880</v>
      </c>
      <c r="H396" s="6" t="s">
        <v>18</v>
      </c>
      <c r="I396" s="6" t="s">
        <v>19</v>
      </c>
      <c r="J396" s="6" t="s">
        <v>1881</v>
      </c>
      <c r="L396" s="10" t="s">
        <v>22</v>
      </c>
      <c r="M396" s="10" t="s">
        <v>22</v>
      </c>
      <c r="N396" s="10" t="s">
        <v>22</v>
      </c>
      <c r="U396" s="10" t="s">
        <v>22</v>
      </c>
      <c r="V396" s="10" t="s">
        <v>22</v>
      </c>
      <c r="W396" s="10" t="s">
        <v>22</v>
      </c>
    </row>
    <row r="397" spans="1:26" ht="24" customHeight="1" x14ac:dyDescent="0.2">
      <c r="A397" s="9" t="s">
        <v>17677</v>
      </c>
      <c r="B397" s="9" t="s">
        <v>14</v>
      </c>
      <c r="C397" s="9" t="s">
        <v>1882</v>
      </c>
      <c r="D397" s="6" t="s">
        <v>1883</v>
      </c>
      <c r="E397" s="22">
        <v>44705</v>
      </c>
      <c r="F397" s="22">
        <v>46530</v>
      </c>
      <c r="G397" s="6" t="s">
        <v>1884</v>
      </c>
      <c r="H397" s="6" t="s">
        <v>229</v>
      </c>
      <c r="I397" s="6" t="s">
        <v>1885</v>
      </c>
      <c r="J397" s="6" t="s">
        <v>1886</v>
      </c>
      <c r="K397" s="9" t="s">
        <v>1887</v>
      </c>
      <c r="L397" s="10" t="s">
        <v>22</v>
      </c>
      <c r="M397" s="10" t="s">
        <v>22</v>
      </c>
      <c r="N397" s="10" t="s">
        <v>22</v>
      </c>
      <c r="O397" s="10" t="s">
        <v>22</v>
      </c>
      <c r="P397" s="10" t="s">
        <v>22</v>
      </c>
      <c r="Q397" s="10" t="s">
        <v>22</v>
      </c>
      <c r="R397" s="10" t="s">
        <v>22</v>
      </c>
      <c r="S397" s="10" t="s">
        <v>22</v>
      </c>
      <c r="T397" s="10" t="s">
        <v>22</v>
      </c>
      <c r="U397" s="10" t="s">
        <v>22</v>
      </c>
      <c r="V397" s="10" t="s">
        <v>22</v>
      </c>
      <c r="W397" s="10" t="s">
        <v>22</v>
      </c>
      <c r="X397" s="10" t="s">
        <v>22</v>
      </c>
      <c r="Y397" s="10" t="s">
        <v>22</v>
      </c>
      <c r="Z397" s="10" t="s">
        <v>22</v>
      </c>
    </row>
    <row r="398" spans="1:26" ht="24" customHeight="1" x14ac:dyDescent="0.2">
      <c r="A398" s="9" t="s">
        <v>17678</v>
      </c>
      <c r="B398" s="9" t="s">
        <v>14</v>
      </c>
      <c r="C398" s="9" t="s">
        <v>1888</v>
      </c>
      <c r="D398" s="6" t="s">
        <v>1889</v>
      </c>
      <c r="E398" s="22">
        <v>44705</v>
      </c>
      <c r="F398" s="22">
        <v>46530</v>
      </c>
      <c r="G398" s="6" t="s">
        <v>1890</v>
      </c>
      <c r="H398" s="6" t="s">
        <v>62</v>
      </c>
      <c r="I398" s="6" t="s">
        <v>63</v>
      </c>
      <c r="J398" s="6" t="s">
        <v>1891</v>
      </c>
      <c r="K398" s="9" t="s">
        <v>1892</v>
      </c>
      <c r="L398" s="10" t="s">
        <v>22</v>
      </c>
      <c r="M398" s="10" t="s">
        <v>22</v>
      </c>
      <c r="N398" s="10" t="s">
        <v>22</v>
      </c>
      <c r="O398" s="10" t="s">
        <v>22</v>
      </c>
      <c r="P398" s="10" t="s">
        <v>22</v>
      </c>
      <c r="Q398" s="10" t="s">
        <v>22</v>
      </c>
      <c r="R398" s="10" t="s">
        <v>22</v>
      </c>
      <c r="S398" s="10" t="s">
        <v>22</v>
      </c>
      <c r="T398" s="10" t="s">
        <v>22</v>
      </c>
      <c r="U398" s="10" t="s">
        <v>22</v>
      </c>
      <c r="V398" s="10" t="s">
        <v>22</v>
      </c>
      <c r="W398" s="10" t="s">
        <v>22</v>
      </c>
      <c r="X398" s="10" t="s">
        <v>22</v>
      </c>
      <c r="Y398" s="10" t="s">
        <v>22</v>
      </c>
      <c r="Z398" s="10" t="s">
        <v>22</v>
      </c>
    </row>
    <row r="399" spans="1:26" ht="24" customHeight="1" x14ac:dyDescent="0.2">
      <c r="A399" s="9" t="s">
        <v>17679</v>
      </c>
      <c r="B399" s="9" t="s">
        <v>14</v>
      </c>
      <c r="C399" s="9" t="s">
        <v>1893</v>
      </c>
      <c r="D399" s="6" t="s">
        <v>1894</v>
      </c>
      <c r="E399" s="22">
        <v>44705</v>
      </c>
      <c r="F399" s="22">
        <v>46530</v>
      </c>
      <c r="G399" s="6" t="s">
        <v>1895</v>
      </c>
      <c r="H399" s="6" t="s">
        <v>229</v>
      </c>
      <c r="I399" s="6" t="s">
        <v>230</v>
      </c>
      <c r="J399" s="6" t="s">
        <v>1896</v>
      </c>
      <c r="K399" s="9" t="s">
        <v>1897</v>
      </c>
      <c r="L399" s="10" t="s">
        <v>22</v>
      </c>
      <c r="M399" s="10" t="s">
        <v>22</v>
      </c>
      <c r="N399" s="10" t="s">
        <v>22</v>
      </c>
      <c r="O399" s="10" t="s">
        <v>22</v>
      </c>
      <c r="P399" s="10" t="s">
        <v>22</v>
      </c>
      <c r="Q399" s="10" t="s">
        <v>22</v>
      </c>
      <c r="R399" s="10" t="s">
        <v>22</v>
      </c>
      <c r="S399" s="10" t="s">
        <v>22</v>
      </c>
      <c r="T399" s="10" t="s">
        <v>22</v>
      </c>
      <c r="U399" s="10" t="s">
        <v>22</v>
      </c>
      <c r="V399" s="10" t="s">
        <v>22</v>
      </c>
      <c r="W399" s="10" t="s">
        <v>22</v>
      </c>
      <c r="X399" s="10" t="s">
        <v>22</v>
      </c>
      <c r="Y399" s="10" t="s">
        <v>22</v>
      </c>
      <c r="Z399" s="10" t="s">
        <v>22</v>
      </c>
    </row>
    <row r="400" spans="1:26" ht="24" customHeight="1" x14ac:dyDescent="0.2">
      <c r="A400" s="9" t="s">
        <v>17680</v>
      </c>
      <c r="B400" s="9" t="s">
        <v>14</v>
      </c>
      <c r="C400" s="9" t="s">
        <v>1898</v>
      </c>
      <c r="D400" s="6" t="s">
        <v>1899</v>
      </c>
      <c r="E400" s="22">
        <v>44706</v>
      </c>
      <c r="F400" s="22">
        <v>46531</v>
      </c>
      <c r="G400" s="6" t="s">
        <v>1900</v>
      </c>
      <c r="H400" s="6" t="s">
        <v>62</v>
      </c>
      <c r="I400" s="6" t="s">
        <v>186</v>
      </c>
      <c r="J400" s="6" t="s">
        <v>1901</v>
      </c>
      <c r="K400" s="9" t="s">
        <v>1902</v>
      </c>
      <c r="L400" s="10" t="s">
        <v>22</v>
      </c>
      <c r="M400" s="10" t="s">
        <v>22</v>
      </c>
      <c r="N400" s="10" t="s">
        <v>22</v>
      </c>
      <c r="O400" s="10" t="s">
        <v>22</v>
      </c>
      <c r="P400" s="10" t="s">
        <v>22</v>
      </c>
      <c r="Q400" s="10" t="s">
        <v>22</v>
      </c>
      <c r="R400" s="10" t="s">
        <v>22</v>
      </c>
      <c r="S400" s="10" t="s">
        <v>22</v>
      </c>
      <c r="T400" s="10" t="s">
        <v>22</v>
      </c>
      <c r="U400" s="10" t="s">
        <v>22</v>
      </c>
      <c r="V400" s="10" t="s">
        <v>22</v>
      </c>
      <c r="W400" s="10" t="s">
        <v>22</v>
      </c>
      <c r="X400" s="10" t="s">
        <v>22</v>
      </c>
      <c r="Y400" s="10" t="s">
        <v>22</v>
      </c>
      <c r="Z400" s="10" t="s">
        <v>22</v>
      </c>
    </row>
    <row r="401" spans="1:26" ht="34" customHeight="1" x14ac:dyDescent="0.2">
      <c r="A401" s="9" t="s">
        <v>17681</v>
      </c>
      <c r="B401" s="9" t="s">
        <v>14</v>
      </c>
      <c r="C401" s="9" t="s">
        <v>1903</v>
      </c>
      <c r="D401" s="6" t="s">
        <v>1904</v>
      </c>
      <c r="E401" s="22">
        <v>44706</v>
      </c>
      <c r="F401" s="22">
        <v>46531</v>
      </c>
      <c r="G401" s="6" t="s">
        <v>1905</v>
      </c>
      <c r="H401" s="6" t="s">
        <v>62</v>
      </c>
      <c r="I401" s="6" t="s">
        <v>318</v>
      </c>
      <c r="J401" s="6" t="s">
        <v>1906</v>
      </c>
      <c r="K401" s="9" t="s">
        <v>1907</v>
      </c>
      <c r="L401" s="10" t="s">
        <v>22</v>
      </c>
      <c r="M401" s="10" t="s">
        <v>22</v>
      </c>
      <c r="N401" s="10" t="s">
        <v>22</v>
      </c>
      <c r="O401" s="10" t="s">
        <v>22</v>
      </c>
      <c r="P401" s="10" t="s">
        <v>22</v>
      </c>
      <c r="Q401" s="10" t="s">
        <v>22</v>
      </c>
      <c r="R401" s="10" t="s">
        <v>22</v>
      </c>
      <c r="S401" s="10" t="s">
        <v>22</v>
      </c>
      <c r="T401" s="10" t="s">
        <v>22</v>
      </c>
      <c r="U401" s="10" t="s">
        <v>22</v>
      </c>
      <c r="V401" s="10" t="s">
        <v>22</v>
      </c>
      <c r="W401" s="10" t="s">
        <v>22</v>
      </c>
      <c r="X401" s="10" t="s">
        <v>22</v>
      </c>
      <c r="Y401" s="10" t="s">
        <v>22</v>
      </c>
      <c r="Z401" s="10" t="s">
        <v>22</v>
      </c>
    </row>
    <row r="402" spans="1:26" ht="24" customHeight="1" x14ac:dyDescent="0.2">
      <c r="A402" s="9" t="s">
        <v>17682</v>
      </c>
      <c r="B402" s="9" t="s">
        <v>14</v>
      </c>
      <c r="C402" s="9" t="s">
        <v>1908</v>
      </c>
      <c r="D402" s="6" t="s">
        <v>1909</v>
      </c>
      <c r="E402" s="22">
        <v>44706</v>
      </c>
      <c r="F402" s="22">
        <v>46531</v>
      </c>
      <c r="G402" s="6" t="s">
        <v>1910</v>
      </c>
      <c r="H402" s="6" t="s">
        <v>18</v>
      </c>
      <c r="I402" s="6" t="s">
        <v>26</v>
      </c>
      <c r="J402" s="6" t="s">
        <v>1911</v>
      </c>
      <c r="K402" s="9" t="s">
        <v>1912</v>
      </c>
      <c r="L402" s="10" t="s">
        <v>22</v>
      </c>
      <c r="M402" s="10" t="s">
        <v>22</v>
      </c>
      <c r="N402" s="10" t="s">
        <v>22</v>
      </c>
      <c r="O402" s="10" t="s">
        <v>22</v>
      </c>
      <c r="P402" s="10" t="s">
        <v>22</v>
      </c>
      <c r="Q402" s="10" t="s">
        <v>22</v>
      </c>
      <c r="R402" s="10" t="s">
        <v>22</v>
      </c>
      <c r="S402" s="10" t="s">
        <v>22</v>
      </c>
      <c r="T402" s="10" t="s">
        <v>22</v>
      </c>
      <c r="U402" s="10" t="s">
        <v>22</v>
      </c>
      <c r="V402" s="10" t="s">
        <v>22</v>
      </c>
      <c r="W402" s="10" t="s">
        <v>22</v>
      </c>
      <c r="X402" s="10" t="s">
        <v>22</v>
      </c>
      <c r="Y402" s="10" t="s">
        <v>22</v>
      </c>
      <c r="Z402" s="10" t="s">
        <v>22</v>
      </c>
    </row>
    <row r="403" spans="1:26" ht="24" customHeight="1" x14ac:dyDescent="0.2">
      <c r="A403" s="9" t="s">
        <v>17683</v>
      </c>
      <c r="B403" s="9" t="s">
        <v>14</v>
      </c>
      <c r="C403" s="9" t="s">
        <v>1913</v>
      </c>
      <c r="D403" s="6" t="s">
        <v>1914</v>
      </c>
      <c r="E403" s="22">
        <v>44706</v>
      </c>
      <c r="F403" s="22">
        <v>46531</v>
      </c>
      <c r="G403" s="6" t="s">
        <v>1915</v>
      </c>
      <c r="H403" s="6" t="s">
        <v>18</v>
      </c>
      <c r="I403" s="6" t="s">
        <v>19</v>
      </c>
      <c r="J403" s="6" t="s">
        <v>1916</v>
      </c>
      <c r="K403" s="9" t="s">
        <v>1917</v>
      </c>
      <c r="L403" s="10" t="s">
        <v>22</v>
      </c>
      <c r="M403" s="10" t="s">
        <v>22</v>
      </c>
      <c r="N403" s="10" t="s">
        <v>22</v>
      </c>
      <c r="O403" s="10" t="s">
        <v>22</v>
      </c>
      <c r="P403" s="10" t="s">
        <v>22</v>
      </c>
      <c r="Q403" s="10" t="s">
        <v>22</v>
      </c>
      <c r="R403" s="10" t="s">
        <v>22</v>
      </c>
      <c r="S403" s="10" t="s">
        <v>22</v>
      </c>
      <c r="T403" s="10" t="s">
        <v>22</v>
      </c>
      <c r="U403" s="10" t="s">
        <v>22</v>
      </c>
      <c r="V403" s="10" t="s">
        <v>22</v>
      </c>
      <c r="W403" s="10" t="s">
        <v>22</v>
      </c>
      <c r="X403" s="10" t="s">
        <v>22</v>
      </c>
      <c r="Y403" s="10" t="s">
        <v>22</v>
      </c>
      <c r="Z403" s="10" t="s">
        <v>22</v>
      </c>
    </row>
    <row r="404" spans="1:26" ht="24" customHeight="1" x14ac:dyDescent="0.2">
      <c r="A404" s="9" t="s">
        <v>17684</v>
      </c>
      <c r="B404" s="9" t="s">
        <v>14</v>
      </c>
      <c r="C404" s="9" t="s">
        <v>1918</v>
      </c>
      <c r="D404" s="6" t="s">
        <v>1919</v>
      </c>
      <c r="E404" s="22">
        <v>44706</v>
      </c>
      <c r="F404" s="22">
        <v>46531</v>
      </c>
      <c r="G404" s="6" t="s">
        <v>1920</v>
      </c>
      <c r="H404" s="6" t="s">
        <v>202</v>
      </c>
      <c r="I404" s="6" t="s">
        <v>336</v>
      </c>
      <c r="J404" s="6" t="s">
        <v>1921</v>
      </c>
      <c r="K404" s="9" t="s">
        <v>1922</v>
      </c>
      <c r="L404" s="10" t="s">
        <v>22</v>
      </c>
      <c r="M404" s="10" t="s">
        <v>22</v>
      </c>
      <c r="N404" s="10" t="s">
        <v>22</v>
      </c>
      <c r="O404" s="10" t="s">
        <v>22</v>
      </c>
      <c r="P404" s="10" t="s">
        <v>22</v>
      </c>
      <c r="Q404" s="10" t="s">
        <v>22</v>
      </c>
      <c r="U404" s="10" t="s">
        <v>22</v>
      </c>
      <c r="V404" s="10" t="s">
        <v>22</v>
      </c>
      <c r="W404" s="10" t="s">
        <v>22</v>
      </c>
      <c r="X404" s="10" t="s">
        <v>22</v>
      </c>
      <c r="Y404" s="10" t="s">
        <v>22</v>
      </c>
      <c r="Z404" s="10" t="s">
        <v>22</v>
      </c>
    </row>
    <row r="405" spans="1:26" ht="24" customHeight="1" x14ac:dyDescent="0.2">
      <c r="A405" s="9" t="s">
        <v>17685</v>
      </c>
      <c r="B405" s="9" t="s">
        <v>14</v>
      </c>
      <c r="C405" s="9" t="s">
        <v>1923</v>
      </c>
      <c r="D405" s="6" t="s">
        <v>1924</v>
      </c>
      <c r="E405" s="22">
        <v>44706</v>
      </c>
      <c r="F405" s="22">
        <v>46531</v>
      </c>
      <c r="G405" s="6" t="s">
        <v>1925</v>
      </c>
      <c r="H405" s="6" t="s">
        <v>18</v>
      </c>
      <c r="I405" s="6" t="s">
        <v>26</v>
      </c>
      <c r="J405" s="6" t="s">
        <v>1926</v>
      </c>
      <c r="K405" s="9" t="s">
        <v>1927</v>
      </c>
      <c r="L405" s="10" t="s">
        <v>22</v>
      </c>
      <c r="M405" s="10" t="s">
        <v>22</v>
      </c>
      <c r="N405" s="10" t="s">
        <v>22</v>
      </c>
      <c r="O405" s="10" t="s">
        <v>22</v>
      </c>
      <c r="P405" s="10" t="s">
        <v>22</v>
      </c>
      <c r="Q405" s="10" t="s">
        <v>22</v>
      </c>
      <c r="U405" s="10" t="s">
        <v>22</v>
      </c>
      <c r="V405" s="10" t="s">
        <v>22</v>
      </c>
      <c r="W405" s="10" t="s">
        <v>22</v>
      </c>
      <c r="X405" s="10" t="s">
        <v>22</v>
      </c>
      <c r="Y405" s="10" t="s">
        <v>22</v>
      </c>
      <c r="Z405" s="10" t="s">
        <v>22</v>
      </c>
    </row>
    <row r="406" spans="1:26" ht="37.25" customHeight="1" x14ac:dyDescent="0.2">
      <c r="A406" s="9" t="s">
        <v>17686</v>
      </c>
      <c r="B406" s="9" t="s">
        <v>14</v>
      </c>
      <c r="C406" s="9" t="s">
        <v>1928</v>
      </c>
      <c r="D406" s="6" t="s">
        <v>21422</v>
      </c>
      <c r="E406" s="22">
        <v>44706</v>
      </c>
      <c r="F406" s="22">
        <v>46531</v>
      </c>
      <c r="G406" s="6" t="s">
        <v>1930</v>
      </c>
      <c r="H406" s="6" t="s">
        <v>18</v>
      </c>
      <c r="I406" s="6" t="s">
        <v>19</v>
      </c>
      <c r="J406" s="6" t="s">
        <v>1931</v>
      </c>
      <c r="L406" s="10" t="s">
        <v>22</v>
      </c>
      <c r="M406" s="10" t="s">
        <v>22</v>
      </c>
      <c r="N406" s="10" t="s">
        <v>22</v>
      </c>
      <c r="O406" s="10" t="s">
        <v>22</v>
      </c>
      <c r="P406" s="10" t="s">
        <v>22</v>
      </c>
      <c r="Q406" s="10" t="s">
        <v>22</v>
      </c>
      <c r="R406" s="10" t="s">
        <v>22</v>
      </c>
      <c r="S406" s="10" t="s">
        <v>22</v>
      </c>
      <c r="T406" s="10" t="s">
        <v>22</v>
      </c>
      <c r="U406" s="10" t="s">
        <v>22</v>
      </c>
      <c r="V406" s="10" t="s">
        <v>22</v>
      </c>
      <c r="W406" s="10" t="s">
        <v>22</v>
      </c>
      <c r="X406" s="10" t="s">
        <v>22</v>
      </c>
      <c r="Y406" s="10" t="s">
        <v>22</v>
      </c>
      <c r="Z406" s="10" t="s">
        <v>22</v>
      </c>
    </row>
    <row r="407" spans="1:26" ht="37.25" customHeight="1" x14ac:dyDescent="0.2">
      <c r="A407" s="9" t="s">
        <v>17687</v>
      </c>
      <c r="B407" s="9" t="s">
        <v>14</v>
      </c>
      <c r="C407" s="9" t="s">
        <v>1928</v>
      </c>
      <c r="D407" s="6" t="s">
        <v>1929</v>
      </c>
      <c r="E407" s="22">
        <v>44706</v>
      </c>
      <c r="F407" s="22">
        <v>46531</v>
      </c>
      <c r="G407" s="6" t="s">
        <v>1932</v>
      </c>
      <c r="H407" s="6" t="s">
        <v>18</v>
      </c>
      <c r="I407" s="6" t="s">
        <v>84</v>
      </c>
      <c r="J407" s="6" t="s">
        <v>1933</v>
      </c>
      <c r="L407" s="10" t="s">
        <v>22</v>
      </c>
      <c r="M407" s="10" t="s">
        <v>22</v>
      </c>
      <c r="N407" s="10" t="s">
        <v>22</v>
      </c>
      <c r="O407" s="10" t="s">
        <v>22</v>
      </c>
      <c r="P407" s="10" t="s">
        <v>22</v>
      </c>
      <c r="Q407" s="10" t="s">
        <v>22</v>
      </c>
      <c r="R407" s="10" t="s">
        <v>22</v>
      </c>
      <c r="S407" s="10" t="s">
        <v>22</v>
      </c>
      <c r="T407" s="10" t="s">
        <v>22</v>
      </c>
      <c r="U407" s="10" t="s">
        <v>22</v>
      </c>
      <c r="V407" s="10" t="s">
        <v>22</v>
      </c>
      <c r="W407" s="10" t="s">
        <v>22</v>
      </c>
      <c r="X407" s="10" t="s">
        <v>22</v>
      </c>
      <c r="Y407" s="10" t="s">
        <v>22</v>
      </c>
      <c r="Z407" s="10" t="s">
        <v>22</v>
      </c>
    </row>
    <row r="408" spans="1:26" ht="37.25" customHeight="1" x14ac:dyDescent="0.2">
      <c r="A408" s="9" t="s">
        <v>17688</v>
      </c>
      <c r="B408" s="9" t="s">
        <v>14</v>
      </c>
      <c r="C408" s="9" t="s">
        <v>1928</v>
      </c>
      <c r="D408" s="6" t="s">
        <v>1929</v>
      </c>
      <c r="E408" s="22">
        <v>44706</v>
      </c>
      <c r="F408" s="22">
        <v>46531</v>
      </c>
      <c r="G408" s="6" t="s">
        <v>1934</v>
      </c>
      <c r="H408" s="6" t="s">
        <v>18</v>
      </c>
      <c r="I408" s="6" t="s">
        <v>19</v>
      </c>
      <c r="J408" s="6" t="s">
        <v>1935</v>
      </c>
      <c r="L408" s="10" t="s">
        <v>22</v>
      </c>
      <c r="M408" s="10" t="s">
        <v>22</v>
      </c>
      <c r="N408" s="10" t="s">
        <v>22</v>
      </c>
      <c r="O408" s="10" t="s">
        <v>22</v>
      </c>
      <c r="P408" s="10" t="s">
        <v>22</v>
      </c>
      <c r="Q408" s="10" t="s">
        <v>22</v>
      </c>
      <c r="R408" s="10" t="s">
        <v>22</v>
      </c>
      <c r="S408" s="10" t="s">
        <v>22</v>
      </c>
      <c r="T408" s="10" t="s">
        <v>22</v>
      </c>
      <c r="U408" s="10" t="s">
        <v>22</v>
      </c>
      <c r="V408" s="10" t="s">
        <v>22</v>
      </c>
      <c r="W408" s="10" t="s">
        <v>22</v>
      </c>
      <c r="X408" s="10" t="s">
        <v>22</v>
      </c>
      <c r="Y408" s="10" t="s">
        <v>22</v>
      </c>
      <c r="Z408" s="10" t="s">
        <v>22</v>
      </c>
    </row>
    <row r="409" spans="1:26" ht="37.25" customHeight="1" x14ac:dyDescent="0.2">
      <c r="A409" s="9" t="s">
        <v>17689</v>
      </c>
      <c r="B409" s="9" t="s">
        <v>14</v>
      </c>
      <c r="C409" s="9" t="s">
        <v>1928</v>
      </c>
      <c r="D409" s="6" t="s">
        <v>1929</v>
      </c>
      <c r="E409" s="22">
        <v>44706</v>
      </c>
      <c r="F409" s="22">
        <v>46531</v>
      </c>
      <c r="G409" s="6" t="s">
        <v>1936</v>
      </c>
      <c r="H409" s="6" t="s">
        <v>18</v>
      </c>
      <c r="I409" s="6" t="s">
        <v>392</v>
      </c>
      <c r="J409" s="6" t="s">
        <v>1937</v>
      </c>
      <c r="L409" s="10" t="s">
        <v>22</v>
      </c>
      <c r="M409" s="10" t="s">
        <v>22</v>
      </c>
      <c r="N409" s="10" t="s">
        <v>22</v>
      </c>
      <c r="O409" s="10" t="s">
        <v>22</v>
      </c>
      <c r="P409" s="10" t="s">
        <v>22</v>
      </c>
      <c r="Q409" s="10" t="s">
        <v>22</v>
      </c>
      <c r="R409" s="10" t="s">
        <v>22</v>
      </c>
      <c r="S409" s="10" t="s">
        <v>22</v>
      </c>
      <c r="T409" s="10" t="s">
        <v>22</v>
      </c>
      <c r="U409" s="10" t="s">
        <v>22</v>
      </c>
      <c r="V409" s="10" t="s">
        <v>22</v>
      </c>
      <c r="W409" s="10" t="s">
        <v>22</v>
      </c>
      <c r="X409" s="10" t="s">
        <v>22</v>
      </c>
      <c r="Y409" s="10" t="s">
        <v>22</v>
      </c>
      <c r="Z409" s="10" t="s">
        <v>22</v>
      </c>
    </row>
    <row r="410" spans="1:26" ht="37.25" customHeight="1" x14ac:dyDescent="0.2">
      <c r="A410" s="9" t="s">
        <v>17690</v>
      </c>
      <c r="B410" s="9" t="s">
        <v>14</v>
      </c>
      <c r="C410" s="9" t="s">
        <v>1928</v>
      </c>
      <c r="D410" s="6" t="s">
        <v>1929</v>
      </c>
      <c r="E410" s="22">
        <v>44706</v>
      </c>
      <c r="F410" s="22">
        <v>46531</v>
      </c>
      <c r="G410" s="6" t="s">
        <v>1938</v>
      </c>
      <c r="H410" s="6" t="s">
        <v>62</v>
      </c>
      <c r="I410" s="6" t="s">
        <v>493</v>
      </c>
      <c r="J410" s="6" t="s">
        <v>1939</v>
      </c>
      <c r="L410" s="10" t="s">
        <v>22</v>
      </c>
      <c r="M410" s="10" t="s">
        <v>22</v>
      </c>
      <c r="N410" s="10" t="s">
        <v>22</v>
      </c>
      <c r="O410" s="10" t="s">
        <v>22</v>
      </c>
      <c r="P410" s="10" t="s">
        <v>22</v>
      </c>
      <c r="Q410" s="10" t="s">
        <v>22</v>
      </c>
      <c r="R410" s="10" t="s">
        <v>22</v>
      </c>
      <c r="S410" s="10" t="s">
        <v>22</v>
      </c>
      <c r="T410" s="10" t="s">
        <v>22</v>
      </c>
      <c r="U410" s="10" t="s">
        <v>22</v>
      </c>
      <c r="V410" s="10" t="s">
        <v>22</v>
      </c>
      <c r="W410" s="10" t="s">
        <v>22</v>
      </c>
      <c r="X410" s="10" t="s">
        <v>22</v>
      </c>
      <c r="Y410" s="10" t="s">
        <v>22</v>
      </c>
      <c r="Z410" s="10" t="s">
        <v>22</v>
      </c>
    </row>
    <row r="411" spans="1:26" ht="37.25" customHeight="1" x14ac:dyDescent="0.2">
      <c r="A411" s="9" t="s">
        <v>17691</v>
      </c>
      <c r="B411" s="9" t="s">
        <v>14</v>
      </c>
      <c r="C411" s="9" t="s">
        <v>1928</v>
      </c>
      <c r="D411" s="6" t="s">
        <v>1929</v>
      </c>
      <c r="E411" s="22">
        <v>44706</v>
      </c>
      <c r="F411" s="22">
        <v>46531</v>
      </c>
      <c r="G411" s="6" t="s">
        <v>1940</v>
      </c>
      <c r="H411" s="6" t="s">
        <v>62</v>
      </c>
      <c r="I411" s="6" t="s">
        <v>186</v>
      </c>
      <c r="J411" s="6" t="s">
        <v>1941</v>
      </c>
      <c r="L411" s="10" t="s">
        <v>22</v>
      </c>
      <c r="M411" s="10" t="s">
        <v>22</v>
      </c>
      <c r="N411" s="10" t="s">
        <v>22</v>
      </c>
      <c r="O411" s="10" t="s">
        <v>22</v>
      </c>
      <c r="P411" s="10" t="s">
        <v>22</v>
      </c>
      <c r="Q411" s="10" t="s">
        <v>22</v>
      </c>
      <c r="R411" s="10" t="s">
        <v>22</v>
      </c>
      <c r="S411" s="10" t="s">
        <v>22</v>
      </c>
      <c r="T411" s="10" t="s">
        <v>22</v>
      </c>
      <c r="U411" s="10" t="s">
        <v>22</v>
      </c>
      <c r="V411" s="10" t="s">
        <v>22</v>
      </c>
      <c r="W411" s="10" t="s">
        <v>22</v>
      </c>
      <c r="X411" s="10" t="s">
        <v>22</v>
      </c>
      <c r="Y411" s="10" t="s">
        <v>22</v>
      </c>
      <c r="Z411" s="10" t="s">
        <v>22</v>
      </c>
    </row>
    <row r="412" spans="1:26" ht="24" customHeight="1" x14ac:dyDescent="0.2">
      <c r="A412" s="9" t="s">
        <v>17692</v>
      </c>
      <c r="B412" s="9" t="s">
        <v>14</v>
      </c>
      <c r="C412" s="9" t="s">
        <v>1942</v>
      </c>
      <c r="D412" s="6" t="s">
        <v>1943</v>
      </c>
      <c r="E412" s="22">
        <v>44706</v>
      </c>
      <c r="F412" s="22">
        <v>46531</v>
      </c>
      <c r="G412" s="6" t="s">
        <v>1944</v>
      </c>
      <c r="H412" s="6" t="s">
        <v>363</v>
      </c>
      <c r="I412" s="6" t="s">
        <v>1945</v>
      </c>
      <c r="J412" s="6" t="s">
        <v>16189</v>
      </c>
      <c r="K412" s="9" t="s">
        <v>1946</v>
      </c>
      <c r="L412" s="10" t="s">
        <v>22</v>
      </c>
      <c r="M412" s="10" t="s">
        <v>22</v>
      </c>
      <c r="N412" s="10" t="s">
        <v>22</v>
      </c>
      <c r="O412" s="10" t="s">
        <v>22</v>
      </c>
      <c r="P412" s="10" t="s">
        <v>22</v>
      </c>
      <c r="Q412" s="10" t="s">
        <v>22</v>
      </c>
      <c r="U412" s="10" t="s">
        <v>22</v>
      </c>
      <c r="V412" s="10" t="s">
        <v>22</v>
      </c>
      <c r="W412" s="10" t="s">
        <v>22</v>
      </c>
      <c r="X412" s="10" t="s">
        <v>22</v>
      </c>
      <c r="Y412" s="10" t="s">
        <v>22</v>
      </c>
      <c r="Z412" s="10" t="s">
        <v>22</v>
      </c>
    </row>
    <row r="413" spans="1:26" ht="24" customHeight="1" x14ac:dyDescent="0.2">
      <c r="A413" s="9" t="s">
        <v>17693</v>
      </c>
      <c r="B413" s="9" t="s">
        <v>14</v>
      </c>
      <c r="C413" s="9" t="s">
        <v>1947</v>
      </c>
      <c r="D413" s="6" t="s">
        <v>1948</v>
      </c>
      <c r="E413" s="22">
        <v>44709</v>
      </c>
      <c r="F413" s="22">
        <v>46534</v>
      </c>
      <c r="G413" s="6" t="s">
        <v>1949</v>
      </c>
      <c r="H413" s="6" t="s">
        <v>202</v>
      </c>
      <c r="I413" s="6" t="s">
        <v>863</v>
      </c>
      <c r="J413" s="6" t="s">
        <v>1950</v>
      </c>
      <c r="K413" s="9" t="s">
        <v>1951</v>
      </c>
      <c r="L413" s="10" t="s">
        <v>22</v>
      </c>
      <c r="M413" s="10" t="s">
        <v>22</v>
      </c>
      <c r="N413" s="10" t="s">
        <v>22</v>
      </c>
      <c r="O413" s="10" t="s">
        <v>22</v>
      </c>
      <c r="P413" s="10" t="s">
        <v>22</v>
      </c>
      <c r="Q413" s="10" t="s">
        <v>22</v>
      </c>
      <c r="R413" s="10" t="s">
        <v>22</v>
      </c>
      <c r="S413" s="10" t="s">
        <v>22</v>
      </c>
      <c r="T413" s="10" t="s">
        <v>22</v>
      </c>
      <c r="U413" s="10" t="s">
        <v>22</v>
      </c>
      <c r="V413" s="10" t="s">
        <v>22</v>
      </c>
      <c r="W413" s="10" t="s">
        <v>22</v>
      </c>
      <c r="X413" s="10" t="s">
        <v>22</v>
      </c>
      <c r="Y413" s="10" t="s">
        <v>22</v>
      </c>
      <c r="Z413" s="10" t="s">
        <v>22</v>
      </c>
    </row>
    <row r="414" spans="1:26" ht="24" customHeight="1" x14ac:dyDescent="0.2">
      <c r="A414" s="9" t="s">
        <v>17694</v>
      </c>
      <c r="B414" s="9" t="s">
        <v>14</v>
      </c>
      <c r="C414" s="9" t="s">
        <v>1952</v>
      </c>
      <c r="D414" s="6" t="s">
        <v>1953</v>
      </c>
      <c r="E414" s="22">
        <v>44711</v>
      </c>
      <c r="F414" s="22">
        <v>46536</v>
      </c>
      <c r="G414" s="6" t="s">
        <v>1954</v>
      </c>
      <c r="H414" s="6" t="s">
        <v>62</v>
      </c>
      <c r="I414" s="6" t="s">
        <v>1955</v>
      </c>
      <c r="J414" s="6" t="s">
        <v>1956</v>
      </c>
      <c r="K414" s="9" t="s">
        <v>1957</v>
      </c>
      <c r="L414" s="10" t="s">
        <v>22</v>
      </c>
      <c r="M414" s="10" t="s">
        <v>22</v>
      </c>
      <c r="N414" s="10" t="s">
        <v>22</v>
      </c>
      <c r="O414" s="10" t="s">
        <v>22</v>
      </c>
      <c r="P414" s="10" t="s">
        <v>22</v>
      </c>
      <c r="Q414" s="10" t="s">
        <v>22</v>
      </c>
      <c r="R414" s="10" t="s">
        <v>22</v>
      </c>
      <c r="S414" s="10" t="s">
        <v>22</v>
      </c>
      <c r="T414" s="10" t="s">
        <v>22</v>
      </c>
      <c r="U414" s="10" t="s">
        <v>22</v>
      </c>
      <c r="V414" s="10" t="s">
        <v>22</v>
      </c>
      <c r="W414" s="10" t="s">
        <v>22</v>
      </c>
      <c r="X414" s="10" t="s">
        <v>22</v>
      </c>
      <c r="Y414" s="10" t="s">
        <v>22</v>
      </c>
      <c r="Z414" s="10" t="s">
        <v>22</v>
      </c>
    </row>
    <row r="415" spans="1:26" ht="24" customHeight="1" x14ac:dyDescent="0.2">
      <c r="A415" s="9" t="s">
        <v>17695</v>
      </c>
      <c r="B415" s="9" t="s">
        <v>14</v>
      </c>
      <c r="C415" s="9" t="s">
        <v>1958</v>
      </c>
      <c r="D415" s="6" t="s">
        <v>1959</v>
      </c>
      <c r="E415" s="22">
        <v>44711</v>
      </c>
      <c r="F415" s="22">
        <v>46536</v>
      </c>
      <c r="G415" s="6" t="s">
        <v>1960</v>
      </c>
      <c r="H415" s="6" t="s">
        <v>62</v>
      </c>
      <c r="I415" s="6" t="s">
        <v>551</v>
      </c>
      <c r="J415" s="6" t="s">
        <v>1961</v>
      </c>
      <c r="K415" s="9" t="s">
        <v>1962</v>
      </c>
      <c r="L415" s="10" t="s">
        <v>22</v>
      </c>
      <c r="M415" s="10" t="s">
        <v>22</v>
      </c>
      <c r="N415" s="10" t="s">
        <v>22</v>
      </c>
      <c r="O415" s="10" t="s">
        <v>22</v>
      </c>
      <c r="P415" s="10" t="s">
        <v>22</v>
      </c>
      <c r="Q415" s="10" t="s">
        <v>22</v>
      </c>
      <c r="R415" s="10" t="s">
        <v>22</v>
      </c>
      <c r="S415" s="10" t="s">
        <v>22</v>
      </c>
      <c r="T415" s="10" t="s">
        <v>22</v>
      </c>
      <c r="U415" s="10" t="s">
        <v>22</v>
      </c>
      <c r="V415" s="10" t="s">
        <v>22</v>
      </c>
      <c r="W415" s="10" t="s">
        <v>22</v>
      </c>
      <c r="X415" s="10" t="s">
        <v>22</v>
      </c>
      <c r="Y415" s="10" t="s">
        <v>22</v>
      </c>
      <c r="Z415" s="10" t="s">
        <v>22</v>
      </c>
    </row>
    <row r="416" spans="1:26" ht="24" customHeight="1" x14ac:dyDescent="0.2">
      <c r="A416" s="9" t="s">
        <v>17696</v>
      </c>
      <c r="B416" s="9" t="s">
        <v>14</v>
      </c>
      <c r="C416" s="9" t="s">
        <v>1963</v>
      </c>
      <c r="D416" s="6" t="s">
        <v>1964</v>
      </c>
      <c r="E416" s="22">
        <v>44711</v>
      </c>
      <c r="F416" s="22">
        <v>46536</v>
      </c>
      <c r="G416" s="6" t="s">
        <v>1965</v>
      </c>
      <c r="H416" s="6" t="s">
        <v>363</v>
      </c>
      <c r="I416" s="6" t="s">
        <v>1966</v>
      </c>
      <c r="J416" s="6" t="s">
        <v>1967</v>
      </c>
      <c r="K416" s="9" t="s">
        <v>1968</v>
      </c>
      <c r="L416" s="10" t="s">
        <v>22</v>
      </c>
      <c r="M416" s="10" t="s">
        <v>22</v>
      </c>
      <c r="N416" s="10" t="s">
        <v>22</v>
      </c>
      <c r="O416" s="10" t="s">
        <v>22</v>
      </c>
      <c r="P416" s="10" t="s">
        <v>22</v>
      </c>
      <c r="Q416" s="10" t="s">
        <v>22</v>
      </c>
      <c r="R416" s="10" t="s">
        <v>22</v>
      </c>
      <c r="S416" s="10" t="s">
        <v>22</v>
      </c>
      <c r="T416" s="10" t="s">
        <v>22</v>
      </c>
      <c r="U416" s="10" t="s">
        <v>22</v>
      </c>
      <c r="V416" s="10" t="s">
        <v>22</v>
      </c>
      <c r="W416" s="10" t="s">
        <v>22</v>
      </c>
      <c r="X416" s="10" t="s">
        <v>22</v>
      </c>
      <c r="Y416" s="10" t="s">
        <v>22</v>
      </c>
      <c r="Z416" s="10" t="s">
        <v>22</v>
      </c>
    </row>
    <row r="417" spans="1:26" ht="24" customHeight="1" x14ac:dyDescent="0.2">
      <c r="A417" s="9" t="s">
        <v>17697</v>
      </c>
      <c r="B417" s="9" t="s">
        <v>14</v>
      </c>
      <c r="C417" s="9" t="s">
        <v>1969</v>
      </c>
      <c r="D417" s="6" t="s">
        <v>1970</v>
      </c>
      <c r="E417" s="22">
        <v>44711</v>
      </c>
      <c r="F417" s="22">
        <v>46536</v>
      </c>
      <c r="G417" s="6" t="s">
        <v>1971</v>
      </c>
      <c r="H417" s="6" t="s">
        <v>18</v>
      </c>
      <c r="I417" s="6" t="s">
        <v>19</v>
      </c>
      <c r="J417" s="6" t="s">
        <v>1972</v>
      </c>
      <c r="L417" s="10" t="s">
        <v>22</v>
      </c>
      <c r="M417" s="10" t="s">
        <v>22</v>
      </c>
      <c r="N417" s="10" t="s">
        <v>22</v>
      </c>
      <c r="O417" s="10" t="s">
        <v>22</v>
      </c>
      <c r="P417" s="10" t="s">
        <v>22</v>
      </c>
      <c r="Q417" s="10" t="s">
        <v>22</v>
      </c>
    </row>
    <row r="418" spans="1:26" ht="24" customHeight="1" x14ac:dyDescent="0.2">
      <c r="A418" s="9" t="s">
        <v>17698</v>
      </c>
      <c r="B418" s="9" t="s">
        <v>14</v>
      </c>
      <c r="C418" s="9" t="s">
        <v>1973</v>
      </c>
      <c r="D418" s="6" t="s">
        <v>1974</v>
      </c>
      <c r="E418" s="22">
        <v>44711</v>
      </c>
      <c r="F418" s="22">
        <v>46536</v>
      </c>
      <c r="G418" s="6" t="s">
        <v>1975</v>
      </c>
      <c r="H418" s="6" t="s">
        <v>229</v>
      </c>
      <c r="I418" s="6" t="s">
        <v>1397</v>
      </c>
      <c r="J418" s="6" t="s">
        <v>1976</v>
      </c>
      <c r="K418" s="9" t="s">
        <v>1977</v>
      </c>
      <c r="L418" s="10" t="s">
        <v>22</v>
      </c>
      <c r="M418" s="10" t="s">
        <v>22</v>
      </c>
      <c r="N418" s="10" t="s">
        <v>22</v>
      </c>
      <c r="O418" s="10" t="s">
        <v>22</v>
      </c>
      <c r="P418" s="10" t="s">
        <v>22</v>
      </c>
      <c r="Q418" s="10" t="s">
        <v>22</v>
      </c>
      <c r="R418" s="10" t="s">
        <v>22</v>
      </c>
      <c r="S418" s="10" t="s">
        <v>22</v>
      </c>
      <c r="T418" s="10" t="s">
        <v>22</v>
      </c>
      <c r="U418" s="10" t="s">
        <v>22</v>
      </c>
      <c r="V418" s="10" t="s">
        <v>22</v>
      </c>
      <c r="W418" s="10" t="s">
        <v>22</v>
      </c>
      <c r="X418" s="10" t="s">
        <v>22</v>
      </c>
      <c r="Y418" s="10" t="s">
        <v>22</v>
      </c>
      <c r="Z418" s="10" t="s">
        <v>22</v>
      </c>
    </row>
    <row r="419" spans="1:26" ht="24" customHeight="1" x14ac:dyDescent="0.2">
      <c r="A419" s="9" t="s">
        <v>17699</v>
      </c>
      <c r="B419" s="9" t="s">
        <v>14</v>
      </c>
      <c r="C419" s="9" t="s">
        <v>1978</v>
      </c>
      <c r="D419" s="6" t="s">
        <v>1979</v>
      </c>
      <c r="E419" s="22">
        <v>44711</v>
      </c>
      <c r="F419" s="22">
        <v>46536</v>
      </c>
      <c r="G419" s="6" t="s">
        <v>1980</v>
      </c>
      <c r="H419" s="6" t="s">
        <v>18</v>
      </c>
      <c r="I419" s="6" t="s">
        <v>19</v>
      </c>
      <c r="J419" s="6" t="s">
        <v>1981</v>
      </c>
      <c r="K419" s="9" t="s">
        <v>1982</v>
      </c>
      <c r="L419" s="10" t="s">
        <v>22</v>
      </c>
      <c r="M419" s="10" t="s">
        <v>22</v>
      </c>
      <c r="N419" s="10" t="s">
        <v>22</v>
      </c>
      <c r="O419" s="10" t="s">
        <v>22</v>
      </c>
      <c r="P419" s="10" t="s">
        <v>22</v>
      </c>
      <c r="Q419" s="10" t="s">
        <v>22</v>
      </c>
      <c r="U419" s="10" t="s">
        <v>22</v>
      </c>
      <c r="V419" s="10" t="s">
        <v>22</v>
      </c>
      <c r="W419" s="10" t="s">
        <v>22</v>
      </c>
    </row>
    <row r="420" spans="1:26" ht="24" customHeight="1" x14ac:dyDescent="0.2">
      <c r="A420" s="9" t="s">
        <v>17700</v>
      </c>
      <c r="B420" s="9" t="s">
        <v>14</v>
      </c>
      <c r="C420" s="9" t="s">
        <v>1983</v>
      </c>
      <c r="D420" s="6" t="s">
        <v>1984</v>
      </c>
      <c r="E420" s="22">
        <v>44716</v>
      </c>
      <c r="F420" s="22">
        <v>46541</v>
      </c>
      <c r="G420" s="6" t="s">
        <v>1985</v>
      </c>
      <c r="H420" s="6" t="s">
        <v>18</v>
      </c>
      <c r="I420" s="6" t="s">
        <v>19</v>
      </c>
      <c r="J420" s="6" t="s">
        <v>1986</v>
      </c>
      <c r="K420" s="9" t="s">
        <v>1987</v>
      </c>
      <c r="L420" s="10" t="s">
        <v>22</v>
      </c>
      <c r="M420" s="10" t="s">
        <v>22</v>
      </c>
      <c r="N420" s="10" t="s">
        <v>22</v>
      </c>
      <c r="O420" s="10" t="s">
        <v>22</v>
      </c>
      <c r="P420" s="10" t="s">
        <v>22</v>
      </c>
      <c r="Q420" s="10" t="s">
        <v>22</v>
      </c>
      <c r="U420" s="10" t="s">
        <v>22</v>
      </c>
      <c r="V420" s="10" t="s">
        <v>22</v>
      </c>
      <c r="W420" s="10" t="s">
        <v>22</v>
      </c>
      <c r="X420" s="10" t="s">
        <v>22</v>
      </c>
      <c r="Y420" s="10" t="s">
        <v>22</v>
      </c>
      <c r="Z420" s="10" t="s">
        <v>22</v>
      </c>
    </row>
    <row r="421" spans="1:26" ht="24" customHeight="1" x14ac:dyDescent="0.2">
      <c r="A421" s="9" t="s">
        <v>17701</v>
      </c>
      <c r="B421" s="9" t="s">
        <v>14</v>
      </c>
      <c r="C421" s="9" t="s">
        <v>1988</v>
      </c>
      <c r="D421" s="6" t="s">
        <v>1989</v>
      </c>
      <c r="E421" s="22">
        <v>44716</v>
      </c>
      <c r="F421" s="22">
        <v>46541</v>
      </c>
      <c r="G421" s="6" t="s">
        <v>1990</v>
      </c>
      <c r="H421" s="6" t="s">
        <v>62</v>
      </c>
      <c r="I421" s="6" t="s">
        <v>279</v>
      </c>
      <c r="J421" s="6" t="s">
        <v>1991</v>
      </c>
      <c r="K421" s="9" t="s">
        <v>1992</v>
      </c>
      <c r="L421" s="10" t="s">
        <v>22</v>
      </c>
      <c r="M421" s="10" t="s">
        <v>22</v>
      </c>
      <c r="N421" s="10" t="s">
        <v>22</v>
      </c>
      <c r="O421" s="10" t="s">
        <v>22</v>
      </c>
      <c r="P421" s="10" t="s">
        <v>22</v>
      </c>
      <c r="Q421" s="10" t="s">
        <v>22</v>
      </c>
    </row>
    <row r="422" spans="1:26" ht="24" customHeight="1" x14ac:dyDescent="0.2">
      <c r="A422" s="9" t="s">
        <v>17702</v>
      </c>
      <c r="B422" s="9" t="s">
        <v>14</v>
      </c>
      <c r="C422" s="9" t="s">
        <v>1993</v>
      </c>
      <c r="D422" s="6" t="s">
        <v>1994</v>
      </c>
      <c r="E422" s="22">
        <v>44716</v>
      </c>
      <c r="F422" s="22">
        <v>46541</v>
      </c>
      <c r="G422" s="6" t="s">
        <v>1995</v>
      </c>
      <c r="H422" s="6" t="s">
        <v>18</v>
      </c>
      <c r="I422" s="6" t="s">
        <v>19</v>
      </c>
      <c r="J422" s="6" t="s">
        <v>1996</v>
      </c>
      <c r="L422" s="10" t="s">
        <v>22</v>
      </c>
      <c r="M422" s="10" t="s">
        <v>22</v>
      </c>
      <c r="N422" s="10" t="s">
        <v>22</v>
      </c>
      <c r="O422" s="10" t="s">
        <v>22</v>
      </c>
      <c r="P422" s="10" t="s">
        <v>22</v>
      </c>
      <c r="Q422" s="10" t="s">
        <v>22</v>
      </c>
      <c r="R422" s="10" t="s">
        <v>22</v>
      </c>
      <c r="S422" s="10" t="s">
        <v>22</v>
      </c>
      <c r="T422" s="10" t="s">
        <v>22</v>
      </c>
      <c r="U422" s="10" t="s">
        <v>22</v>
      </c>
      <c r="V422" s="10" t="s">
        <v>22</v>
      </c>
      <c r="W422" s="10" t="s">
        <v>22</v>
      </c>
      <c r="X422" s="10" t="s">
        <v>22</v>
      </c>
      <c r="Y422" s="10" t="s">
        <v>22</v>
      </c>
      <c r="Z422" s="10" t="s">
        <v>22</v>
      </c>
    </row>
    <row r="423" spans="1:26" ht="24" customHeight="1" x14ac:dyDescent="0.2">
      <c r="A423" s="9" t="s">
        <v>17703</v>
      </c>
      <c r="B423" s="9" t="s">
        <v>14</v>
      </c>
      <c r="C423" s="9" t="s">
        <v>1997</v>
      </c>
      <c r="D423" s="6" t="s">
        <v>1998</v>
      </c>
      <c r="E423" s="22">
        <v>44716</v>
      </c>
      <c r="F423" s="22">
        <v>46541</v>
      </c>
      <c r="G423" s="6" t="s">
        <v>1999</v>
      </c>
      <c r="H423" s="6" t="s">
        <v>18</v>
      </c>
      <c r="I423" s="6" t="s">
        <v>19</v>
      </c>
      <c r="J423" s="6" t="s">
        <v>2000</v>
      </c>
      <c r="K423" s="9" t="s">
        <v>2001</v>
      </c>
      <c r="L423" s="10" t="s">
        <v>22</v>
      </c>
      <c r="M423" s="10" t="s">
        <v>22</v>
      </c>
      <c r="N423" s="10" t="s">
        <v>22</v>
      </c>
      <c r="O423" s="10" t="s">
        <v>22</v>
      </c>
      <c r="P423" s="10" t="s">
        <v>22</v>
      </c>
      <c r="Q423" s="10" t="s">
        <v>22</v>
      </c>
      <c r="R423" s="10" t="s">
        <v>22</v>
      </c>
      <c r="S423" s="10" t="s">
        <v>22</v>
      </c>
      <c r="T423" s="10" t="s">
        <v>22</v>
      </c>
      <c r="U423" s="10" t="s">
        <v>22</v>
      </c>
      <c r="V423" s="10" t="s">
        <v>22</v>
      </c>
      <c r="W423" s="10" t="s">
        <v>22</v>
      </c>
      <c r="X423" s="10" t="s">
        <v>22</v>
      </c>
      <c r="Y423" s="10" t="s">
        <v>22</v>
      </c>
      <c r="Z423" s="10" t="s">
        <v>22</v>
      </c>
    </row>
    <row r="424" spans="1:26" ht="24" customHeight="1" x14ac:dyDescent="0.2">
      <c r="A424" s="9" t="s">
        <v>17704</v>
      </c>
      <c r="B424" s="9" t="s">
        <v>14</v>
      </c>
      <c r="C424" s="9" t="s">
        <v>2002</v>
      </c>
      <c r="D424" s="6" t="s">
        <v>2003</v>
      </c>
      <c r="E424" s="22">
        <v>44717</v>
      </c>
      <c r="F424" s="22">
        <v>46542</v>
      </c>
      <c r="G424" s="6" t="s">
        <v>2004</v>
      </c>
      <c r="H424" s="6" t="s">
        <v>62</v>
      </c>
      <c r="I424" s="6" t="s">
        <v>435</v>
      </c>
      <c r="J424" s="6" t="s">
        <v>2005</v>
      </c>
      <c r="K424" s="9" t="s">
        <v>2006</v>
      </c>
      <c r="L424" s="10" t="s">
        <v>22</v>
      </c>
      <c r="M424" s="10" t="s">
        <v>22</v>
      </c>
      <c r="N424" s="10" t="s">
        <v>22</v>
      </c>
      <c r="O424" s="10" t="s">
        <v>22</v>
      </c>
      <c r="P424" s="10" t="s">
        <v>22</v>
      </c>
      <c r="Q424" s="10" t="s">
        <v>22</v>
      </c>
      <c r="U424" s="10" t="s">
        <v>22</v>
      </c>
      <c r="V424" s="10" t="s">
        <v>22</v>
      </c>
      <c r="W424" s="10" t="s">
        <v>22</v>
      </c>
      <c r="X424" s="10" t="s">
        <v>22</v>
      </c>
      <c r="Y424" s="10" t="s">
        <v>22</v>
      </c>
      <c r="Z424" s="10" t="s">
        <v>22</v>
      </c>
    </row>
    <row r="425" spans="1:26" ht="24" customHeight="1" x14ac:dyDescent="0.2">
      <c r="A425" s="9" t="s">
        <v>17705</v>
      </c>
      <c r="B425" s="9" t="s">
        <v>14</v>
      </c>
      <c r="C425" s="9" t="s">
        <v>2007</v>
      </c>
      <c r="D425" s="6" t="s">
        <v>2008</v>
      </c>
      <c r="E425" s="22">
        <v>44717</v>
      </c>
      <c r="F425" s="22">
        <v>46542</v>
      </c>
      <c r="G425" s="6" t="s">
        <v>2009</v>
      </c>
      <c r="H425" s="6" t="s">
        <v>62</v>
      </c>
      <c r="I425" s="6" t="s">
        <v>551</v>
      </c>
      <c r="J425" s="6" t="s">
        <v>2010</v>
      </c>
      <c r="K425" s="9" t="s">
        <v>2011</v>
      </c>
      <c r="L425" s="10" t="s">
        <v>22</v>
      </c>
      <c r="M425" s="10" t="s">
        <v>22</v>
      </c>
      <c r="N425" s="10" t="s">
        <v>22</v>
      </c>
      <c r="O425" s="10" t="s">
        <v>22</v>
      </c>
      <c r="P425" s="10" t="s">
        <v>22</v>
      </c>
      <c r="Q425" s="10" t="s">
        <v>22</v>
      </c>
      <c r="U425" s="10" t="s">
        <v>22</v>
      </c>
      <c r="V425" s="10" t="s">
        <v>22</v>
      </c>
      <c r="W425" s="10" t="s">
        <v>22</v>
      </c>
      <c r="X425" s="10" t="s">
        <v>22</v>
      </c>
      <c r="Y425" s="10" t="s">
        <v>22</v>
      </c>
      <c r="Z425" s="10" t="s">
        <v>22</v>
      </c>
    </row>
    <row r="426" spans="1:26" ht="24" customHeight="1" x14ac:dyDescent="0.2">
      <c r="A426" s="9" t="s">
        <v>17706</v>
      </c>
      <c r="B426" s="9" t="s">
        <v>14</v>
      </c>
      <c r="C426" s="9" t="s">
        <v>2012</v>
      </c>
      <c r="D426" s="6" t="s">
        <v>2013</v>
      </c>
      <c r="E426" s="22">
        <v>44717</v>
      </c>
      <c r="F426" s="22">
        <v>46542</v>
      </c>
      <c r="G426" s="6" t="s">
        <v>2014</v>
      </c>
      <c r="H426" s="6" t="s">
        <v>62</v>
      </c>
      <c r="I426" s="6" t="s">
        <v>264</v>
      </c>
      <c r="J426" s="6" t="s">
        <v>2015</v>
      </c>
      <c r="L426" s="10" t="s">
        <v>22</v>
      </c>
      <c r="M426" s="10" t="s">
        <v>22</v>
      </c>
      <c r="N426" s="10" t="s">
        <v>22</v>
      </c>
      <c r="O426" s="10" t="s">
        <v>22</v>
      </c>
      <c r="P426" s="10" t="s">
        <v>22</v>
      </c>
      <c r="Q426" s="10" t="s">
        <v>22</v>
      </c>
      <c r="R426" s="10" t="s">
        <v>22</v>
      </c>
      <c r="S426" s="10" t="s">
        <v>22</v>
      </c>
      <c r="T426" s="10" t="s">
        <v>22</v>
      </c>
      <c r="U426" s="10" t="s">
        <v>22</v>
      </c>
      <c r="V426" s="10" t="s">
        <v>22</v>
      </c>
      <c r="W426" s="10" t="s">
        <v>22</v>
      </c>
      <c r="X426" s="10" t="s">
        <v>22</v>
      </c>
      <c r="Y426" s="10" t="s">
        <v>22</v>
      </c>
      <c r="Z426" s="10" t="s">
        <v>22</v>
      </c>
    </row>
    <row r="427" spans="1:26" ht="24" customHeight="1" x14ac:dyDescent="0.2">
      <c r="A427" s="9" t="s">
        <v>17707</v>
      </c>
      <c r="B427" s="9" t="s">
        <v>14</v>
      </c>
      <c r="C427" s="9" t="s">
        <v>2016</v>
      </c>
      <c r="D427" s="6" t="s">
        <v>2017</v>
      </c>
      <c r="E427" s="22">
        <v>44717</v>
      </c>
      <c r="F427" s="22">
        <v>46542</v>
      </c>
      <c r="G427" s="6" t="s">
        <v>2018</v>
      </c>
      <c r="H427" s="6" t="s">
        <v>62</v>
      </c>
      <c r="I427" s="6" t="s">
        <v>312</v>
      </c>
      <c r="J427" s="6" t="s">
        <v>2019</v>
      </c>
      <c r="K427" s="9" t="s">
        <v>2020</v>
      </c>
      <c r="L427" s="10" t="s">
        <v>22</v>
      </c>
      <c r="M427" s="10" t="s">
        <v>22</v>
      </c>
      <c r="N427" s="10" t="s">
        <v>22</v>
      </c>
      <c r="O427" s="10" t="s">
        <v>22</v>
      </c>
      <c r="P427" s="10" t="s">
        <v>22</v>
      </c>
      <c r="Q427" s="10" t="s">
        <v>22</v>
      </c>
      <c r="R427" s="10" t="s">
        <v>22</v>
      </c>
      <c r="S427" s="10" t="s">
        <v>22</v>
      </c>
      <c r="T427" s="10" t="s">
        <v>22</v>
      </c>
      <c r="U427" s="10" t="s">
        <v>22</v>
      </c>
      <c r="V427" s="10" t="s">
        <v>22</v>
      </c>
      <c r="W427" s="10" t="s">
        <v>22</v>
      </c>
      <c r="X427" s="10" t="s">
        <v>22</v>
      </c>
      <c r="Y427" s="10" t="s">
        <v>22</v>
      </c>
      <c r="Z427" s="10" t="s">
        <v>22</v>
      </c>
    </row>
    <row r="428" spans="1:26" ht="24" customHeight="1" x14ac:dyDescent="0.2">
      <c r="A428" s="9" t="s">
        <v>17708</v>
      </c>
      <c r="B428" s="9" t="s">
        <v>14</v>
      </c>
      <c r="C428" s="9" t="s">
        <v>2021</v>
      </c>
      <c r="D428" s="6" t="s">
        <v>2022</v>
      </c>
      <c r="E428" s="22">
        <v>44717</v>
      </c>
      <c r="F428" s="22">
        <v>46542</v>
      </c>
      <c r="G428" s="6" t="s">
        <v>2023</v>
      </c>
      <c r="H428" s="6" t="s">
        <v>18</v>
      </c>
      <c r="I428" s="6" t="s">
        <v>19</v>
      </c>
      <c r="J428" s="6" t="s">
        <v>2024</v>
      </c>
      <c r="K428" s="9" t="s">
        <v>2025</v>
      </c>
      <c r="L428" s="10" t="s">
        <v>22</v>
      </c>
      <c r="M428" s="10" t="s">
        <v>22</v>
      </c>
      <c r="N428" s="10" t="s">
        <v>22</v>
      </c>
      <c r="O428" s="10" t="s">
        <v>22</v>
      </c>
      <c r="P428" s="10" t="s">
        <v>22</v>
      </c>
      <c r="Q428" s="10" t="s">
        <v>22</v>
      </c>
    </row>
    <row r="429" spans="1:26" ht="24" customHeight="1" x14ac:dyDescent="0.2">
      <c r="A429" s="9" t="s">
        <v>17709</v>
      </c>
      <c r="B429" s="9" t="s">
        <v>14</v>
      </c>
      <c r="C429" s="9" t="s">
        <v>2026</v>
      </c>
      <c r="D429" s="6" t="s">
        <v>2027</v>
      </c>
      <c r="E429" s="22">
        <v>44719</v>
      </c>
      <c r="F429" s="22">
        <v>46544</v>
      </c>
      <c r="G429" s="6" t="s">
        <v>2028</v>
      </c>
      <c r="H429" s="6" t="s">
        <v>2029</v>
      </c>
      <c r="I429" s="6" t="s">
        <v>2030</v>
      </c>
      <c r="J429" s="6" t="s">
        <v>2031</v>
      </c>
      <c r="K429" s="9" t="s">
        <v>2032</v>
      </c>
      <c r="L429" s="10" t="s">
        <v>22</v>
      </c>
      <c r="M429" s="10" t="s">
        <v>22</v>
      </c>
      <c r="N429" s="10" t="s">
        <v>22</v>
      </c>
      <c r="O429" s="10" t="s">
        <v>22</v>
      </c>
      <c r="P429" s="10" t="s">
        <v>22</v>
      </c>
      <c r="Q429" s="10" t="s">
        <v>22</v>
      </c>
      <c r="R429" s="10" t="s">
        <v>22</v>
      </c>
      <c r="S429" s="10" t="s">
        <v>22</v>
      </c>
      <c r="T429" s="10" t="s">
        <v>22</v>
      </c>
      <c r="U429" s="10" t="s">
        <v>22</v>
      </c>
      <c r="V429" s="10" t="s">
        <v>22</v>
      </c>
      <c r="W429" s="10" t="s">
        <v>22</v>
      </c>
      <c r="X429" s="10" t="s">
        <v>22</v>
      </c>
      <c r="Y429" s="10" t="s">
        <v>22</v>
      </c>
      <c r="Z429" s="10" t="s">
        <v>22</v>
      </c>
    </row>
    <row r="430" spans="1:26" ht="24" customHeight="1" x14ac:dyDescent="0.2">
      <c r="A430" s="9" t="s">
        <v>17710</v>
      </c>
      <c r="B430" s="9" t="s">
        <v>14</v>
      </c>
      <c r="C430" s="9" t="s">
        <v>2026</v>
      </c>
      <c r="D430" s="6" t="s">
        <v>2027</v>
      </c>
      <c r="E430" s="22">
        <v>44719</v>
      </c>
      <c r="F430" s="22">
        <v>46544</v>
      </c>
      <c r="G430" s="6" t="s">
        <v>2033</v>
      </c>
      <c r="H430" s="6" t="s">
        <v>18</v>
      </c>
      <c r="I430" s="6" t="s">
        <v>19</v>
      </c>
      <c r="J430" s="6" t="s">
        <v>2034</v>
      </c>
      <c r="K430" s="9" t="s">
        <v>2035</v>
      </c>
      <c r="L430" s="10" t="s">
        <v>22</v>
      </c>
      <c r="M430" s="10" t="s">
        <v>22</v>
      </c>
      <c r="N430" s="10" t="s">
        <v>22</v>
      </c>
      <c r="O430" s="10" t="s">
        <v>22</v>
      </c>
      <c r="P430" s="10" t="s">
        <v>22</v>
      </c>
      <c r="Q430" s="10" t="s">
        <v>22</v>
      </c>
      <c r="R430" s="10" t="s">
        <v>22</v>
      </c>
      <c r="S430" s="10" t="s">
        <v>22</v>
      </c>
      <c r="T430" s="10" t="s">
        <v>22</v>
      </c>
      <c r="U430" s="10" t="s">
        <v>22</v>
      </c>
      <c r="V430" s="10" t="s">
        <v>22</v>
      </c>
      <c r="W430" s="10" t="s">
        <v>22</v>
      </c>
      <c r="X430" s="10" t="s">
        <v>22</v>
      </c>
      <c r="Y430" s="10" t="s">
        <v>22</v>
      </c>
      <c r="Z430" s="10" t="s">
        <v>22</v>
      </c>
    </row>
    <row r="431" spans="1:26" ht="24" customHeight="1" x14ac:dyDescent="0.2">
      <c r="A431" s="9" t="s">
        <v>17711</v>
      </c>
      <c r="B431" s="9" t="s">
        <v>14</v>
      </c>
      <c r="C431" s="9" t="s">
        <v>2036</v>
      </c>
      <c r="D431" s="6" t="s">
        <v>2037</v>
      </c>
      <c r="E431" s="22">
        <v>44719</v>
      </c>
      <c r="F431" s="22">
        <v>46544</v>
      </c>
      <c r="G431" s="6" t="s">
        <v>2038</v>
      </c>
      <c r="H431" s="6" t="s">
        <v>18</v>
      </c>
      <c r="I431" s="6" t="s">
        <v>26</v>
      </c>
      <c r="J431" s="6" t="s">
        <v>2039</v>
      </c>
      <c r="K431" s="9" t="s">
        <v>2040</v>
      </c>
      <c r="L431" s="10" t="s">
        <v>22</v>
      </c>
      <c r="M431" s="10" t="s">
        <v>22</v>
      </c>
      <c r="N431" s="10" t="s">
        <v>22</v>
      </c>
      <c r="O431" s="10" t="s">
        <v>22</v>
      </c>
      <c r="P431" s="10" t="s">
        <v>22</v>
      </c>
      <c r="Q431" s="10" t="s">
        <v>22</v>
      </c>
      <c r="U431" s="10" t="s">
        <v>22</v>
      </c>
      <c r="V431" s="10" t="s">
        <v>22</v>
      </c>
      <c r="W431" s="10" t="s">
        <v>22</v>
      </c>
      <c r="X431" s="10" t="s">
        <v>22</v>
      </c>
      <c r="Y431" s="10" t="s">
        <v>22</v>
      </c>
      <c r="Z431" s="10" t="s">
        <v>22</v>
      </c>
    </row>
    <row r="432" spans="1:26" ht="24" customHeight="1" x14ac:dyDescent="0.2">
      <c r="A432" s="9" t="s">
        <v>17712</v>
      </c>
      <c r="B432" s="9" t="s">
        <v>14</v>
      </c>
      <c r="C432" s="9" t="s">
        <v>2041</v>
      </c>
      <c r="D432" s="6" t="s">
        <v>2042</v>
      </c>
      <c r="E432" s="22">
        <v>44719</v>
      </c>
      <c r="F432" s="22">
        <v>46544</v>
      </c>
      <c r="G432" s="6" t="s">
        <v>2043</v>
      </c>
      <c r="H432" s="6" t="s">
        <v>202</v>
      </c>
      <c r="I432" s="6" t="s">
        <v>441</v>
      </c>
      <c r="J432" s="6" t="s">
        <v>2044</v>
      </c>
      <c r="K432" s="9" t="s">
        <v>2045</v>
      </c>
      <c r="L432" s="10" t="s">
        <v>22</v>
      </c>
      <c r="M432" s="10" t="s">
        <v>22</v>
      </c>
      <c r="N432" s="10" t="s">
        <v>22</v>
      </c>
      <c r="O432" s="10" t="s">
        <v>22</v>
      </c>
      <c r="P432" s="10" t="s">
        <v>22</v>
      </c>
      <c r="Q432" s="10" t="s">
        <v>22</v>
      </c>
      <c r="R432" s="10" t="s">
        <v>22</v>
      </c>
      <c r="S432" s="10" t="s">
        <v>22</v>
      </c>
      <c r="T432" s="10" t="s">
        <v>22</v>
      </c>
      <c r="U432" s="10" t="s">
        <v>22</v>
      </c>
      <c r="V432" s="10" t="s">
        <v>22</v>
      </c>
      <c r="W432" s="10" t="s">
        <v>22</v>
      </c>
      <c r="X432" s="10" t="s">
        <v>22</v>
      </c>
      <c r="Y432" s="10" t="s">
        <v>22</v>
      </c>
      <c r="Z432" s="10" t="s">
        <v>22</v>
      </c>
    </row>
    <row r="433" spans="1:26" ht="24" customHeight="1" x14ac:dyDescent="0.2">
      <c r="A433" s="9" t="s">
        <v>17713</v>
      </c>
      <c r="B433" s="9" t="s">
        <v>14</v>
      </c>
      <c r="C433" s="9" t="s">
        <v>2046</v>
      </c>
      <c r="D433" s="6" t="s">
        <v>2047</v>
      </c>
      <c r="E433" s="22">
        <v>44719</v>
      </c>
      <c r="F433" s="22">
        <v>46544</v>
      </c>
      <c r="G433" s="6" t="s">
        <v>2048</v>
      </c>
      <c r="H433" s="6" t="s">
        <v>62</v>
      </c>
      <c r="I433" s="6" t="s">
        <v>1141</v>
      </c>
      <c r="J433" s="6" t="s">
        <v>2049</v>
      </c>
      <c r="K433" s="9" t="s">
        <v>2050</v>
      </c>
      <c r="L433" s="10" t="s">
        <v>22</v>
      </c>
      <c r="M433" s="10" t="s">
        <v>22</v>
      </c>
      <c r="N433" s="10" t="s">
        <v>22</v>
      </c>
      <c r="O433" s="10" t="s">
        <v>22</v>
      </c>
      <c r="P433" s="10" t="s">
        <v>22</v>
      </c>
      <c r="Q433" s="10" t="s">
        <v>22</v>
      </c>
      <c r="R433" s="10" t="s">
        <v>22</v>
      </c>
      <c r="S433" s="10" t="s">
        <v>22</v>
      </c>
      <c r="T433" s="10" t="s">
        <v>22</v>
      </c>
      <c r="U433" s="10" t="s">
        <v>22</v>
      </c>
      <c r="V433" s="10" t="s">
        <v>22</v>
      </c>
      <c r="W433" s="10" t="s">
        <v>22</v>
      </c>
      <c r="X433" s="10" t="s">
        <v>22</v>
      </c>
      <c r="Y433" s="10" t="s">
        <v>22</v>
      </c>
      <c r="Z433" s="10" t="s">
        <v>22</v>
      </c>
    </row>
    <row r="434" spans="1:26" ht="24" customHeight="1" x14ac:dyDescent="0.2">
      <c r="A434" s="9" t="s">
        <v>17714</v>
      </c>
      <c r="B434" s="9" t="s">
        <v>14</v>
      </c>
      <c r="C434" s="9" t="s">
        <v>2051</v>
      </c>
      <c r="D434" s="6" t="s">
        <v>2052</v>
      </c>
      <c r="E434" s="22">
        <v>44720</v>
      </c>
      <c r="F434" s="22">
        <v>46545</v>
      </c>
      <c r="G434" s="6" t="s">
        <v>2053</v>
      </c>
      <c r="H434" s="6" t="s">
        <v>18</v>
      </c>
      <c r="I434" s="6" t="s">
        <v>19</v>
      </c>
      <c r="J434" s="6" t="s">
        <v>2054</v>
      </c>
      <c r="K434" s="9" t="s">
        <v>2055</v>
      </c>
      <c r="L434" s="10" t="s">
        <v>22</v>
      </c>
      <c r="M434" s="10" t="s">
        <v>22</v>
      </c>
      <c r="N434" s="10" t="s">
        <v>22</v>
      </c>
      <c r="O434" s="10" t="s">
        <v>22</v>
      </c>
      <c r="P434" s="10" t="s">
        <v>22</v>
      </c>
      <c r="Q434" s="10" t="s">
        <v>22</v>
      </c>
      <c r="R434" s="10" t="s">
        <v>22</v>
      </c>
      <c r="S434" s="10" t="s">
        <v>22</v>
      </c>
      <c r="T434" s="10" t="s">
        <v>22</v>
      </c>
      <c r="U434" s="10" t="s">
        <v>22</v>
      </c>
      <c r="V434" s="10" t="s">
        <v>22</v>
      </c>
      <c r="W434" s="10" t="s">
        <v>22</v>
      </c>
      <c r="X434" s="10" t="s">
        <v>22</v>
      </c>
      <c r="Y434" s="10" t="s">
        <v>22</v>
      </c>
      <c r="Z434" s="10" t="s">
        <v>22</v>
      </c>
    </row>
    <row r="435" spans="1:26" ht="24" customHeight="1" x14ac:dyDescent="0.2">
      <c r="A435" s="9" t="s">
        <v>17715</v>
      </c>
      <c r="B435" s="9" t="s">
        <v>14</v>
      </c>
      <c r="C435" s="9" t="s">
        <v>2056</v>
      </c>
      <c r="D435" s="6" t="s">
        <v>2057</v>
      </c>
      <c r="E435" s="22">
        <v>44720</v>
      </c>
      <c r="F435" s="22">
        <v>46545</v>
      </c>
      <c r="G435" s="6" t="s">
        <v>2058</v>
      </c>
      <c r="H435" s="6" t="s">
        <v>18</v>
      </c>
      <c r="I435" s="6" t="s">
        <v>26</v>
      </c>
      <c r="J435" s="6" t="s">
        <v>2059</v>
      </c>
      <c r="K435" s="9" t="s">
        <v>2060</v>
      </c>
      <c r="L435" s="10" t="s">
        <v>22</v>
      </c>
      <c r="M435" s="10" t="s">
        <v>22</v>
      </c>
      <c r="N435" s="10" t="s">
        <v>22</v>
      </c>
      <c r="O435" s="10" t="s">
        <v>22</v>
      </c>
      <c r="P435" s="10" t="s">
        <v>22</v>
      </c>
      <c r="Q435" s="10" t="s">
        <v>22</v>
      </c>
    </row>
    <row r="436" spans="1:26" ht="24" customHeight="1" x14ac:dyDescent="0.2">
      <c r="A436" s="9" t="s">
        <v>17716</v>
      </c>
      <c r="B436" s="9" t="s">
        <v>14</v>
      </c>
      <c r="C436" s="9" t="s">
        <v>2061</v>
      </c>
      <c r="D436" s="6" t="s">
        <v>2062</v>
      </c>
      <c r="E436" s="22">
        <v>44720</v>
      </c>
      <c r="F436" s="22">
        <v>46545</v>
      </c>
      <c r="G436" s="6" t="s">
        <v>2063</v>
      </c>
      <c r="H436" s="6" t="s">
        <v>62</v>
      </c>
      <c r="I436" s="6" t="s">
        <v>551</v>
      </c>
      <c r="J436" s="6" t="s">
        <v>2064</v>
      </c>
      <c r="K436" s="9" t="s">
        <v>2065</v>
      </c>
      <c r="O436" s="10" t="s">
        <v>22</v>
      </c>
      <c r="P436" s="10" t="s">
        <v>22</v>
      </c>
      <c r="Q436" s="10" t="s">
        <v>22</v>
      </c>
      <c r="X436" s="10" t="s">
        <v>22</v>
      </c>
      <c r="Y436" s="10" t="s">
        <v>22</v>
      </c>
      <c r="Z436" s="10" t="s">
        <v>22</v>
      </c>
    </row>
    <row r="437" spans="1:26" ht="24" customHeight="1" x14ac:dyDescent="0.2">
      <c r="A437" s="9" t="s">
        <v>17717</v>
      </c>
      <c r="B437" s="9" t="s">
        <v>14</v>
      </c>
      <c r="C437" s="9" t="s">
        <v>2066</v>
      </c>
      <c r="D437" s="6" t="s">
        <v>2067</v>
      </c>
      <c r="E437" s="22">
        <v>44723</v>
      </c>
      <c r="F437" s="22">
        <v>46548</v>
      </c>
      <c r="G437" s="6" t="s">
        <v>2068</v>
      </c>
      <c r="H437" s="6" t="s">
        <v>2069</v>
      </c>
      <c r="I437" s="6" t="s">
        <v>2070</v>
      </c>
      <c r="J437" s="6" t="s">
        <v>2071</v>
      </c>
      <c r="K437" s="9" t="s">
        <v>2072</v>
      </c>
      <c r="L437" s="10" t="s">
        <v>22</v>
      </c>
      <c r="M437" s="10" t="s">
        <v>22</v>
      </c>
      <c r="N437" s="10" t="s">
        <v>22</v>
      </c>
      <c r="O437" s="10" t="s">
        <v>22</v>
      </c>
      <c r="P437" s="10" t="s">
        <v>22</v>
      </c>
      <c r="Q437" s="10" t="s">
        <v>22</v>
      </c>
      <c r="R437" s="10" t="s">
        <v>22</v>
      </c>
      <c r="S437" s="10" t="s">
        <v>22</v>
      </c>
      <c r="T437" s="10" t="s">
        <v>22</v>
      </c>
      <c r="U437" s="10" t="s">
        <v>22</v>
      </c>
      <c r="V437" s="10" t="s">
        <v>22</v>
      </c>
      <c r="W437" s="10" t="s">
        <v>22</v>
      </c>
      <c r="X437" s="10" t="s">
        <v>22</v>
      </c>
      <c r="Y437" s="10" t="s">
        <v>22</v>
      </c>
      <c r="Z437" s="10" t="s">
        <v>22</v>
      </c>
    </row>
    <row r="438" spans="1:26" ht="24" customHeight="1" x14ac:dyDescent="0.2">
      <c r="A438" s="9" t="s">
        <v>17718</v>
      </c>
      <c r="B438" s="9" t="s">
        <v>14</v>
      </c>
      <c r="C438" s="9" t="s">
        <v>2066</v>
      </c>
      <c r="D438" s="6" t="s">
        <v>2067</v>
      </c>
      <c r="E438" s="22">
        <v>44723</v>
      </c>
      <c r="F438" s="22">
        <v>46548</v>
      </c>
      <c r="G438" s="6" t="s">
        <v>2073</v>
      </c>
      <c r="H438" s="6" t="s">
        <v>229</v>
      </c>
      <c r="I438" s="6" t="s">
        <v>1885</v>
      </c>
      <c r="J438" s="6" t="s">
        <v>2074</v>
      </c>
      <c r="K438" s="9" t="s">
        <v>2075</v>
      </c>
      <c r="L438" s="10" t="s">
        <v>22</v>
      </c>
      <c r="M438" s="10" t="s">
        <v>22</v>
      </c>
      <c r="N438" s="10" t="s">
        <v>22</v>
      </c>
      <c r="O438" s="10" t="s">
        <v>22</v>
      </c>
      <c r="P438" s="10" t="s">
        <v>22</v>
      </c>
      <c r="Q438" s="10" t="s">
        <v>22</v>
      </c>
      <c r="R438" s="10" t="s">
        <v>22</v>
      </c>
      <c r="S438" s="10" t="s">
        <v>22</v>
      </c>
      <c r="T438" s="10" t="s">
        <v>22</v>
      </c>
      <c r="U438" s="10" t="s">
        <v>22</v>
      </c>
      <c r="V438" s="10" t="s">
        <v>22</v>
      </c>
      <c r="W438" s="10" t="s">
        <v>22</v>
      </c>
      <c r="X438" s="10" t="s">
        <v>22</v>
      </c>
      <c r="Y438" s="10" t="s">
        <v>22</v>
      </c>
      <c r="Z438" s="10" t="s">
        <v>22</v>
      </c>
    </row>
    <row r="439" spans="1:26" ht="24" customHeight="1" x14ac:dyDescent="0.2">
      <c r="A439" s="9" t="s">
        <v>17719</v>
      </c>
      <c r="B439" s="9" t="s">
        <v>14</v>
      </c>
      <c r="C439" s="9" t="s">
        <v>2066</v>
      </c>
      <c r="D439" s="6" t="s">
        <v>2067</v>
      </c>
      <c r="E439" s="22">
        <v>44723</v>
      </c>
      <c r="F439" s="22">
        <v>46548</v>
      </c>
      <c r="G439" s="6" t="s">
        <v>2076</v>
      </c>
      <c r="H439" s="6" t="s">
        <v>62</v>
      </c>
      <c r="I439" s="6" t="s">
        <v>842</v>
      </c>
      <c r="J439" s="6" t="s">
        <v>2077</v>
      </c>
      <c r="K439" s="9" t="s">
        <v>2078</v>
      </c>
      <c r="L439" s="10" t="s">
        <v>22</v>
      </c>
      <c r="M439" s="10" t="s">
        <v>22</v>
      </c>
      <c r="N439" s="10" t="s">
        <v>22</v>
      </c>
      <c r="O439" s="10" t="s">
        <v>22</v>
      </c>
      <c r="P439" s="10" t="s">
        <v>22</v>
      </c>
      <c r="Q439" s="10" t="s">
        <v>22</v>
      </c>
      <c r="R439" s="10" t="s">
        <v>22</v>
      </c>
      <c r="S439" s="10" t="s">
        <v>22</v>
      </c>
      <c r="T439" s="10" t="s">
        <v>22</v>
      </c>
      <c r="U439" s="10" t="s">
        <v>22</v>
      </c>
      <c r="V439" s="10" t="s">
        <v>22</v>
      </c>
      <c r="W439" s="10" t="s">
        <v>22</v>
      </c>
      <c r="X439" s="10" t="s">
        <v>22</v>
      </c>
      <c r="Y439" s="10" t="s">
        <v>22</v>
      </c>
      <c r="Z439" s="10" t="s">
        <v>22</v>
      </c>
    </row>
    <row r="440" spans="1:26" ht="24" customHeight="1" x14ac:dyDescent="0.2">
      <c r="A440" s="9" t="s">
        <v>17720</v>
      </c>
      <c r="B440" s="9" t="s">
        <v>14</v>
      </c>
      <c r="C440" s="9" t="s">
        <v>2079</v>
      </c>
      <c r="D440" s="6" t="s">
        <v>2080</v>
      </c>
      <c r="E440" s="22">
        <v>44723</v>
      </c>
      <c r="F440" s="22">
        <v>46548</v>
      </c>
      <c r="G440" s="6" t="s">
        <v>2081</v>
      </c>
      <c r="H440" s="6" t="s">
        <v>363</v>
      </c>
      <c r="I440" s="6" t="s">
        <v>597</v>
      </c>
      <c r="J440" s="6" t="s">
        <v>2082</v>
      </c>
      <c r="K440" s="9" t="s">
        <v>2083</v>
      </c>
      <c r="L440" s="10" t="s">
        <v>22</v>
      </c>
      <c r="M440" s="10" t="s">
        <v>22</v>
      </c>
      <c r="N440" s="10" t="s">
        <v>22</v>
      </c>
      <c r="O440" s="10" t="s">
        <v>22</v>
      </c>
      <c r="P440" s="10" t="s">
        <v>22</v>
      </c>
      <c r="Q440" s="10" t="s">
        <v>22</v>
      </c>
      <c r="R440" s="10" t="s">
        <v>22</v>
      </c>
      <c r="S440" s="10" t="s">
        <v>22</v>
      </c>
      <c r="T440" s="10" t="s">
        <v>22</v>
      </c>
      <c r="U440" s="10" t="s">
        <v>22</v>
      </c>
      <c r="V440" s="10" t="s">
        <v>22</v>
      </c>
      <c r="W440" s="10" t="s">
        <v>22</v>
      </c>
      <c r="X440" s="10" t="s">
        <v>22</v>
      </c>
      <c r="Y440" s="10" t="s">
        <v>22</v>
      </c>
      <c r="Z440" s="10" t="s">
        <v>22</v>
      </c>
    </row>
    <row r="441" spans="1:26" ht="24" customHeight="1" x14ac:dyDescent="0.2">
      <c r="A441" s="9" t="s">
        <v>17721</v>
      </c>
      <c r="B441" s="9" t="s">
        <v>14</v>
      </c>
      <c r="C441" s="9" t="s">
        <v>2084</v>
      </c>
      <c r="D441" s="6" t="s">
        <v>2085</v>
      </c>
      <c r="E441" s="22">
        <v>44723</v>
      </c>
      <c r="F441" s="22">
        <v>46548</v>
      </c>
      <c r="G441" s="6" t="s">
        <v>2086</v>
      </c>
      <c r="H441" s="6" t="s">
        <v>202</v>
      </c>
      <c r="I441" s="6" t="s">
        <v>1530</v>
      </c>
      <c r="J441" s="6" t="s">
        <v>2087</v>
      </c>
      <c r="K441" s="9" t="s">
        <v>2088</v>
      </c>
      <c r="L441" s="10" t="s">
        <v>22</v>
      </c>
      <c r="M441" s="10" t="s">
        <v>22</v>
      </c>
      <c r="N441" s="10" t="s">
        <v>22</v>
      </c>
      <c r="O441" s="10" t="s">
        <v>22</v>
      </c>
      <c r="P441" s="10" t="s">
        <v>22</v>
      </c>
      <c r="Q441" s="10" t="s">
        <v>22</v>
      </c>
      <c r="R441" s="10" t="s">
        <v>22</v>
      </c>
      <c r="S441" s="10" t="s">
        <v>22</v>
      </c>
      <c r="T441" s="10" t="s">
        <v>22</v>
      </c>
      <c r="U441" s="10" t="s">
        <v>22</v>
      </c>
      <c r="V441" s="10" t="s">
        <v>22</v>
      </c>
      <c r="W441" s="10" t="s">
        <v>22</v>
      </c>
      <c r="X441" s="10" t="s">
        <v>22</v>
      </c>
      <c r="Y441" s="10" t="s">
        <v>22</v>
      </c>
      <c r="Z441" s="10" t="s">
        <v>22</v>
      </c>
    </row>
    <row r="442" spans="1:26" ht="24" customHeight="1" x14ac:dyDescent="0.2">
      <c r="A442" s="9" t="s">
        <v>17722</v>
      </c>
      <c r="B442" s="9" t="s">
        <v>14</v>
      </c>
      <c r="C442" s="9" t="s">
        <v>2089</v>
      </c>
      <c r="D442" s="6" t="s">
        <v>2090</v>
      </c>
      <c r="E442" s="22">
        <v>44723</v>
      </c>
      <c r="F442" s="22">
        <v>46548</v>
      </c>
      <c r="G442" s="6" t="s">
        <v>2091</v>
      </c>
      <c r="H442" s="6" t="s">
        <v>62</v>
      </c>
      <c r="I442" s="6" t="s">
        <v>403</v>
      </c>
      <c r="J442" s="6" t="s">
        <v>2092</v>
      </c>
      <c r="K442" s="9" t="s">
        <v>2093</v>
      </c>
      <c r="L442" s="10" t="s">
        <v>22</v>
      </c>
      <c r="M442" s="10" t="s">
        <v>22</v>
      </c>
      <c r="N442" s="10" t="s">
        <v>22</v>
      </c>
      <c r="O442" s="10" t="s">
        <v>22</v>
      </c>
      <c r="P442" s="10" t="s">
        <v>22</v>
      </c>
      <c r="Q442" s="10" t="s">
        <v>22</v>
      </c>
      <c r="U442" s="10" t="s">
        <v>22</v>
      </c>
      <c r="V442" s="10" t="s">
        <v>22</v>
      </c>
      <c r="W442" s="10" t="s">
        <v>22</v>
      </c>
      <c r="X442" s="10" t="s">
        <v>22</v>
      </c>
      <c r="Y442" s="10" t="s">
        <v>22</v>
      </c>
      <c r="Z442" s="10" t="s">
        <v>22</v>
      </c>
    </row>
    <row r="443" spans="1:26" ht="24" customHeight="1" x14ac:dyDescent="0.2">
      <c r="A443" s="9" t="s">
        <v>17723</v>
      </c>
      <c r="B443" s="9" t="s">
        <v>14</v>
      </c>
      <c r="C443" s="9" t="s">
        <v>2094</v>
      </c>
      <c r="D443" s="6" t="s">
        <v>2095</v>
      </c>
      <c r="E443" s="22">
        <v>44723</v>
      </c>
      <c r="F443" s="22">
        <v>46548</v>
      </c>
      <c r="G443" s="6" t="s">
        <v>2096</v>
      </c>
      <c r="H443" s="6" t="s">
        <v>62</v>
      </c>
      <c r="I443" s="6" t="s">
        <v>236</v>
      </c>
      <c r="J443" s="6" t="s">
        <v>2097</v>
      </c>
      <c r="L443" s="10" t="s">
        <v>22</v>
      </c>
      <c r="M443" s="10" t="s">
        <v>22</v>
      </c>
      <c r="N443" s="10" t="s">
        <v>22</v>
      </c>
      <c r="O443" s="10" t="s">
        <v>22</v>
      </c>
      <c r="P443" s="10" t="s">
        <v>22</v>
      </c>
      <c r="Q443" s="10" t="s">
        <v>22</v>
      </c>
      <c r="U443" s="10" t="s">
        <v>22</v>
      </c>
      <c r="V443" s="10" t="s">
        <v>22</v>
      </c>
      <c r="W443" s="10" t="s">
        <v>22</v>
      </c>
      <c r="X443" s="10" t="s">
        <v>22</v>
      </c>
      <c r="Y443" s="10" t="s">
        <v>22</v>
      </c>
      <c r="Z443" s="10" t="s">
        <v>22</v>
      </c>
    </row>
    <row r="444" spans="1:26" ht="24" customHeight="1" x14ac:dyDescent="0.2">
      <c r="A444" s="9" t="s">
        <v>17724</v>
      </c>
      <c r="B444" s="9" t="s">
        <v>14</v>
      </c>
      <c r="C444" s="9" t="s">
        <v>2098</v>
      </c>
      <c r="D444" s="6" t="s">
        <v>2099</v>
      </c>
      <c r="E444" s="22">
        <v>44724</v>
      </c>
      <c r="F444" s="22">
        <v>46549</v>
      </c>
      <c r="G444" s="6" t="s">
        <v>2100</v>
      </c>
      <c r="H444" s="6" t="s">
        <v>202</v>
      </c>
      <c r="I444" s="6" t="s">
        <v>2101</v>
      </c>
      <c r="J444" s="6" t="s">
        <v>2102</v>
      </c>
      <c r="K444" s="9" t="s">
        <v>2103</v>
      </c>
      <c r="L444" s="10" t="s">
        <v>22</v>
      </c>
      <c r="M444" s="10" t="s">
        <v>22</v>
      </c>
      <c r="N444" s="10" t="s">
        <v>22</v>
      </c>
      <c r="O444" s="10" t="s">
        <v>22</v>
      </c>
      <c r="P444" s="10" t="s">
        <v>22</v>
      </c>
      <c r="Q444" s="10" t="s">
        <v>22</v>
      </c>
      <c r="R444" s="10" t="s">
        <v>22</v>
      </c>
      <c r="S444" s="10" t="s">
        <v>22</v>
      </c>
      <c r="T444" s="10" t="s">
        <v>22</v>
      </c>
      <c r="U444" s="10" t="s">
        <v>22</v>
      </c>
      <c r="V444" s="10" t="s">
        <v>22</v>
      </c>
      <c r="W444" s="10" t="s">
        <v>22</v>
      </c>
      <c r="X444" s="10" t="s">
        <v>22</v>
      </c>
      <c r="Y444" s="10" t="s">
        <v>22</v>
      </c>
      <c r="Z444" s="10" t="s">
        <v>22</v>
      </c>
    </row>
    <row r="445" spans="1:26" ht="33" customHeight="1" x14ac:dyDescent="0.2">
      <c r="A445" s="9" t="s">
        <v>17725</v>
      </c>
      <c r="B445" s="9" t="s">
        <v>14</v>
      </c>
      <c r="C445" s="9" t="s">
        <v>2104</v>
      </c>
      <c r="D445" s="6" t="s">
        <v>2105</v>
      </c>
      <c r="E445" s="22">
        <v>44724</v>
      </c>
      <c r="F445" s="22">
        <v>46549</v>
      </c>
      <c r="G445" s="6" t="s">
        <v>2106</v>
      </c>
      <c r="H445" s="6" t="s">
        <v>18</v>
      </c>
      <c r="I445" s="6" t="s">
        <v>19</v>
      </c>
      <c r="J445" s="6" t="s">
        <v>2107</v>
      </c>
      <c r="K445" s="9" t="s">
        <v>2108</v>
      </c>
      <c r="L445" s="10" t="s">
        <v>22</v>
      </c>
      <c r="M445" s="10" t="s">
        <v>22</v>
      </c>
      <c r="N445" s="10" t="s">
        <v>22</v>
      </c>
      <c r="O445" s="10" t="s">
        <v>22</v>
      </c>
      <c r="P445" s="10" t="s">
        <v>22</v>
      </c>
      <c r="Q445" s="10" t="s">
        <v>22</v>
      </c>
      <c r="R445" s="10" t="s">
        <v>22</v>
      </c>
      <c r="S445" s="10" t="s">
        <v>22</v>
      </c>
      <c r="T445" s="10" t="s">
        <v>22</v>
      </c>
      <c r="U445" s="10" t="s">
        <v>22</v>
      </c>
      <c r="V445" s="10" t="s">
        <v>22</v>
      </c>
      <c r="W445" s="10" t="s">
        <v>22</v>
      </c>
      <c r="X445" s="10" t="s">
        <v>22</v>
      </c>
      <c r="Y445" s="10" t="s">
        <v>22</v>
      </c>
      <c r="Z445" s="10" t="s">
        <v>22</v>
      </c>
    </row>
    <row r="446" spans="1:26" ht="33" customHeight="1" x14ac:dyDescent="0.2">
      <c r="A446" s="9" t="s">
        <v>17726</v>
      </c>
      <c r="B446" s="9" t="s">
        <v>14</v>
      </c>
      <c r="C446" s="9" t="s">
        <v>2104</v>
      </c>
      <c r="D446" s="6" t="s">
        <v>2105</v>
      </c>
      <c r="E446" s="22">
        <v>44724</v>
      </c>
      <c r="F446" s="22">
        <v>46549</v>
      </c>
      <c r="G446" s="6" t="s">
        <v>2109</v>
      </c>
      <c r="H446" s="6" t="s">
        <v>229</v>
      </c>
      <c r="I446" s="6" t="s">
        <v>835</v>
      </c>
      <c r="J446" s="6" t="s">
        <v>2110</v>
      </c>
      <c r="K446" s="9" t="s">
        <v>2111</v>
      </c>
      <c r="L446" s="10" t="s">
        <v>22</v>
      </c>
      <c r="M446" s="10" t="s">
        <v>22</v>
      </c>
      <c r="N446" s="10" t="s">
        <v>22</v>
      </c>
      <c r="O446" s="10" t="s">
        <v>22</v>
      </c>
      <c r="P446" s="10" t="s">
        <v>22</v>
      </c>
      <c r="Q446" s="10" t="s">
        <v>22</v>
      </c>
      <c r="R446" s="10" t="s">
        <v>22</v>
      </c>
      <c r="S446" s="10" t="s">
        <v>22</v>
      </c>
      <c r="T446" s="10" t="s">
        <v>22</v>
      </c>
      <c r="U446" s="10" t="s">
        <v>22</v>
      </c>
      <c r="V446" s="10" t="s">
        <v>22</v>
      </c>
      <c r="W446" s="10" t="s">
        <v>22</v>
      </c>
      <c r="X446" s="10" t="s">
        <v>22</v>
      </c>
      <c r="Y446" s="10" t="s">
        <v>22</v>
      </c>
      <c r="Z446" s="10" t="s">
        <v>22</v>
      </c>
    </row>
    <row r="447" spans="1:26" ht="33" customHeight="1" x14ac:dyDescent="0.2">
      <c r="A447" s="9" t="s">
        <v>17727</v>
      </c>
      <c r="B447" s="9" t="s">
        <v>14</v>
      </c>
      <c r="C447" s="9" t="s">
        <v>2104</v>
      </c>
      <c r="D447" s="6" t="s">
        <v>2105</v>
      </c>
      <c r="E447" s="22">
        <v>44724</v>
      </c>
      <c r="F447" s="22">
        <v>46549</v>
      </c>
      <c r="G447" s="6" t="s">
        <v>2112</v>
      </c>
      <c r="H447" s="6" t="s">
        <v>363</v>
      </c>
      <c r="I447" s="6" t="s">
        <v>2113</v>
      </c>
      <c r="J447" s="6" t="s">
        <v>2114</v>
      </c>
      <c r="K447" s="9" t="s">
        <v>2115</v>
      </c>
      <c r="L447" s="10" t="s">
        <v>22</v>
      </c>
      <c r="M447" s="10" t="s">
        <v>22</v>
      </c>
      <c r="N447" s="10" t="s">
        <v>22</v>
      </c>
      <c r="O447" s="10" t="s">
        <v>22</v>
      </c>
      <c r="P447" s="10" t="s">
        <v>22</v>
      </c>
      <c r="Q447" s="10" t="s">
        <v>22</v>
      </c>
      <c r="R447" s="10" t="s">
        <v>22</v>
      </c>
      <c r="S447" s="10" t="s">
        <v>22</v>
      </c>
      <c r="T447" s="10" t="s">
        <v>22</v>
      </c>
      <c r="U447" s="10" t="s">
        <v>22</v>
      </c>
      <c r="V447" s="10" t="s">
        <v>22</v>
      </c>
      <c r="W447" s="10" t="s">
        <v>22</v>
      </c>
      <c r="X447" s="10" t="s">
        <v>22</v>
      </c>
      <c r="Y447" s="10" t="s">
        <v>22</v>
      </c>
      <c r="Z447" s="10" t="s">
        <v>22</v>
      </c>
    </row>
    <row r="448" spans="1:26" ht="33" customHeight="1" x14ac:dyDescent="0.2">
      <c r="A448" s="9" t="s">
        <v>17728</v>
      </c>
      <c r="B448" s="9" t="s">
        <v>14</v>
      </c>
      <c r="C448" s="9" t="s">
        <v>2104</v>
      </c>
      <c r="D448" s="6" t="s">
        <v>2105</v>
      </c>
      <c r="E448" s="22">
        <v>44724</v>
      </c>
      <c r="F448" s="22">
        <v>46549</v>
      </c>
      <c r="G448" s="6" t="s">
        <v>2116</v>
      </c>
      <c r="H448" s="6" t="s">
        <v>202</v>
      </c>
      <c r="I448" s="6" t="s">
        <v>2117</v>
      </c>
      <c r="J448" s="6" t="s">
        <v>2118</v>
      </c>
      <c r="K448" s="9" t="s">
        <v>2119</v>
      </c>
      <c r="L448" s="10" t="s">
        <v>22</v>
      </c>
      <c r="M448" s="10" t="s">
        <v>22</v>
      </c>
      <c r="N448" s="10" t="s">
        <v>22</v>
      </c>
      <c r="O448" s="10" t="s">
        <v>22</v>
      </c>
      <c r="P448" s="10" t="s">
        <v>22</v>
      </c>
      <c r="Q448" s="10" t="s">
        <v>22</v>
      </c>
      <c r="R448" s="10" t="s">
        <v>22</v>
      </c>
      <c r="S448" s="10" t="s">
        <v>22</v>
      </c>
      <c r="T448" s="10" t="s">
        <v>22</v>
      </c>
      <c r="U448" s="10" t="s">
        <v>22</v>
      </c>
      <c r="V448" s="10" t="s">
        <v>22</v>
      </c>
      <c r="W448" s="10" t="s">
        <v>22</v>
      </c>
      <c r="X448" s="10" t="s">
        <v>22</v>
      </c>
      <c r="Y448" s="10" t="s">
        <v>22</v>
      </c>
      <c r="Z448" s="10" t="s">
        <v>22</v>
      </c>
    </row>
    <row r="449" spans="1:26" ht="24" customHeight="1" x14ac:dyDescent="0.2">
      <c r="A449" s="9" t="s">
        <v>17729</v>
      </c>
      <c r="B449" s="9" t="s">
        <v>14</v>
      </c>
      <c r="C449" s="9" t="s">
        <v>2120</v>
      </c>
      <c r="D449" s="6" t="s">
        <v>2121</v>
      </c>
      <c r="E449" s="22">
        <v>44727</v>
      </c>
      <c r="F449" s="22">
        <v>46552</v>
      </c>
      <c r="G449" s="6" t="s">
        <v>2122</v>
      </c>
      <c r="H449" s="6" t="s">
        <v>62</v>
      </c>
      <c r="I449" s="6" t="s">
        <v>318</v>
      </c>
      <c r="J449" s="6" t="s">
        <v>2123</v>
      </c>
      <c r="K449" s="9" t="s">
        <v>2124</v>
      </c>
      <c r="L449" s="10" t="s">
        <v>22</v>
      </c>
      <c r="M449" s="10" t="s">
        <v>22</v>
      </c>
      <c r="N449" s="10" t="s">
        <v>22</v>
      </c>
      <c r="O449" s="10" t="s">
        <v>22</v>
      </c>
      <c r="P449" s="10" t="s">
        <v>22</v>
      </c>
      <c r="Q449" s="10" t="s">
        <v>22</v>
      </c>
      <c r="R449" s="10" t="s">
        <v>22</v>
      </c>
      <c r="S449" s="10" t="s">
        <v>22</v>
      </c>
      <c r="T449" s="10" t="s">
        <v>22</v>
      </c>
      <c r="U449" s="10" t="s">
        <v>22</v>
      </c>
      <c r="V449" s="10" t="s">
        <v>22</v>
      </c>
      <c r="W449" s="10" t="s">
        <v>22</v>
      </c>
      <c r="X449" s="10" t="s">
        <v>22</v>
      </c>
      <c r="Y449" s="10" t="s">
        <v>22</v>
      </c>
      <c r="Z449" s="10" t="s">
        <v>22</v>
      </c>
    </row>
    <row r="450" spans="1:26" ht="24" customHeight="1" x14ac:dyDescent="0.2">
      <c r="A450" s="9" t="s">
        <v>17730</v>
      </c>
      <c r="B450" s="9" t="s">
        <v>14</v>
      </c>
      <c r="C450" s="9" t="s">
        <v>2125</v>
      </c>
      <c r="D450" s="6" t="s">
        <v>2126</v>
      </c>
      <c r="E450" s="22">
        <v>44727</v>
      </c>
      <c r="F450" s="22">
        <v>46552</v>
      </c>
      <c r="G450" s="6" t="s">
        <v>2127</v>
      </c>
      <c r="H450" s="6" t="s">
        <v>62</v>
      </c>
      <c r="I450" s="6" t="s">
        <v>414</v>
      </c>
      <c r="J450" s="6" t="s">
        <v>2128</v>
      </c>
      <c r="K450" s="9" t="s">
        <v>2129</v>
      </c>
      <c r="L450" s="10" t="s">
        <v>22</v>
      </c>
      <c r="M450" s="10" t="s">
        <v>22</v>
      </c>
      <c r="N450" s="10" t="s">
        <v>22</v>
      </c>
      <c r="O450" s="10" t="s">
        <v>22</v>
      </c>
      <c r="P450" s="10" t="s">
        <v>22</v>
      </c>
      <c r="Q450" s="10" t="s">
        <v>22</v>
      </c>
      <c r="U450" s="10" t="s">
        <v>22</v>
      </c>
      <c r="V450" s="10" t="s">
        <v>22</v>
      </c>
      <c r="W450" s="10" t="s">
        <v>22</v>
      </c>
      <c r="X450" s="10" t="s">
        <v>22</v>
      </c>
      <c r="Y450" s="10" t="s">
        <v>22</v>
      </c>
      <c r="Z450" s="10" t="s">
        <v>22</v>
      </c>
    </row>
    <row r="451" spans="1:26" ht="24" customHeight="1" x14ac:dyDescent="0.2">
      <c r="A451" s="9" t="s">
        <v>17731</v>
      </c>
      <c r="B451" s="9" t="s">
        <v>14</v>
      </c>
      <c r="C451" s="9" t="s">
        <v>2130</v>
      </c>
      <c r="D451" s="6" t="s">
        <v>2131</v>
      </c>
      <c r="E451" s="22">
        <v>44727</v>
      </c>
      <c r="F451" s="22">
        <v>46552</v>
      </c>
      <c r="G451" s="6" t="s">
        <v>2132</v>
      </c>
      <c r="H451" s="6" t="s">
        <v>62</v>
      </c>
      <c r="I451" s="6" t="s">
        <v>1141</v>
      </c>
      <c r="J451" s="6" t="s">
        <v>2133</v>
      </c>
      <c r="K451" s="9" t="s">
        <v>2134</v>
      </c>
      <c r="L451" s="10" t="s">
        <v>22</v>
      </c>
      <c r="M451" s="10" t="s">
        <v>22</v>
      </c>
      <c r="N451" s="10" t="s">
        <v>22</v>
      </c>
      <c r="O451" s="10" t="s">
        <v>22</v>
      </c>
      <c r="P451" s="10" t="s">
        <v>22</v>
      </c>
      <c r="Q451" s="10" t="s">
        <v>22</v>
      </c>
      <c r="R451" s="10" t="s">
        <v>22</v>
      </c>
      <c r="S451" s="10" t="s">
        <v>22</v>
      </c>
      <c r="T451" s="10" t="s">
        <v>22</v>
      </c>
      <c r="U451" s="10" t="s">
        <v>22</v>
      </c>
      <c r="V451" s="10" t="s">
        <v>22</v>
      </c>
      <c r="W451" s="10" t="s">
        <v>22</v>
      </c>
      <c r="X451" s="10" t="s">
        <v>22</v>
      </c>
      <c r="Y451" s="10" t="s">
        <v>22</v>
      </c>
      <c r="Z451" s="10" t="s">
        <v>22</v>
      </c>
    </row>
    <row r="452" spans="1:26" ht="24" customHeight="1" x14ac:dyDescent="0.2">
      <c r="A452" s="9" t="s">
        <v>17732</v>
      </c>
      <c r="B452" s="9" t="s">
        <v>14</v>
      </c>
      <c r="C452" s="9" t="s">
        <v>2135</v>
      </c>
      <c r="D452" s="6" t="s">
        <v>2136</v>
      </c>
      <c r="E452" s="22">
        <v>44727</v>
      </c>
      <c r="F452" s="22">
        <v>46552</v>
      </c>
      <c r="G452" s="6" t="s">
        <v>2137</v>
      </c>
      <c r="H452" s="6" t="s">
        <v>62</v>
      </c>
      <c r="I452" s="6" t="s">
        <v>312</v>
      </c>
      <c r="J452" s="6" t="s">
        <v>2138</v>
      </c>
      <c r="K452" s="9" t="s">
        <v>2139</v>
      </c>
      <c r="L452" s="10" t="s">
        <v>22</v>
      </c>
      <c r="M452" s="10" t="s">
        <v>22</v>
      </c>
      <c r="N452" s="10" t="s">
        <v>22</v>
      </c>
      <c r="O452" s="10" t="s">
        <v>22</v>
      </c>
      <c r="P452" s="10" t="s">
        <v>22</v>
      </c>
      <c r="Q452" s="10" t="s">
        <v>22</v>
      </c>
      <c r="R452" s="10" t="s">
        <v>22</v>
      </c>
      <c r="S452" s="10" t="s">
        <v>22</v>
      </c>
      <c r="T452" s="10" t="s">
        <v>22</v>
      </c>
      <c r="U452" s="10" t="s">
        <v>22</v>
      </c>
      <c r="V452" s="10" t="s">
        <v>22</v>
      </c>
      <c r="W452" s="10" t="s">
        <v>22</v>
      </c>
      <c r="X452" s="10" t="s">
        <v>22</v>
      </c>
      <c r="Y452" s="10" t="s">
        <v>22</v>
      </c>
      <c r="Z452" s="10" t="s">
        <v>22</v>
      </c>
    </row>
    <row r="453" spans="1:26" ht="24" customHeight="1" x14ac:dyDescent="0.2">
      <c r="A453" s="9" t="s">
        <v>17733</v>
      </c>
      <c r="B453" s="9" t="s">
        <v>14</v>
      </c>
      <c r="C453" s="9" t="s">
        <v>2140</v>
      </c>
      <c r="D453" s="6" t="s">
        <v>2141</v>
      </c>
      <c r="E453" s="22">
        <v>44730</v>
      </c>
      <c r="F453" s="22">
        <v>46555</v>
      </c>
      <c r="G453" s="6" t="s">
        <v>2142</v>
      </c>
      <c r="H453" s="6" t="s">
        <v>18</v>
      </c>
      <c r="I453" s="6" t="s">
        <v>26</v>
      </c>
      <c r="J453" s="6" t="s">
        <v>2143</v>
      </c>
      <c r="K453" s="9" t="s">
        <v>2144</v>
      </c>
      <c r="L453" s="10" t="s">
        <v>22</v>
      </c>
      <c r="M453" s="10" t="s">
        <v>22</v>
      </c>
      <c r="N453" s="10" t="s">
        <v>22</v>
      </c>
      <c r="O453" s="10" t="s">
        <v>22</v>
      </c>
      <c r="P453" s="10" t="s">
        <v>22</v>
      </c>
      <c r="Q453" s="10" t="s">
        <v>22</v>
      </c>
      <c r="R453" s="10" t="s">
        <v>22</v>
      </c>
      <c r="S453" s="10" t="s">
        <v>22</v>
      </c>
      <c r="T453" s="10" t="s">
        <v>22</v>
      </c>
      <c r="U453" s="10" t="s">
        <v>22</v>
      </c>
      <c r="V453" s="10" t="s">
        <v>22</v>
      </c>
      <c r="W453" s="10" t="s">
        <v>22</v>
      </c>
      <c r="X453" s="10" t="s">
        <v>22</v>
      </c>
      <c r="Y453" s="10" t="s">
        <v>22</v>
      </c>
      <c r="Z453" s="10" t="s">
        <v>22</v>
      </c>
    </row>
    <row r="454" spans="1:26" ht="24" customHeight="1" x14ac:dyDescent="0.2">
      <c r="A454" s="9" t="s">
        <v>17734</v>
      </c>
      <c r="B454" s="9" t="s">
        <v>14</v>
      </c>
      <c r="C454" s="9" t="s">
        <v>2145</v>
      </c>
      <c r="D454" s="6" t="s">
        <v>2146</v>
      </c>
      <c r="E454" s="22">
        <v>44733</v>
      </c>
      <c r="F454" s="22">
        <v>46558</v>
      </c>
      <c r="G454" s="6" t="s">
        <v>2147</v>
      </c>
      <c r="H454" s="6" t="s">
        <v>62</v>
      </c>
      <c r="I454" s="6" t="s">
        <v>414</v>
      </c>
      <c r="J454" s="6" t="s">
        <v>2148</v>
      </c>
      <c r="K454" s="9" t="s">
        <v>2149</v>
      </c>
      <c r="L454" s="10" t="s">
        <v>22</v>
      </c>
      <c r="M454" s="10" t="s">
        <v>22</v>
      </c>
      <c r="N454" s="10" t="s">
        <v>22</v>
      </c>
      <c r="O454" s="10" t="s">
        <v>22</v>
      </c>
      <c r="P454" s="10" t="s">
        <v>22</v>
      </c>
      <c r="Q454" s="10" t="s">
        <v>22</v>
      </c>
      <c r="S454" s="10" t="s">
        <v>22</v>
      </c>
      <c r="T454" s="10" t="s">
        <v>22</v>
      </c>
      <c r="U454" s="10" t="s">
        <v>22</v>
      </c>
      <c r="V454" s="10" t="s">
        <v>22</v>
      </c>
      <c r="W454" s="10" t="s">
        <v>22</v>
      </c>
      <c r="X454" s="10" t="s">
        <v>22</v>
      </c>
      <c r="Y454" s="10" t="s">
        <v>22</v>
      </c>
      <c r="Z454" s="10" t="s">
        <v>22</v>
      </c>
    </row>
    <row r="455" spans="1:26" ht="24" customHeight="1" x14ac:dyDescent="0.2">
      <c r="A455" s="9" t="s">
        <v>17735</v>
      </c>
      <c r="B455" s="9" t="s">
        <v>14</v>
      </c>
      <c r="C455" s="9" t="s">
        <v>2150</v>
      </c>
      <c r="D455" s="6" t="s">
        <v>2151</v>
      </c>
      <c r="E455" s="22">
        <v>44733</v>
      </c>
      <c r="F455" s="22">
        <v>46558</v>
      </c>
      <c r="G455" s="6" t="s">
        <v>2152</v>
      </c>
      <c r="H455" s="6" t="s">
        <v>18</v>
      </c>
      <c r="I455" s="6" t="s">
        <v>26</v>
      </c>
      <c r="J455" s="6" t="s">
        <v>2153</v>
      </c>
      <c r="L455" s="10" t="s">
        <v>22</v>
      </c>
      <c r="M455" s="10" t="s">
        <v>22</v>
      </c>
      <c r="N455" s="10" t="s">
        <v>22</v>
      </c>
      <c r="O455" s="10" t="s">
        <v>22</v>
      </c>
      <c r="P455" s="10" t="s">
        <v>22</v>
      </c>
      <c r="Q455" s="10" t="s">
        <v>22</v>
      </c>
      <c r="R455" s="10" t="s">
        <v>22</v>
      </c>
      <c r="S455" s="10" t="s">
        <v>22</v>
      </c>
      <c r="T455" s="10" t="s">
        <v>22</v>
      </c>
      <c r="U455" s="10" t="s">
        <v>22</v>
      </c>
      <c r="V455" s="10" t="s">
        <v>22</v>
      </c>
      <c r="W455" s="10" t="s">
        <v>22</v>
      </c>
      <c r="X455" s="10" t="s">
        <v>22</v>
      </c>
      <c r="Y455" s="10" t="s">
        <v>22</v>
      </c>
      <c r="Z455" s="10" t="s">
        <v>22</v>
      </c>
    </row>
    <row r="456" spans="1:26" ht="24" customHeight="1" x14ac:dyDescent="0.2">
      <c r="A456" s="9" t="s">
        <v>17736</v>
      </c>
      <c r="B456" s="9" t="s">
        <v>14</v>
      </c>
      <c r="C456" s="9" t="s">
        <v>2154</v>
      </c>
      <c r="D456" s="6" t="s">
        <v>2155</v>
      </c>
      <c r="E456" s="22">
        <v>44733</v>
      </c>
      <c r="F456" s="22">
        <v>46558</v>
      </c>
      <c r="G456" s="6" t="s">
        <v>2156</v>
      </c>
      <c r="H456" s="6" t="s">
        <v>62</v>
      </c>
      <c r="I456" s="6" t="s">
        <v>306</v>
      </c>
      <c r="J456" s="6" t="s">
        <v>2157</v>
      </c>
      <c r="K456" s="9" t="s">
        <v>2158</v>
      </c>
      <c r="L456" s="10" t="s">
        <v>22</v>
      </c>
      <c r="M456" s="10" t="s">
        <v>22</v>
      </c>
      <c r="N456" s="10" t="s">
        <v>22</v>
      </c>
      <c r="O456" s="10" t="s">
        <v>22</v>
      </c>
      <c r="P456" s="10" t="s">
        <v>22</v>
      </c>
      <c r="Q456" s="10" t="s">
        <v>22</v>
      </c>
    </row>
    <row r="457" spans="1:26" ht="24" customHeight="1" x14ac:dyDescent="0.2">
      <c r="A457" s="9" t="s">
        <v>17737</v>
      </c>
      <c r="B457" s="9" t="s">
        <v>14</v>
      </c>
      <c r="C457" s="9" t="s">
        <v>2159</v>
      </c>
      <c r="D457" s="6" t="s">
        <v>2160</v>
      </c>
      <c r="E457" s="22">
        <v>44733</v>
      </c>
      <c r="F457" s="22">
        <v>46558</v>
      </c>
      <c r="G457" s="6" t="s">
        <v>2161</v>
      </c>
      <c r="H457" s="6" t="s">
        <v>62</v>
      </c>
      <c r="I457" s="6" t="s">
        <v>403</v>
      </c>
      <c r="J457" s="6" t="s">
        <v>2162</v>
      </c>
      <c r="K457" s="9" t="s">
        <v>2163</v>
      </c>
      <c r="L457" s="10" t="s">
        <v>22</v>
      </c>
      <c r="M457" s="10" t="s">
        <v>22</v>
      </c>
      <c r="N457" s="10" t="s">
        <v>22</v>
      </c>
      <c r="U457" s="10" t="s">
        <v>22</v>
      </c>
      <c r="V457" s="10" t="s">
        <v>22</v>
      </c>
      <c r="W457" s="10" t="s">
        <v>22</v>
      </c>
    </row>
    <row r="458" spans="1:26" ht="24" customHeight="1" x14ac:dyDescent="0.2">
      <c r="A458" s="9" t="s">
        <v>17738</v>
      </c>
      <c r="B458" s="9" t="s">
        <v>14</v>
      </c>
      <c r="C458" s="9" t="s">
        <v>2164</v>
      </c>
      <c r="D458" s="6" t="s">
        <v>2165</v>
      </c>
      <c r="E458" s="22">
        <v>44733</v>
      </c>
      <c r="F458" s="22">
        <v>46558</v>
      </c>
      <c r="G458" s="6" t="s">
        <v>2166</v>
      </c>
      <c r="H458" s="6" t="s">
        <v>62</v>
      </c>
      <c r="I458" s="6" t="s">
        <v>1225</v>
      </c>
      <c r="J458" s="6" t="s">
        <v>2167</v>
      </c>
      <c r="K458" s="9" t="s">
        <v>2168</v>
      </c>
      <c r="L458" s="10" t="s">
        <v>22</v>
      </c>
      <c r="M458" s="10" t="s">
        <v>22</v>
      </c>
      <c r="N458" s="10" t="s">
        <v>22</v>
      </c>
      <c r="O458" s="10" t="s">
        <v>22</v>
      </c>
      <c r="P458" s="10" t="s">
        <v>22</v>
      </c>
      <c r="Q458" s="10" t="s">
        <v>22</v>
      </c>
      <c r="U458" s="10" t="s">
        <v>22</v>
      </c>
      <c r="V458" s="10" t="s">
        <v>22</v>
      </c>
      <c r="W458" s="10" t="s">
        <v>22</v>
      </c>
      <c r="X458" s="10" t="s">
        <v>22</v>
      </c>
      <c r="Y458" s="10" t="s">
        <v>22</v>
      </c>
      <c r="Z458" s="10" t="s">
        <v>22</v>
      </c>
    </row>
    <row r="459" spans="1:26" ht="24" customHeight="1" x14ac:dyDescent="0.2">
      <c r="A459" s="9" t="s">
        <v>17739</v>
      </c>
      <c r="B459" s="9" t="s">
        <v>14</v>
      </c>
      <c r="C459" s="9" t="s">
        <v>2169</v>
      </c>
      <c r="D459" s="6" t="s">
        <v>2170</v>
      </c>
      <c r="E459" s="22">
        <v>44737</v>
      </c>
      <c r="F459" s="22">
        <v>46562</v>
      </c>
      <c r="G459" s="6" t="s">
        <v>2171</v>
      </c>
      <c r="H459" s="6" t="s">
        <v>18</v>
      </c>
      <c r="I459" s="6" t="s">
        <v>19</v>
      </c>
      <c r="J459" s="6" t="s">
        <v>2172</v>
      </c>
      <c r="K459" s="9" t="s">
        <v>2173</v>
      </c>
      <c r="L459" s="10" t="s">
        <v>22</v>
      </c>
      <c r="M459" s="10" t="s">
        <v>22</v>
      </c>
      <c r="N459" s="10" t="s">
        <v>22</v>
      </c>
      <c r="O459" s="10" t="s">
        <v>22</v>
      </c>
      <c r="P459" s="10" t="s">
        <v>22</v>
      </c>
      <c r="Q459" s="10" t="s">
        <v>22</v>
      </c>
      <c r="U459" s="10" t="s">
        <v>22</v>
      </c>
      <c r="V459" s="10" t="s">
        <v>22</v>
      </c>
      <c r="W459" s="10" t="s">
        <v>22</v>
      </c>
      <c r="X459" s="10" t="s">
        <v>22</v>
      </c>
      <c r="Y459" s="10" t="s">
        <v>22</v>
      </c>
      <c r="Z459" s="10" t="s">
        <v>22</v>
      </c>
    </row>
    <row r="460" spans="1:26" ht="24" customHeight="1" x14ac:dyDescent="0.2">
      <c r="A460" s="9" t="s">
        <v>17740</v>
      </c>
      <c r="B460" s="9" t="s">
        <v>14</v>
      </c>
      <c r="C460" s="9" t="s">
        <v>2174</v>
      </c>
      <c r="D460" s="6" t="s">
        <v>2175</v>
      </c>
      <c r="E460" s="22">
        <v>44737</v>
      </c>
      <c r="F460" s="22">
        <v>46562</v>
      </c>
      <c r="G460" s="6" t="s">
        <v>2176</v>
      </c>
      <c r="H460" s="6" t="s">
        <v>18</v>
      </c>
      <c r="I460" s="6" t="s">
        <v>26</v>
      </c>
      <c r="J460" s="6" t="s">
        <v>2177</v>
      </c>
      <c r="K460" s="9" t="s">
        <v>2178</v>
      </c>
      <c r="M460" s="10" t="s">
        <v>22</v>
      </c>
      <c r="N460" s="10" t="s">
        <v>22</v>
      </c>
      <c r="P460" s="10" t="s">
        <v>22</v>
      </c>
      <c r="Q460" s="10" t="s">
        <v>22</v>
      </c>
      <c r="S460" s="10" t="s">
        <v>22</v>
      </c>
      <c r="T460" s="10" t="s">
        <v>22</v>
      </c>
      <c r="U460" s="10" t="s">
        <v>22</v>
      </c>
      <c r="V460" s="10" t="s">
        <v>22</v>
      </c>
      <c r="W460" s="10" t="s">
        <v>22</v>
      </c>
      <c r="X460" s="10" t="s">
        <v>22</v>
      </c>
      <c r="Y460" s="10" t="s">
        <v>22</v>
      </c>
      <c r="Z460" s="10" t="s">
        <v>22</v>
      </c>
    </row>
    <row r="461" spans="1:26" ht="24" customHeight="1" x14ac:dyDescent="0.2">
      <c r="A461" s="9" t="s">
        <v>17741</v>
      </c>
      <c r="B461" s="9" t="s">
        <v>14</v>
      </c>
      <c r="C461" s="9" t="s">
        <v>2179</v>
      </c>
      <c r="D461" s="6" t="s">
        <v>2180</v>
      </c>
      <c r="E461" s="22">
        <v>44737</v>
      </c>
      <c r="F461" s="22">
        <v>46562</v>
      </c>
      <c r="G461" s="6" t="s">
        <v>2181</v>
      </c>
      <c r="H461" s="6" t="s">
        <v>18</v>
      </c>
      <c r="I461" s="6" t="s">
        <v>19</v>
      </c>
      <c r="J461" s="6" t="s">
        <v>2182</v>
      </c>
      <c r="K461" s="9" t="s">
        <v>2183</v>
      </c>
      <c r="L461" s="10" t="s">
        <v>22</v>
      </c>
      <c r="M461" s="10" t="s">
        <v>22</v>
      </c>
      <c r="N461" s="10" t="s">
        <v>22</v>
      </c>
      <c r="O461" s="10" t="s">
        <v>22</v>
      </c>
      <c r="P461" s="10" t="s">
        <v>22</v>
      </c>
      <c r="Q461" s="10" t="s">
        <v>22</v>
      </c>
      <c r="U461" s="10" t="s">
        <v>22</v>
      </c>
      <c r="V461" s="10" t="s">
        <v>22</v>
      </c>
      <c r="W461" s="10" t="s">
        <v>22</v>
      </c>
      <c r="X461" s="10" t="s">
        <v>22</v>
      </c>
      <c r="Y461" s="10" t="s">
        <v>22</v>
      </c>
      <c r="Z461" s="10" t="s">
        <v>22</v>
      </c>
    </row>
    <row r="462" spans="1:26" ht="24" customHeight="1" x14ac:dyDescent="0.2">
      <c r="A462" s="9" t="s">
        <v>17742</v>
      </c>
      <c r="B462" s="9" t="s">
        <v>14</v>
      </c>
      <c r="C462" s="9" t="s">
        <v>2184</v>
      </c>
      <c r="D462" s="6" t="s">
        <v>2185</v>
      </c>
      <c r="E462" s="22">
        <v>44738</v>
      </c>
      <c r="F462" s="22">
        <v>46563</v>
      </c>
      <c r="G462" s="6" t="s">
        <v>2186</v>
      </c>
      <c r="H462" s="6" t="s">
        <v>62</v>
      </c>
      <c r="I462" s="6" t="s">
        <v>551</v>
      </c>
      <c r="J462" s="6" t="s">
        <v>2187</v>
      </c>
      <c r="K462" s="9" t="s">
        <v>2188</v>
      </c>
      <c r="L462" s="10" t="s">
        <v>22</v>
      </c>
      <c r="M462" s="10" t="s">
        <v>22</v>
      </c>
      <c r="N462" s="10" t="s">
        <v>22</v>
      </c>
      <c r="O462" s="10" t="s">
        <v>22</v>
      </c>
      <c r="P462" s="10" t="s">
        <v>22</v>
      </c>
      <c r="Q462" s="10" t="s">
        <v>22</v>
      </c>
      <c r="R462" s="10" t="s">
        <v>22</v>
      </c>
      <c r="S462" s="10" t="s">
        <v>22</v>
      </c>
      <c r="T462" s="10" t="s">
        <v>22</v>
      </c>
      <c r="U462" s="10" t="s">
        <v>22</v>
      </c>
      <c r="V462" s="10" t="s">
        <v>22</v>
      </c>
      <c r="W462" s="10" t="s">
        <v>22</v>
      </c>
      <c r="X462" s="10" t="s">
        <v>22</v>
      </c>
      <c r="Y462" s="10" t="s">
        <v>22</v>
      </c>
      <c r="Z462" s="10" t="s">
        <v>22</v>
      </c>
    </row>
    <row r="463" spans="1:26" ht="24" customHeight="1" x14ac:dyDescent="0.2">
      <c r="A463" s="9" t="s">
        <v>17743</v>
      </c>
      <c r="B463" s="9" t="s">
        <v>14</v>
      </c>
      <c r="C463" s="9" t="s">
        <v>2189</v>
      </c>
      <c r="D463" s="6" t="s">
        <v>2190</v>
      </c>
      <c r="E463" s="22">
        <v>44738</v>
      </c>
      <c r="F463" s="22">
        <v>46563</v>
      </c>
      <c r="G463" s="6" t="s">
        <v>2191</v>
      </c>
      <c r="H463" s="6" t="s">
        <v>18</v>
      </c>
      <c r="I463" s="6" t="s">
        <v>19</v>
      </c>
      <c r="J463" s="6" t="s">
        <v>2192</v>
      </c>
      <c r="K463" s="9" t="s">
        <v>2193</v>
      </c>
      <c r="L463" s="10" t="s">
        <v>22</v>
      </c>
      <c r="M463" s="10" t="s">
        <v>22</v>
      </c>
      <c r="N463" s="10" t="s">
        <v>22</v>
      </c>
      <c r="O463" s="10" t="s">
        <v>22</v>
      </c>
      <c r="P463" s="10" t="s">
        <v>22</v>
      </c>
      <c r="Q463" s="10" t="s">
        <v>22</v>
      </c>
      <c r="R463" s="10" t="s">
        <v>22</v>
      </c>
      <c r="S463" s="10" t="s">
        <v>22</v>
      </c>
      <c r="T463" s="10" t="s">
        <v>22</v>
      </c>
      <c r="U463" s="10" t="s">
        <v>22</v>
      </c>
      <c r="V463" s="10" t="s">
        <v>22</v>
      </c>
      <c r="W463" s="10" t="s">
        <v>22</v>
      </c>
      <c r="X463" s="10" t="s">
        <v>22</v>
      </c>
      <c r="Y463" s="10" t="s">
        <v>22</v>
      </c>
      <c r="Z463" s="10" t="s">
        <v>22</v>
      </c>
    </row>
    <row r="464" spans="1:26" ht="24" customHeight="1" x14ac:dyDescent="0.2">
      <c r="A464" s="9" t="s">
        <v>17744</v>
      </c>
      <c r="B464" s="9" t="s">
        <v>14</v>
      </c>
      <c r="C464" s="9" t="s">
        <v>2194</v>
      </c>
      <c r="D464" s="6" t="s">
        <v>2195</v>
      </c>
      <c r="E464" s="22">
        <v>44738</v>
      </c>
      <c r="F464" s="22">
        <v>46563</v>
      </c>
      <c r="G464" s="6" t="s">
        <v>2196</v>
      </c>
      <c r="H464" s="6" t="s">
        <v>18</v>
      </c>
      <c r="I464" s="6" t="s">
        <v>26</v>
      </c>
      <c r="J464" s="6" t="s">
        <v>2197</v>
      </c>
      <c r="K464" s="9" t="s">
        <v>2198</v>
      </c>
      <c r="L464" s="10" t="s">
        <v>22</v>
      </c>
      <c r="M464" s="10" t="s">
        <v>22</v>
      </c>
      <c r="N464" s="10" t="s">
        <v>22</v>
      </c>
      <c r="O464" s="10" t="s">
        <v>22</v>
      </c>
      <c r="P464" s="10" t="s">
        <v>22</v>
      </c>
      <c r="Q464" s="10" t="s">
        <v>22</v>
      </c>
      <c r="R464" s="10" t="s">
        <v>22</v>
      </c>
      <c r="S464" s="10" t="s">
        <v>22</v>
      </c>
      <c r="T464" s="10" t="s">
        <v>22</v>
      </c>
      <c r="U464" s="10" t="s">
        <v>22</v>
      </c>
      <c r="V464" s="10" t="s">
        <v>22</v>
      </c>
      <c r="W464" s="10" t="s">
        <v>22</v>
      </c>
      <c r="X464" s="10" t="s">
        <v>22</v>
      </c>
      <c r="Y464" s="10" t="s">
        <v>22</v>
      </c>
      <c r="Z464" s="10" t="s">
        <v>22</v>
      </c>
    </row>
    <row r="465" spans="1:26" ht="24" customHeight="1" x14ac:dyDescent="0.2">
      <c r="A465" s="9" t="s">
        <v>17745</v>
      </c>
      <c r="B465" s="9" t="s">
        <v>14</v>
      </c>
      <c r="C465" s="9" t="s">
        <v>2199</v>
      </c>
      <c r="D465" s="6" t="s">
        <v>2200</v>
      </c>
      <c r="E465" s="22">
        <v>44738</v>
      </c>
      <c r="F465" s="22">
        <v>46563</v>
      </c>
      <c r="G465" s="6" t="s">
        <v>2201</v>
      </c>
      <c r="H465" s="6" t="s">
        <v>18</v>
      </c>
      <c r="I465" s="6" t="s">
        <v>19</v>
      </c>
      <c r="J465" s="6" t="s">
        <v>2202</v>
      </c>
      <c r="K465" s="9" t="s">
        <v>2203</v>
      </c>
      <c r="L465" s="10" t="s">
        <v>22</v>
      </c>
      <c r="M465" s="10" t="s">
        <v>22</v>
      </c>
      <c r="N465" s="10" t="s">
        <v>22</v>
      </c>
      <c r="O465" s="10" t="s">
        <v>22</v>
      </c>
      <c r="P465" s="10" t="s">
        <v>22</v>
      </c>
      <c r="Q465" s="10" t="s">
        <v>22</v>
      </c>
      <c r="R465" s="10" t="s">
        <v>22</v>
      </c>
      <c r="S465" s="10" t="s">
        <v>22</v>
      </c>
      <c r="T465" s="10" t="s">
        <v>22</v>
      </c>
      <c r="U465" s="10" t="s">
        <v>22</v>
      </c>
      <c r="V465" s="10" t="s">
        <v>22</v>
      </c>
      <c r="W465" s="10" t="s">
        <v>22</v>
      </c>
      <c r="X465" s="10" t="s">
        <v>22</v>
      </c>
      <c r="Y465" s="10" t="s">
        <v>22</v>
      </c>
      <c r="Z465" s="10" t="s">
        <v>22</v>
      </c>
    </row>
    <row r="466" spans="1:26" ht="24" customHeight="1" x14ac:dyDescent="0.2">
      <c r="A466" s="9" t="s">
        <v>17746</v>
      </c>
      <c r="B466" s="9" t="s">
        <v>14</v>
      </c>
      <c r="C466" s="9" t="s">
        <v>2204</v>
      </c>
      <c r="D466" s="6" t="s">
        <v>2205</v>
      </c>
      <c r="E466" s="22">
        <v>44738</v>
      </c>
      <c r="F466" s="22">
        <v>46563</v>
      </c>
      <c r="G466" s="6" t="s">
        <v>2206</v>
      </c>
      <c r="H466" s="6" t="s">
        <v>363</v>
      </c>
      <c r="I466" s="6" t="s">
        <v>646</v>
      </c>
      <c r="J466" s="6" t="s">
        <v>2207</v>
      </c>
      <c r="K466" s="9" t="s">
        <v>2208</v>
      </c>
      <c r="L466" s="10" t="s">
        <v>22</v>
      </c>
      <c r="M466" s="10" t="s">
        <v>22</v>
      </c>
      <c r="N466" s="10" t="s">
        <v>22</v>
      </c>
      <c r="O466" s="10" t="s">
        <v>22</v>
      </c>
      <c r="P466" s="10" t="s">
        <v>22</v>
      </c>
      <c r="Q466" s="10" t="s">
        <v>22</v>
      </c>
      <c r="R466" s="10" t="s">
        <v>22</v>
      </c>
      <c r="S466" s="10" t="s">
        <v>22</v>
      </c>
      <c r="T466" s="10" t="s">
        <v>22</v>
      </c>
      <c r="U466" s="10" t="s">
        <v>22</v>
      </c>
      <c r="V466" s="10" t="s">
        <v>22</v>
      </c>
      <c r="W466" s="10" t="s">
        <v>22</v>
      </c>
      <c r="X466" s="10" t="s">
        <v>22</v>
      </c>
      <c r="Y466" s="10" t="s">
        <v>22</v>
      </c>
      <c r="Z466" s="10" t="s">
        <v>22</v>
      </c>
    </row>
    <row r="467" spans="1:26" ht="24" customHeight="1" x14ac:dyDescent="0.2">
      <c r="A467" s="9" t="s">
        <v>17747</v>
      </c>
      <c r="B467" s="9" t="s">
        <v>14</v>
      </c>
      <c r="C467" s="9" t="s">
        <v>2209</v>
      </c>
      <c r="D467" s="6" t="s">
        <v>2210</v>
      </c>
      <c r="E467" s="22">
        <v>44738</v>
      </c>
      <c r="F467" s="22">
        <v>46563</v>
      </c>
      <c r="G467" s="6" t="s">
        <v>2211</v>
      </c>
      <c r="H467" s="6" t="s">
        <v>18</v>
      </c>
      <c r="I467" s="6" t="s">
        <v>26</v>
      </c>
      <c r="J467" s="6" t="s">
        <v>2212</v>
      </c>
      <c r="K467" s="9" t="s">
        <v>2213</v>
      </c>
      <c r="L467" s="10" t="s">
        <v>22</v>
      </c>
      <c r="M467" s="10" t="s">
        <v>22</v>
      </c>
      <c r="N467" s="10" t="s">
        <v>22</v>
      </c>
      <c r="O467" s="10" t="s">
        <v>22</v>
      </c>
      <c r="P467" s="10" t="s">
        <v>22</v>
      </c>
      <c r="Q467" s="10" t="s">
        <v>22</v>
      </c>
      <c r="R467" s="10" t="s">
        <v>22</v>
      </c>
      <c r="S467" s="10" t="s">
        <v>22</v>
      </c>
      <c r="T467" s="10" t="s">
        <v>22</v>
      </c>
      <c r="U467" s="10" t="s">
        <v>22</v>
      </c>
      <c r="V467" s="10" t="s">
        <v>22</v>
      </c>
      <c r="W467" s="10" t="s">
        <v>22</v>
      </c>
      <c r="X467" s="10" t="s">
        <v>22</v>
      </c>
      <c r="Y467" s="10" t="s">
        <v>22</v>
      </c>
      <c r="Z467" s="10" t="s">
        <v>22</v>
      </c>
    </row>
    <row r="468" spans="1:26" ht="24" customHeight="1" x14ac:dyDescent="0.2">
      <c r="A468" s="9" t="s">
        <v>17748</v>
      </c>
      <c r="B468" s="9" t="s">
        <v>14</v>
      </c>
      <c r="C468" s="9" t="s">
        <v>2214</v>
      </c>
      <c r="D468" s="6" t="s">
        <v>2215</v>
      </c>
      <c r="E468" s="22">
        <v>44738</v>
      </c>
      <c r="F468" s="22">
        <v>46563</v>
      </c>
      <c r="G468" s="6" t="s">
        <v>2216</v>
      </c>
      <c r="H468" s="6" t="s">
        <v>202</v>
      </c>
      <c r="I468" s="6" t="s">
        <v>863</v>
      </c>
      <c r="J468" s="6" t="s">
        <v>2217</v>
      </c>
      <c r="K468" s="9" t="s">
        <v>2218</v>
      </c>
      <c r="L468" s="10" t="s">
        <v>22</v>
      </c>
      <c r="M468" s="10" t="s">
        <v>22</v>
      </c>
      <c r="N468" s="10" t="s">
        <v>22</v>
      </c>
      <c r="O468" s="10" t="s">
        <v>22</v>
      </c>
      <c r="P468" s="10" t="s">
        <v>22</v>
      </c>
      <c r="Q468" s="10" t="s">
        <v>22</v>
      </c>
      <c r="R468" s="10" t="s">
        <v>22</v>
      </c>
      <c r="S468" s="10" t="s">
        <v>22</v>
      </c>
      <c r="T468" s="10" t="s">
        <v>22</v>
      </c>
      <c r="U468" s="10" t="s">
        <v>22</v>
      </c>
      <c r="V468" s="10" t="s">
        <v>22</v>
      </c>
      <c r="W468" s="10" t="s">
        <v>22</v>
      </c>
      <c r="X468" s="10" t="s">
        <v>22</v>
      </c>
      <c r="Y468" s="10" t="s">
        <v>22</v>
      </c>
      <c r="Z468" s="10" t="s">
        <v>22</v>
      </c>
    </row>
    <row r="469" spans="1:26" ht="24" customHeight="1" x14ac:dyDescent="0.2">
      <c r="A469" s="9" t="s">
        <v>17749</v>
      </c>
      <c r="B469" s="9" t="s">
        <v>14</v>
      </c>
      <c r="C469" s="9" t="s">
        <v>2219</v>
      </c>
      <c r="D469" s="6" t="s">
        <v>2220</v>
      </c>
      <c r="E469" s="22">
        <v>44738</v>
      </c>
      <c r="F469" s="22">
        <v>46563</v>
      </c>
      <c r="G469" s="6" t="s">
        <v>2221</v>
      </c>
      <c r="H469" s="6" t="s">
        <v>62</v>
      </c>
      <c r="I469" s="6" t="s">
        <v>414</v>
      </c>
      <c r="J469" s="6" t="s">
        <v>2222</v>
      </c>
      <c r="K469" s="9" t="s">
        <v>2223</v>
      </c>
      <c r="L469" s="10" t="s">
        <v>22</v>
      </c>
      <c r="M469" s="10" t="s">
        <v>22</v>
      </c>
      <c r="N469" s="10" t="s">
        <v>22</v>
      </c>
      <c r="O469" s="10" t="s">
        <v>22</v>
      </c>
      <c r="P469" s="10" t="s">
        <v>22</v>
      </c>
      <c r="Q469" s="10" t="s">
        <v>22</v>
      </c>
      <c r="S469" s="10" t="s">
        <v>22</v>
      </c>
      <c r="U469" s="10" t="s">
        <v>22</v>
      </c>
      <c r="V469" s="10" t="s">
        <v>22</v>
      </c>
      <c r="W469" s="10" t="s">
        <v>22</v>
      </c>
      <c r="X469" s="10" t="s">
        <v>22</v>
      </c>
      <c r="Y469" s="10" t="s">
        <v>22</v>
      </c>
      <c r="Z469" s="10" t="s">
        <v>22</v>
      </c>
    </row>
    <row r="470" spans="1:26" ht="24" customHeight="1" x14ac:dyDescent="0.2">
      <c r="A470" s="9" t="s">
        <v>17750</v>
      </c>
      <c r="B470" s="9" t="s">
        <v>14</v>
      </c>
      <c r="C470" s="9" t="s">
        <v>2224</v>
      </c>
      <c r="D470" s="6" t="s">
        <v>2225</v>
      </c>
      <c r="E470" s="22">
        <v>44738</v>
      </c>
      <c r="F470" s="22">
        <v>46563</v>
      </c>
      <c r="G470" s="6" t="s">
        <v>2226</v>
      </c>
      <c r="H470" s="6" t="s">
        <v>62</v>
      </c>
      <c r="I470" s="6" t="s">
        <v>290</v>
      </c>
      <c r="J470" s="6" t="s">
        <v>2227</v>
      </c>
      <c r="K470" s="9" t="s">
        <v>2228</v>
      </c>
      <c r="L470" s="10" t="s">
        <v>22</v>
      </c>
      <c r="M470" s="10" t="s">
        <v>22</v>
      </c>
      <c r="N470" s="10" t="s">
        <v>22</v>
      </c>
      <c r="O470" s="10" t="s">
        <v>22</v>
      </c>
      <c r="P470" s="10" t="s">
        <v>22</v>
      </c>
      <c r="Q470" s="10" t="s">
        <v>22</v>
      </c>
      <c r="R470" s="10" t="s">
        <v>22</v>
      </c>
      <c r="S470" s="10" t="s">
        <v>22</v>
      </c>
      <c r="T470" s="10" t="s">
        <v>22</v>
      </c>
      <c r="U470" s="10" t="s">
        <v>22</v>
      </c>
      <c r="V470" s="10" t="s">
        <v>22</v>
      </c>
      <c r="W470" s="10" t="s">
        <v>22</v>
      </c>
      <c r="X470" s="10" t="s">
        <v>22</v>
      </c>
      <c r="Y470" s="10" t="s">
        <v>22</v>
      </c>
      <c r="Z470" s="10" t="s">
        <v>22</v>
      </c>
    </row>
    <row r="471" spans="1:26" ht="24" customHeight="1" x14ac:dyDescent="0.2">
      <c r="A471" s="9" t="s">
        <v>17751</v>
      </c>
      <c r="B471" s="9" t="s">
        <v>14</v>
      </c>
      <c r="C471" s="9" t="s">
        <v>2229</v>
      </c>
      <c r="D471" s="6" t="s">
        <v>2230</v>
      </c>
      <c r="E471" s="22">
        <v>44738</v>
      </c>
      <c r="F471" s="22">
        <v>46563</v>
      </c>
      <c r="G471" s="6" t="s">
        <v>2231</v>
      </c>
      <c r="H471" s="6" t="s">
        <v>18</v>
      </c>
      <c r="I471" s="6" t="s">
        <v>26</v>
      </c>
      <c r="J471" s="6" t="s">
        <v>2232</v>
      </c>
      <c r="K471" s="9" t="s">
        <v>2233</v>
      </c>
      <c r="L471" s="10" t="s">
        <v>22</v>
      </c>
      <c r="M471" s="10" t="s">
        <v>22</v>
      </c>
      <c r="N471" s="10" t="s">
        <v>22</v>
      </c>
      <c r="O471" s="10" t="s">
        <v>22</v>
      </c>
      <c r="P471" s="10" t="s">
        <v>22</v>
      </c>
      <c r="Q471" s="10" t="s">
        <v>22</v>
      </c>
      <c r="R471" s="10" t="s">
        <v>22</v>
      </c>
      <c r="T471" s="10" t="s">
        <v>22</v>
      </c>
      <c r="U471" s="10" t="s">
        <v>22</v>
      </c>
      <c r="W471" s="10" t="s">
        <v>22</v>
      </c>
      <c r="X471" s="10" t="s">
        <v>22</v>
      </c>
      <c r="Z471" s="10" t="s">
        <v>22</v>
      </c>
    </row>
    <row r="472" spans="1:26" ht="24" customHeight="1" x14ac:dyDescent="0.2">
      <c r="A472" s="9" t="s">
        <v>17752</v>
      </c>
      <c r="B472" s="9" t="s">
        <v>14</v>
      </c>
      <c r="C472" s="9" t="s">
        <v>2234</v>
      </c>
      <c r="D472" s="6" t="s">
        <v>2235</v>
      </c>
      <c r="E472" s="22">
        <v>44738</v>
      </c>
      <c r="F472" s="22">
        <v>46563</v>
      </c>
      <c r="G472" s="6" t="s">
        <v>2236</v>
      </c>
      <c r="H472" s="6" t="s">
        <v>62</v>
      </c>
      <c r="I472" s="6" t="s">
        <v>252</v>
      </c>
      <c r="J472" s="6" t="s">
        <v>2237</v>
      </c>
      <c r="K472" s="9" t="s">
        <v>16190</v>
      </c>
      <c r="L472" s="10" t="s">
        <v>22</v>
      </c>
      <c r="M472" s="10" t="s">
        <v>22</v>
      </c>
      <c r="N472" s="10" t="s">
        <v>22</v>
      </c>
      <c r="O472" s="10" t="s">
        <v>22</v>
      </c>
      <c r="P472" s="10" t="s">
        <v>22</v>
      </c>
      <c r="Q472" s="10" t="s">
        <v>22</v>
      </c>
      <c r="R472" s="10" t="s">
        <v>22</v>
      </c>
      <c r="S472" s="10" t="s">
        <v>22</v>
      </c>
      <c r="T472" s="10" t="s">
        <v>22</v>
      </c>
      <c r="U472" s="10" t="s">
        <v>22</v>
      </c>
      <c r="V472" s="10" t="s">
        <v>22</v>
      </c>
      <c r="W472" s="10" t="s">
        <v>22</v>
      </c>
      <c r="X472" s="10" t="s">
        <v>22</v>
      </c>
      <c r="Y472" s="10" t="s">
        <v>22</v>
      </c>
      <c r="Z472" s="10" t="s">
        <v>22</v>
      </c>
    </row>
    <row r="473" spans="1:26" ht="24" customHeight="1" x14ac:dyDescent="0.2">
      <c r="A473" s="9" t="s">
        <v>17753</v>
      </c>
      <c r="B473" s="9" t="s">
        <v>14</v>
      </c>
      <c r="C473" s="9" t="s">
        <v>2238</v>
      </c>
      <c r="D473" s="6" t="s">
        <v>2239</v>
      </c>
      <c r="E473" s="22">
        <v>44738</v>
      </c>
      <c r="F473" s="22">
        <v>46563</v>
      </c>
      <c r="G473" s="6" t="s">
        <v>2240</v>
      </c>
      <c r="H473" s="6" t="s">
        <v>62</v>
      </c>
      <c r="I473" s="6" t="s">
        <v>186</v>
      </c>
      <c r="J473" s="6" t="s">
        <v>2241</v>
      </c>
      <c r="K473" s="9" t="s">
        <v>2242</v>
      </c>
      <c r="L473" s="10" t="s">
        <v>22</v>
      </c>
      <c r="M473" s="10" t="s">
        <v>22</v>
      </c>
      <c r="N473" s="10" t="s">
        <v>22</v>
      </c>
      <c r="O473" s="10" t="s">
        <v>22</v>
      </c>
      <c r="P473" s="10" t="s">
        <v>22</v>
      </c>
      <c r="Q473" s="10" t="s">
        <v>22</v>
      </c>
      <c r="R473" s="10" t="s">
        <v>22</v>
      </c>
      <c r="S473" s="10" t="s">
        <v>22</v>
      </c>
      <c r="T473" s="10" t="s">
        <v>22</v>
      </c>
    </row>
    <row r="474" spans="1:26" ht="24" customHeight="1" x14ac:dyDescent="0.2">
      <c r="A474" s="9" t="s">
        <v>17754</v>
      </c>
      <c r="B474" s="9" t="s">
        <v>14</v>
      </c>
      <c r="C474" s="9" t="s">
        <v>2243</v>
      </c>
      <c r="D474" s="6" t="s">
        <v>2244</v>
      </c>
      <c r="E474" s="22">
        <v>44738</v>
      </c>
      <c r="F474" s="22">
        <v>46563</v>
      </c>
      <c r="G474" s="6" t="s">
        <v>2245</v>
      </c>
      <c r="H474" s="6" t="s">
        <v>18</v>
      </c>
      <c r="I474" s="6" t="s">
        <v>19</v>
      </c>
      <c r="J474" s="6" t="s">
        <v>2246</v>
      </c>
      <c r="K474" s="9" t="s">
        <v>2247</v>
      </c>
      <c r="M474" s="10" t="s">
        <v>22</v>
      </c>
      <c r="N474" s="10" t="s">
        <v>22</v>
      </c>
      <c r="P474" s="10" t="s">
        <v>22</v>
      </c>
      <c r="Q474" s="10" t="s">
        <v>22</v>
      </c>
      <c r="V474" s="10" t="s">
        <v>22</v>
      </c>
      <c r="W474" s="10" t="s">
        <v>22</v>
      </c>
      <c r="Y474" s="10" t="s">
        <v>22</v>
      </c>
      <c r="Z474" s="10" t="s">
        <v>22</v>
      </c>
    </row>
    <row r="475" spans="1:26" ht="24" customHeight="1" x14ac:dyDescent="0.2">
      <c r="A475" s="9" t="s">
        <v>17755</v>
      </c>
      <c r="B475" s="9" t="s">
        <v>14</v>
      </c>
      <c r="C475" s="9" t="s">
        <v>2248</v>
      </c>
      <c r="D475" s="6" t="s">
        <v>2249</v>
      </c>
      <c r="E475" s="22">
        <v>44739</v>
      </c>
      <c r="F475" s="22">
        <v>46564</v>
      </c>
      <c r="G475" s="6" t="s">
        <v>2250</v>
      </c>
      <c r="H475" s="6" t="s">
        <v>18</v>
      </c>
      <c r="I475" s="6" t="s">
        <v>19</v>
      </c>
      <c r="J475" s="6" t="s">
        <v>2251</v>
      </c>
      <c r="L475" s="10" t="s">
        <v>22</v>
      </c>
      <c r="M475" s="10" t="s">
        <v>22</v>
      </c>
      <c r="N475" s="10" t="s">
        <v>22</v>
      </c>
      <c r="O475" s="10" t="s">
        <v>22</v>
      </c>
      <c r="P475" s="10" t="s">
        <v>22</v>
      </c>
      <c r="Q475" s="10" t="s">
        <v>22</v>
      </c>
      <c r="U475" s="10" t="s">
        <v>22</v>
      </c>
      <c r="V475" s="10" t="s">
        <v>22</v>
      </c>
      <c r="W475" s="10" t="s">
        <v>22</v>
      </c>
      <c r="X475" s="10" t="s">
        <v>22</v>
      </c>
      <c r="Y475" s="10" t="s">
        <v>22</v>
      </c>
      <c r="Z475" s="10" t="s">
        <v>22</v>
      </c>
    </row>
    <row r="476" spans="1:26" ht="24" customHeight="1" x14ac:dyDescent="0.2">
      <c r="A476" s="9" t="s">
        <v>17756</v>
      </c>
      <c r="B476" s="9" t="s">
        <v>14</v>
      </c>
      <c r="C476" s="9" t="s">
        <v>2252</v>
      </c>
      <c r="D476" s="6" t="s">
        <v>2253</v>
      </c>
      <c r="E476" s="22">
        <v>44739</v>
      </c>
      <c r="F476" s="22">
        <v>46564</v>
      </c>
      <c r="G476" s="6" t="s">
        <v>2254</v>
      </c>
      <c r="H476" s="6" t="s">
        <v>62</v>
      </c>
      <c r="I476" s="6" t="s">
        <v>591</v>
      </c>
      <c r="J476" s="6" t="s">
        <v>2255</v>
      </c>
      <c r="K476" s="9" t="s">
        <v>2256</v>
      </c>
      <c r="L476" s="10" t="s">
        <v>22</v>
      </c>
      <c r="M476" s="10" t="s">
        <v>22</v>
      </c>
      <c r="N476" s="10" t="s">
        <v>22</v>
      </c>
      <c r="O476" s="10" t="s">
        <v>22</v>
      </c>
      <c r="P476" s="10" t="s">
        <v>22</v>
      </c>
      <c r="Q476" s="10" t="s">
        <v>22</v>
      </c>
      <c r="R476" s="10" t="s">
        <v>22</v>
      </c>
      <c r="S476" s="10" t="s">
        <v>22</v>
      </c>
      <c r="T476" s="10" t="s">
        <v>22</v>
      </c>
      <c r="U476" s="10" t="s">
        <v>22</v>
      </c>
      <c r="V476" s="10" t="s">
        <v>22</v>
      </c>
      <c r="W476" s="10" t="s">
        <v>22</v>
      </c>
      <c r="X476" s="10" t="s">
        <v>22</v>
      </c>
      <c r="Y476" s="10" t="s">
        <v>22</v>
      </c>
      <c r="Z476" s="10" t="s">
        <v>22</v>
      </c>
    </row>
    <row r="477" spans="1:26" ht="24" customHeight="1" x14ac:dyDescent="0.2">
      <c r="A477" s="9" t="s">
        <v>17757</v>
      </c>
      <c r="B477" s="9" t="s">
        <v>14</v>
      </c>
      <c r="C477" s="9" t="s">
        <v>2257</v>
      </c>
      <c r="D477" s="6" t="s">
        <v>2258</v>
      </c>
      <c r="E477" s="22">
        <v>44739</v>
      </c>
      <c r="F477" s="22">
        <v>46564</v>
      </c>
      <c r="G477" s="6" t="s">
        <v>2259</v>
      </c>
      <c r="H477" s="6" t="s">
        <v>202</v>
      </c>
      <c r="I477" s="6" t="s">
        <v>863</v>
      </c>
      <c r="J477" s="6" t="s">
        <v>2260</v>
      </c>
      <c r="K477" s="9" t="s">
        <v>2261</v>
      </c>
      <c r="L477" s="10" t="s">
        <v>22</v>
      </c>
      <c r="M477" s="10" t="s">
        <v>22</v>
      </c>
      <c r="N477" s="10" t="s">
        <v>22</v>
      </c>
      <c r="O477" s="10" t="s">
        <v>22</v>
      </c>
      <c r="P477" s="10" t="s">
        <v>22</v>
      </c>
      <c r="Q477" s="10" t="s">
        <v>22</v>
      </c>
      <c r="R477" s="10" t="s">
        <v>22</v>
      </c>
      <c r="S477" s="10" t="s">
        <v>22</v>
      </c>
      <c r="T477" s="10" t="s">
        <v>22</v>
      </c>
      <c r="U477" s="10" t="s">
        <v>22</v>
      </c>
      <c r="V477" s="10" t="s">
        <v>22</v>
      </c>
      <c r="W477" s="10" t="s">
        <v>22</v>
      </c>
      <c r="X477" s="10" t="s">
        <v>22</v>
      </c>
      <c r="Y477" s="10" t="s">
        <v>22</v>
      </c>
      <c r="Z477" s="10" t="s">
        <v>22</v>
      </c>
    </row>
    <row r="478" spans="1:26" ht="24" customHeight="1" x14ac:dyDescent="0.2">
      <c r="A478" s="9" t="s">
        <v>17758</v>
      </c>
      <c r="B478" s="9" t="s">
        <v>14</v>
      </c>
      <c r="C478" s="9" t="s">
        <v>2262</v>
      </c>
      <c r="D478" s="6" t="s">
        <v>2263</v>
      </c>
      <c r="E478" s="22">
        <v>44739</v>
      </c>
      <c r="F478" s="22">
        <v>46564</v>
      </c>
      <c r="G478" s="6" t="s">
        <v>2264</v>
      </c>
      <c r="H478" s="6" t="s">
        <v>18</v>
      </c>
      <c r="I478" s="6" t="s">
        <v>19</v>
      </c>
      <c r="J478" s="6" t="s">
        <v>2265</v>
      </c>
      <c r="K478" s="9" t="s">
        <v>2266</v>
      </c>
      <c r="L478" s="10" t="s">
        <v>22</v>
      </c>
      <c r="M478" s="10" t="s">
        <v>22</v>
      </c>
      <c r="N478" s="10" t="s">
        <v>22</v>
      </c>
      <c r="O478" s="10" t="s">
        <v>22</v>
      </c>
      <c r="P478" s="10" t="s">
        <v>22</v>
      </c>
      <c r="Q478" s="10" t="s">
        <v>22</v>
      </c>
      <c r="U478" s="10" t="s">
        <v>22</v>
      </c>
      <c r="V478" s="10" t="s">
        <v>22</v>
      </c>
      <c r="W478" s="10" t="s">
        <v>22</v>
      </c>
      <c r="X478" s="10" t="s">
        <v>22</v>
      </c>
      <c r="Y478" s="10" t="s">
        <v>22</v>
      </c>
      <c r="Z478" s="10" t="s">
        <v>22</v>
      </c>
    </row>
    <row r="479" spans="1:26" ht="24" customHeight="1" x14ac:dyDescent="0.2">
      <c r="A479" s="9" t="s">
        <v>17759</v>
      </c>
      <c r="B479" s="9" t="s">
        <v>14</v>
      </c>
      <c r="C479" s="9" t="s">
        <v>2267</v>
      </c>
      <c r="D479" s="6" t="s">
        <v>2268</v>
      </c>
      <c r="E479" s="22">
        <v>44739</v>
      </c>
      <c r="F479" s="22">
        <v>46564</v>
      </c>
      <c r="G479" s="6" t="s">
        <v>2269</v>
      </c>
      <c r="H479" s="6" t="s">
        <v>18</v>
      </c>
      <c r="I479" s="6" t="s">
        <v>19</v>
      </c>
      <c r="J479" s="6" t="s">
        <v>2270</v>
      </c>
      <c r="K479" s="9" t="s">
        <v>2271</v>
      </c>
      <c r="L479" s="10" t="s">
        <v>22</v>
      </c>
      <c r="M479" s="10" t="s">
        <v>22</v>
      </c>
      <c r="N479" s="10" t="s">
        <v>22</v>
      </c>
    </row>
    <row r="480" spans="1:26" ht="24" customHeight="1" x14ac:dyDescent="0.2">
      <c r="A480" s="9" t="s">
        <v>17760</v>
      </c>
      <c r="B480" s="9" t="s">
        <v>14</v>
      </c>
      <c r="C480" s="9" t="s">
        <v>2272</v>
      </c>
      <c r="D480" s="6" t="s">
        <v>2273</v>
      </c>
      <c r="E480" s="22">
        <v>44739</v>
      </c>
      <c r="F480" s="22">
        <v>46564</v>
      </c>
      <c r="G480" s="6" t="s">
        <v>2274</v>
      </c>
      <c r="H480" s="6" t="s">
        <v>18</v>
      </c>
      <c r="I480" s="6" t="s">
        <v>19</v>
      </c>
      <c r="J480" s="6" t="s">
        <v>2275</v>
      </c>
      <c r="K480" s="9" t="s">
        <v>2276</v>
      </c>
      <c r="L480" s="10" t="s">
        <v>22</v>
      </c>
      <c r="M480" s="10" t="s">
        <v>22</v>
      </c>
      <c r="N480" s="10" t="s">
        <v>22</v>
      </c>
      <c r="O480" s="10" t="s">
        <v>22</v>
      </c>
      <c r="P480" s="10" t="s">
        <v>22</v>
      </c>
      <c r="Q480" s="10" t="s">
        <v>22</v>
      </c>
      <c r="U480" s="10" t="s">
        <v>22</v>
      </c>
      <c r="V480" s="10" t="s">
        <v>22</v>
      </c>
      <c r="W480" s="10" t="s">
        <v>22</v>
      </c>
      <c r="X480" s="10" t="s">
        <v>22</v>
      </c>
      <c r="Y480" s="10" t="s">
        <v>22</v>
      </c>
      <c r="Z480" s="10" t="s">
        <v>22</v>
      </c>
    </row>
    <row r="481" spans="1:26" ht="24" customHeight="1" x14ac:dyDescent="0.2">
      <c r="A481" s="9" t="s">
        <v>17761</v>
      </c>
      <c r="B481" s="9" t="s">
        <v>14</v>
      </c>
      <c r="C481" s="9" t="s">
        <v>2277</v>
      </c>
      <c r="D481" s="6" t="s">
        <v>2278</v>
      </c>
      <c r="E481" s="22">
        <v>44739</v>
      </c>
      <c r="F481" s="22">
        <v>46564</v>
      </c>
      <c r="G481" s="6" t="s">
        <v>2279</v>
      </c>
      <c r="H481" s="6" t="s">
        <v>18</v>
      </c>
      <c r="I481" s="6" t="s">
        <v>19</v>
      </c>
      <c r="J481" s="6" t="s">
        <v>2280</v>
      </c>
      <c r="L481" s="10" t="s">
        <v>22</v>
      </c>
      <c r="M481" s="10" t="s">
        <v>22</v>
      </c>
      <c r="N481" s="10" t="s">
        <v>22</v>
      </c>
      <c r="O481" s="10" t="s">
        <v>22</v>
      </c>
      <c r="P481" s="10" t="s">
        <v>22</v>
      </c>
      <c r="Q481" s="10" t="s">
        <v>22</v>
      </c>
      <c r="U481" s="10" t="s">
        <v>22</v>
      </c>
      <c r="V481" s="10" t="s">
        <v>22</v>
      </c>
      <c r="W481" s="10" t="s">
        <v>22</v>
      </c>
      <c r="X481" s="10" t="s">
        <v>22</v>
      </c>
      <c r="Y481" s="10" t="s">
        <v>22</v>
      </c>
      <c r="Z481" s="10" t="s">
        <v>22</v>
      </c>
    </row>
    <row r="482" spans="1:26" ht="24" customHeight="1" x14ac:dyDescent="0.2">
      <c r="A482" s="9" t="s">
        <v>17762</v>
      </c>
      <c r="B482" s="9" t="s">
        <v>14</v>
      </c>
      <c r="C482" s="9" t="s">
        <v>2281</v>
      </c>
      <c r="D482" s="6" t="s">
        <v>2282</v>
      </c>
      <c r="E482" s="22">
        <v>44744</v>
      </c>
      <c r="F482" s="22">
        <v>46569</v>
      </c>
      <c r="G482" s="6" t="s">
        <v>2283</v>
      </c>
      <c r="H482" s="6" t="s">
        <v>18</v>
      </c>
      <c r="I482" s="6" t="s">
        <v>19</v>
      </c>
      <c r="J482" s="6" t="s">
        <v>2284</v>
      </c>
      <c r="K482" s="9" t="s">
        <v>2285</v>
      </c>
      <c r="L482" s="10" t="s">
        <v>22</v>
      </c>
      <c r="M482" s="10" t="s">
        <v>22</v>
      </c>
      <c r="N482" s="10" t="s">
        <v>22</v>
      </c>
      <c r="O482" s="10" t="s">
        <v>22</v>
      </c>
      <c r="P482" s="10" t="s">
        <v>22</v>
      </c>
      <c r="Q482" s="10" t="s">
        <v>22</v>
      </c>
    </row>
    <row r="483" spans="1:26" ht="24" customHeight="1" x14ac:dyDescent="0.2">
      <c r="A483" s="9" t="s">
        <v>17763</v>
      </c>
      <c r="B483" s="9" t="s">
        <v>14</v>
      </c>
      <c r="C483" s="9" t="s">
        <v>2286</v>
      </c>
      <c r="D483" s="6" t="s">
        <v>2287</v>
      </c>
      <c r="E483" s="22">
        <v>44744</v>
      </c>
      <c r="F483" s="22">
        <v>46569</v>
      </c>
      <c r="G483" s="6" t="s">
        <v>2288</v>
      </c>
      <c r="H483" s="6" t="s">
        <v>202</v>
      </c>
      <c r="I483" s="6" t="s">
        <v>336</v>
      </c>
      <c r="J483" s="6" t="s">
        <v>2289</v>
      </c>
      <c r="K483" s="9" t="s">
        <v>2290</v>
      </c>
      <c r="L483" s="10" t="s">
        <v>22</v>
      </c>
      <c r="M483" s="10" t="s">
        <v>22</v>
      </c>
      <c r="N483" s="10" t="s">
        <v>22</v>
      </c>
      <c r="O483" s="10" t="s">
        <v>22</v>
      </c>
      <c r="P483" s="10" t="s">
        <v>22</v>
      </c>
      <c r="Q483" s="10" t="s">
        <v>22</v>
      </c>
    </row>
    <row r="484" spans="1:26" ht="34.75" customHeight="1" x14ac:dyDescent="0.2">
      <c r="A484" s="9" t="s">
        <v>17764</v>
      </c>
      <c r="B484" s="9" t="s">
        <v>14</v>
      </c>
      <c r="C484" s="9" t="s">
        <v>2291</v>
      </c>
      <c r="D484" s="6" t="s">
        <v>2292</v>
      </c>
      <c r="E484" s="22">
        <v>44744</v>
      </c>
      <c r="F484" s="22">
        <v>46569</v>
      </c>
      <c r="G484" s="6" t="s">
        <v>2293</v>
      </c>
      <c r="H484" s="6" t="s">
        <v>18</v>
      </c>
      <c r="I484" s="6" t="s">
        <v>19</v>
      </c>
      <c r="J484" s="6" t="s">
        <v>606</v>
      </c>
      <c r="K484" s="9" t="s">
        <v>2294</v>
      </c>
      <c r="L484" s="10" t="s">
        <v>22</v>
      </c>
      <c r="M484" s="10" t="s">
        <v>22</v>
      </c>
      <c r="N484" s="10" t="s">
        <v>22</v>
      </c>
      <c r="O484" s="10" t="s">
        <v>22</v>
      </c>
      <c r="P484" s="10" t="s">
        <v>22</v>
      </c>
      <c r="Q484" s="10" t="s">
        <v>22</v>
      </c>
      <c r="U484" s="10" t="s">
        <v>22</v>
      </c>
      <c r="V484" s="10" t="s">
        <v>22</v>
      </c>
      <c r="W484" s="10" t="s">
        <v>22</v>
      </c>
      <c r="X484" s="10" t="s">
        <v>22</v>
      </c>
      <c r="Y484" s="10" t="s">
        <v>22</v>
      </c>
      <c r="Z484" s="10" t="s">
        <v>22</v>
      </c>
    </row>
    <row r="485" spans="1:26" ht="34.75" customHeight="1" x14ac:dyDescent="0.2">
      <c r="A485" s="9" t="s">
        <v>17765</v>
      </c>
      <c r="B485" s="9" t="s">
        <v>14</v>
      </c>
      <c r="C485" s="9" t="s">
        <v>2291</v>
      </c>
      <c r="D485" s="6" t="s">
        <v>2292</v>
      </c>
      <c r="E485" s="22">
        <v>44744</v>
      </c>
      <c r="F485" s="22">
        <v>46569</v>
      </c>
      <c r="G485" s="6" t="s">
        <v>2295</v>
      </c>
      <c r="H485" s="6" t="s">
        <v>18</v>
      </c>
      <c r="I485" s="6" t="s">
        <v>19</v>
      </c>
      <c r="J485" s="6" t="s">
        <v>606</v>
      </c>
      <c r="K485" s="9" t="s">
        <v>2296</v>
      </c>
      <c r="L485" s="10" t="s">
        <v>22</v>
      </c>
      <c r="M485" s="10" t="s">
        <v>22</v>
      </c>
      <c r="N485" s="10" t="s">
        <v>22</v>
      </c>
      <c r="O485" s="10" t="s">
        <v>22</v>
      </c>
      <c r="P485" s="10" t="s">
        <v>22</v>
      </c>
      <c r="Q485" s="10" t="s">
        <v>22</v>
      </c>
      <c r="R485" s="10" t="s">
        <v>22</v>
      </c>
      <c r="S485" s="10" t="s">
        <v>22</v>
      </c>
      <c r="T485" s="10" t="s">
        <v>22</v>
      </c>
      <c r="U485" s="10" t="s">
        <v>22</v>
      </c>
      <c r="V485" s="10" t="s">
        <v>22</v>
      </c>
      <c r="W485" s="10" t="s">
        <v>22</v>
      </c>
      <c r="X485" s="10" t="s">
        <v>22</v>
      </c>
      <c r="Y485" s="10" t="s">
        <v>22</v>
      </c>
      <c r="Z485" s="10" t="s">
        <v>22</v>
      </c>
    </row>
    <row r="486" spans="1:26" ht="34.75" customHeight="1" x14ac:dyDescent="0.2">
      <c r="A486" s="9" t="s">
        <v>17766</v>
      </c>
      <c r="B486" s="9" t="s">
        <v>14</v>
      </c>
      <c r="C486" s="9" t="s">
        <v>2291</v>
      </c>
      <c r="D486" s="6" t="s">
        <v>2292</v>
      </c>
      <c r="E486" s="22">
        <v>44744</v>
      </c>
      <c r="F486" s="22">
        <v>46569</v>
      </c>
      <c r="G486" s="6" t="s">
        <v>2297</v>
      </c>
      <c r="H486" s="6" t="s">
        <v>202</v>
      </c>
      <c r="I486" s="6" t="s">
        <v>863</v>
      </c>
      <c r="J486" s="6" t="s">
        <v>2298</v>
      </c>
      <c r="K486" s="9" t="s">
        <v>2299</v>
      </c>
      <c r="L486" s="10" t="s">
        <v>22</v>
      </c>
      <c r="M486" s="10" t="s">
        <v>22</v>
      </c>
      <c r="N486" s="10" t="s">
        <v>22</v>
      </c>
      <c r="O486" s="10" t="s">
        <v>22</v>
      </c>
      <c r="P486" s="10" t="s">
        <v>22</v>
      </c>
      <c r="Q486" s="10" t="s">
        <v>22</v>
      </c>
      <c r="U486" s="10" t="s">
        <v>22</v>
      </c>
      <c r="V486" s="10" t="s">
        <v>22</v>
      </c>
      <c r="W486" s="10" t="s">
        <v>22</v>
      </c>
      <c r="X486" s="10" t="s">
        <v>22</v>
      </c>
      <c r="Y486" s="10" t="s">
        <v>22</v>
      </c>
      <c r="Z486" s="10" t="s">
        <v>22</v>
      </c>
    </row>
    <row r="487" spans="1:26" ht="34.75" customHeight="1" x14ac:dyDescent="0.2">
      <c r="A487" s="9" t="s">
        <v>17767</v>
      </c>
      <c r="B487" s="9" t="s">
        <v>14</v>
      </c>
      <c r="C487" s="9" t="s">
        <v>2291</v>
      </c>
      <c r="D487" s="6" t="s">
        <v>2292</v>
      </c>
      <c r="E487" s="22">
        <v>44744</v>
      </c>
      <c r="F487" s="22">
        <v>46569</v>
      </c>
      <c r="G487" s="6" t="s">
        <v>2300</v>
      </c>
      <c r="H487" s="6" t="s">
        <v>62</v>
      </c>
      <c r="I487" s="6" t="s">
        <v>352</v>
      </c>
      <c r="J487" s="6" t="s">
        <v>2301</v>
      </c>
      <c r="K487" s="9" t="s">
        <v>2302</v>
      </c>
      <c r="L487" s="10" t="s">
        <v>22</v>
      </c>
      <c r="M487" s="10" t="s">
        <v>22</v>
      </c>
      <c r="N487" s="10" t="s">
        <v>22</v>
      </c>
      <c r="O487" s="10" t="s">
        <v>22</v>
      </c>
      <c r="P487" s="10" t="s">
        <v>22</v>
      </c>
      <c r="Q487" s="10" t="s">
        <v>22</v>
      </c>
      <c r="R487" s="10" t="s">
        <v>22</v>
      </c>
      <c r="S487" s="10" t="s">
        <v>22</v>
      </c>
      <c r="T487" s="10" t="s">
        <v>22</v>
      </c>
      <c r="U487" s="10" t="s">
        <v>22</v>
      </c>
      <c r="V487" s="10" t="s">
        <v>22</v>
      </c>
      <c r="W487" s="10" t="s">
        <v>22</v>
      </c>
      <c r="X487" s="10" t="s">
        <v>22</v>
      </c>
      <c r="Y487" s="10" t="s">
        <v>22</v>
      </c>
      <c r="Z487" s="10" t="s">
        <v>22</v>
      </c>
    </row>
    <row r="488" spans="1:26" ht="24" customHeight="1" x14ac:dyDescent="0.2">
      <c r="A488" s="9" t="s">
        <v>17768</v>
      </c>
      <c r="B488" s="9" t="s">
        <v>14</v>
      </c>
      <c r="C488" s="9" t="s">
        <v>2303</v>
      </c>
      <c r="D488" s="6" t="s">
        <v>2304</v>
      </c>
      <c r="E488" s="22">
        <v>44745</v>
      </c>
      <c r="F488" s="22">
        <v>46570</v>
      </c>
      <c r="G488" s="6" t="s">
        <v>2305</v>
      </c>
      <c r="H488" s="6" t="s">
        <v>18</v>
      </c>
      <c r="I488" s="6" t="s">
        <v>19</v>
      </c>
      <c r="J488" s="6" t="s">
        <v>2306</v>
      </c>
      <c r="K488" s="9" t="s">
        <v>2307</v>
      </c>
      <c r="L488" s="10" t="s">
        <v>22</v>
      </c>
      <c r="M488" s="10" t="s">
        <v>22</v>
      </c>
      <c r="N488" s="10" t="s">
        <v>22</v>
      </c>
      <c r="O488" s="10" t="s">
        <v>22</v>
      </c>
      <c r="P488" s="10" t="s">
        <v>22</v>
      </c>
      <c r="Q488" s="10" t="s">
        <v>22</v>
      </c>
      <c r="R488" s="10" t="s">
        <v>22</v>
      </c>
      <c r="S488" s="10" t="s">
        <v>22</v>
      </c>
      <c r="T488" s="10" t="s">
        <v>22</v>
      </c>
      <c r="U488" s="10" t="s">
        <v>22</v>
      </c>
      <c r="V488" s="10" t="s">
        <v>22</v>
      </c>
      <c r="W488" s="10" t="s">
        <v>22</v>
      </c>
      <c r="X488" s="10" t="s">
        <v>22</v>
      </c>
      <c r="Y488" s="10" t="s">
        <v>22</v>
      </c>
      <c r="Z488" s="10" t="s">
        <v>22</v>
      </c>
    </row>
    <row r="489" spans="1:26" ht="24" customHeight="1" x14ac:dyDescent="0.2">
      <c r="A489" s="9" t="s">
        <v>17769</v>
      </c>
      <c r="B489" s="9" t="s">
        <v>14</v>
      </c>
      <c r="C489" s="9" t="s">
        <v>2308</v>
      </c>
      <c r="D489" s="6" t="s">
        <v>2309</v>
      </c>
      <c r="E489" s="22">
        <v>44745</v>
      </c>
      <c r="F489" s="22">
        <v>46570</v>
      </c>
      <c r="G489" s="6" t="s">
        <v>2310</v>
      </c>
      <c r="H489" s="6" t="s">
        <v>18</v>
      </c>
      <c r="I489" s="6" t="s">
        <v>26</v>
      </c>
      <c r="J489" s="6" t="s">
        <v>2311</v>
      </c>
      <c r="K489" s="9" t="s">
        <v>2312</v>
      </c>
      <c r="L489" s="10" t="s">
        <v>22</v>
      </c>
      <c r="M489" s="10" t="s">
        <v>22</v>
      </c>
      <c r="N489" s="10" t="s">
        <v>22</v>
      </c>
      <c r="O489" s="10" t="s">
        <v>22</v>
      </c>
      <c r="P489" s="10" t="s">
        <v>22</v>
      </c>
      <c r="Q489" s="10" t="s">
        <v>22</v>
      </c>
      <c r="U489" s="10" t="s">
        <v>22</v>
      </c>
      <c r="V489" s="10" t="s">
        <v>22</v>
      </c>
      <c r="W489" s="10" t="s">
        <v>22</v>
      </c>
      <c r="X489" s="10" t="s">
        <v>22</v>
      </c>
      <c r="Y489" s="10" t="s">
        <v>22</v>
      </c>
      <c r="Z489" s="10" t="s">
        <v>22</v>
      </c>
    </row>
    <row r="490" spans="1:26" ht="38.4" customHeight="1" x14ac:dyDescent="0.2">
      <c r="A490" s="9" t="s">
        <v>17770</v>
      </c>
      <c r="B490" s="9" t="s">
        <v>14</v>
      </c>
      <c r="C490" s="9" t="s">
        <v>2313</v>
      </c>
      <c r="D490" s="6" t="s">
        <v>2314</v>
      </c>
      <c r="E490" s="22">
        <v>44748</v>
      </c>
      <c r="F490" s="22">
        <v>46573</v>
      </c>
      <c r="G490" s="6" t="s">
        <v>2315</v>
      </c>
      <c r="H490" s="6" t="s">
        <v>18</v>
      </c>
      <c r="I490" s="6" t="s">
        <v>19</v>
      </c>
      <c r="J490" s="6" t="s">
        <v>2316</v>
      </c>
      <c r="K490" s="9" t="s">
        <v>2317</v>
      </c>
      <c r="L490" s="10" t="s">
        <v>22</v>
      </c>
      <c r="M490" s="10" t="s">
        <v>22</v>
      </c>
      <c r="N490" s="10" t="s">
        <v>22</v>
      </c>
      <c r="U490" s="10" t="s">
        <v>22</v>
      </c>
      <c r="V490" s="10" t="s">
        <v>22</v>
      </c>
      <c r="W490" s="10" t="s">
        <v>22</v>
      </c>
    </row>
    <row r="491" spans="1:26" ht="38.4" customHeight="1" x14ac:dyDescent="0.2">
      <c r="A491" s="9" t="s">
        <v>17771</v>
      </c>
      <c r="B491" s="9" t="s">
        <v>14</v>
      </c>
      <c r="C491" s="9" t="s">
        <v>2313</v>
      </c>
      <c r="D491" s="6" t="s">
        <v>2314</v>
      </c>
      <c r="E491" s="22">
        <v>44748</v>
      </c>
      <c r="F491" s="22">
        <v>46573</v>
      </c>
      <c r="G491" s="6" t="s">
        <v>2318</v>
      </c>
      <c r="H491" s="6" t="s">
        <v>229</v>
      </c>
      <c r="I491" s="6" t="s">
        <v>2319</v>
      </c>
      <c r="J491" s="6" t="s">
        <v>2320</v>
      </c>
      <c r="K491" s="9" t="s">
        <v>2321</v>
      </c>
      <c r="L491" s="10" t="s">
        <v>22</v>
      </c>
      <c r="M491" s="10" t="s">
        <v>22</v>
      </c>
      <c r="N491" s="10" t="s">
        <v>22</v>
      </c>
      <c r="U491" s="10" t="s">
        <v>22</v>
      </c>
      <c r="V491" s="10" t="s">
        <v>22</v>
      </c>
      <c r="W491" s="10" t="s">
        <v>22</v>
      </c>
    </row>
    <row r="492" spans="1:26" ht="38.4" customHeight="1" x14ac:dyDescent="0.2">
      <c r="A492" s="9" t="s">
        <v>17772</v>
      </c>
      <c r="B492" s="9" t="s">
        <v>14</v>
      </c>
      <c r="C492" s="9" t="s">
        <v>2313</v>
      </c>
      <c r="D492" s="6" t="s">
        <v>2314</v>
      </c>
      <c r="E492" s="22">
        <v>44748</v>
      </c>
      <c r="F492" s="22">
        <v>46573</v>
      </c>
      <c r="G492" s="6" t="s">
        <v>2322</v>
      </c>
      <c r="H492" s="6" t="s">
        <v>62</v>
      </c>
      <c r="I492" s="6" t="s">
        <v>493</v>
      </c>
      <c r="J492" s="6" t="s">
        <v>2323</v>
      </c>
      <c r="K492" s="9" t="s">
        <v>2324</v>
      </c>
      <c r="L492" s="10" t="s">
        <v>22</v>
      </c>
      <c r="M492" s="10" t="s">
        <v>22</v>
      </c>
      <c r="N492" s="10" t="s">
        <v>22</v>
      </c>
      <c r="U492" s="10" t="s">
        <v>22</v>
      </c>
      <c r="V492" s="10" t="s">
        <v>22</v>
      </c>
      <c r="W492" s="10" t="s">
        <v>22</v>
      </c>
    </row>
    <row r="493" spans="1:26" ht="24" customHeight="1" x14ac:dyDescent="0.2">
      <c r="A493" s="9" t="s">
        <v>17773</v>
      </c>
      <c r="B493" s="9" t="s">
        <v>14</v>
      </c>
      <c r="C493" s="9" t="s">
        <v>2325</v>
      </c>
      <c r="D493" s="6" t="s">
        <v>2326</v>
      </c>
      <c r="E493" s="22">
        <v>44748</v>
      </c>
      <c r="F493" s="22">
        <v>46573</v>
      </c>
      <c r="G493" s="6" t="s">
        <v>2327</v>
      </c>
      <c r="H493" s="6" t="s">
        <v>18</v>
      </c>
      <c r="I493" s="6" t="s">
        <v>19</v>
      </c>
      <c r="J493" s="6" t="s">
        <v>2328</v>
      </c>
      <c r="K493" s="9" t="s">
        <v>2329</v>
      </c>
      <c r="L493" s="10" t="s">
        <v>22</v>
      </c>
      <c r="M493" s="10" t="s">
        <v>22</v>
      </c>
      <c r="N493" s="10" t="s">
        <v>22</v>
      </c>
      <c r="O493" s="10" t="s">
        <v>22</v>
      </c>
      <c r="P493" s="10" t="s">
        <v>22</v>
      </c>
      <c r="Q493" s="10" t="s">
        <v>22</v>
      </c>
      <c r="U493" s="10" t="s">
        <v>22</v>
      </c>
      <c r="V493" s="10" t="s">
        <v>22</v>
      </c>
      <c r="W493" s="10" t="s">
        <v>22</v>
      </c>
    </row>
    <row r="494" spans="1:26" ht="24" customHeight="1" x14ac:dyDescent="0.2">
      <c r="A494" s="9" t="s">
        <v>17774</v>
      </c>
      <c r="B494" s="9" t="s">
        <v>14</v>
      </c>
      <c r="C494" s="9" t="s">
        <v>2330</v>
      </c>
      <c r="D494" s="6" t="s">
        <v>2331</v>
      </c>
      <c r="E494" s="22">
        <v>44748</v>
      </c>
      <c r="F494" s="22">
        <v>46573</v>
      </c>
      <c r="G494" s="6" t="s">
        <v>2332</v>
      </c>
      <c r="H494" s="6" t="s">
        <v>62</v>
      </c>
      <c r="I494" s="6" t="s">
        <v>414</v>
      </c>
      <c r="J494" s="6" t="s">
        <v>2333</v>
      </c>
      <c r="K494" s="9" t="s">
        <v>2334</v>
      </c>
      <c r="L494" s="10" t="s">
        <v>22</v>
      </c>
      <c r="M494" s="10" t="s">
        <v>22</v>
      </c>
      <c r="N494" s="10" t="s">
        <v>22</v>
      </c>
      <c r="O494" s="10" t="s">
        <v>22</v>
      </c>
      <c r="P494" s="10" t="s">
        <v>22</v>
      </c>
      <c r="Q494" s="10" t="s">
        <v>22</v>
      </c>
      <c r="U494" s="10" t="s">
        <v>22</v>
      </c>
      <c r="V494" s="10" t="s">
        <v>22</v>
      </c>
      <c r="W494" s="10" t="s">
        <v>22</v>
      </c>
    </row>
    <row r="495" spans="1:26" ht="24" customHeight="1" x14ac:dyDescent="0.2">
      <c r="A495" s="9" t="s">
        <v>17775</v>
      </c>
      <c r="B495" s="9" t="s">
        <v>14</v>
      </c>
      <c r="C495" s="9" t="s">
        <v>2335</v>
      </c>
      <c r="D495" s="6" t="s">
        <v>2336</v>
      </c>
      <c r="E495" s="22">
        <v>44748</v>
      </c>
      <c r="F495" s="22">
        <v>46573</v>
      </c>
      <c r="G495" s="6" t="s">
        <v>2337</v>
      </c>
      <c r="H495" s="6" t="s">
        <v>18</v>
      </c>
      <c r="I495" s="6" t="s">
        <v>19</v>
      </c>
      <c r="J495" s="6" t="s">
        <v>2338</v>
      </c>
      <c r="K495" s="9" t="s">
        <v>2339</v>
      </c>
      <c r="L495" s="10" t="s">
        <v>22</v>
      </c>
      <c r="M495" s="10" t="s">
        <v>22</v>
      </c>
      <c r="N495" s="10" t="s">
        <v>22</v>
      </c>
      <c r="O495" s="10" t="s">
        <v>22</v>
      </c>
      <c r="P495" s="10" t="s">
        <v>22</v>
      </c>
      <c r="Q495" s="10" t="s">
        <v>22</v>
      </c>
      <c r="U495" s="10" t="s">
        <v>22</v>
      </c>
      <c r="V495" s="10" t="s">
        <v>22</v>
      </c>
      <c r="W495" s="10" t="s">
        <v>22</v>
      </c>
      <c r="X495" s="10" t="s">
        <v>22</v>
      </c>
      <c r="Y495" s="10" t="s">
        <v>22</v>
      </c>
      <c r="Z495" s="10" t="s">
        <v>22</v>
      </c>
    </row>
    <row r="496" spans="1:26" ht="24" customHeight="1" x14ac:dyDescent="0.2">
      <c r="A496" s="9" t="s">
        <v>17776</v>
      </c>
      <c r="B496" s="9" t="s">
        <v>14</v>
      </c>
      <c r="C496" s="9" t="s">
        <v>2340</v>
      </c>
      <c r="D496" s="6" t="s">
        <v>2341</v>
      </c>
      <c r="E496" s="22">
        <v>44748</v>
      </c>
      <c r="F496" s="22">
        <v>46573</v>
      </c>
      <c r="G496" s="6" t="s">
        <v>2342</v>
      </c>
      <c r="H496" s="6" t="s">
        <v>18</v>
      </c>
      <c r="I496" s="6" t="s">
        <v>19</v>
      </c>
      <c r="J496" s="6" t="s">
        <v>2343</v>
      </c>
      <c r="K496" s="9" t="s">
        <v>2344</v>
      </c>
      <c r="L496" s="10" t="s">
        <v>22</v>
      </c>
      <c r="M496" s="10" t="s">
        <v>22</v>
      </c>
      <c r="N496" s="10" t="s">
        <v>22</v>
      </c>
      <c r="O496" s="10" t="s">
        <v>22</v>
      </c>
      <c r="P496" s="10" t="s">
        <v>22</v>
      </c>
      <c r="Q496" s="10" t="s">
        <v>22</v>
      </c>
      <c r="R496" s="10" t="s">
        <v>22</v>
      </c>
      <c r="S496" s="10" t="s">
        <v>22</v>
      </c>
      <c r="T496" s="10" t="s">
        <v>22</v>
      </c>
      <c r="U496" s="10" t="s">
        <v>22</v>
      </c>
      <c r="V496" s="10" t="s">
        <v>22</v>
      </c>
      <c r="W496" s="10" t="s">
        <v>22</v>
      </c>
      <c r="X496" s="10" t="s">
        <v>22</v>
      </c>
      <c r="Y496" s="10" t="s">
        <v>22</v>
      </c>
      <c r="Z496" s="10" t="s">
        <v>22</v>
      </c>
    </row>
    <row r="497" spans="1:26" ht="24" customHeight="1" x14ac:dyDescent="0.2">
      <c r="A497" s="9" t="s">
        <v>17777</v>
      </c>
      <c r="B497" s="9" t="s">
        <v>14</v>
      </c>
      <c r="C497" s="9" t="s">
        <v>2345</v>
      </c>
      <c r="D497" s="6" t="s">
        <v>2346</v>
      </c>
      <c r="E497" s="22">
        <v>44753</v>
      </c>
      <c r="F497" s="22">
        <v>46578</v>
      </c>
      <c r="G497" s="6" t="s">
        <v>2347</v>
      </c>
      <c r="H497" s="6" t="s">
        <v>18</v>
      </c>
      <c r="I497" s="6" t="s">
        <v>19</v>
      </c>
      <c r="J497" s="6" t="s">
        <v>2348</v>
      </c>
      <c r="K497" s="9" t="s">
        <v>2349</v>
      </c>
      <c r="L497" s="10" t="s">
        <v>22</v>
      </c>
      <c r="M497" s="10" t="s">
        <v>22</v>
      </c>
      <c r="N497" s="10" t="s">
        <v>22</v>
      </c>
      <c r="O497" s="10" t="s">
        <v>22</v>
      </c>
      <c r="P497" s="10" t="s">
        <v>22</v>
      </c>
      <c r="U497" s="10" t="s">
        <v>22</v>
      </c>
      <c r="V497" s="10" t="s">
        <v>22</v>
      </c>
      <c r="W497" s="10" t="s">
        <v>22</v>
      </c>
      <c r="X497" s="10" t="s">
        <v>22</v>
      </c>
      <c r="Y497" s="10" t="s">
        <v>22</v>
      </c>
    </row>
    <row r="498" spans="1:26" ht="24" customHeight="1" x14ac:dyDescent="0.2">
      <c r="A498" s="9" t="s">
        <v>17778</v>
      </c>
      <c r="B498" s="9" t="s">
        <v>14</v>
      </c>
      <c r="C498" s="9" t="s">
        <v>2350</v>
      </c>
      <c r="D498" s="6" t="s">
        <v>2351</v>
      </c>
      <c r="E498" s="22">
        <v>44753</v>
      </c>
      <c r="F498" s="22">
        <v>46578</v>
      </c>
      <c r="G498" s="6" t="s">
        <v>2352</v>
      </c>
      <c r="H498" s="6" t="s">
        <v>62</v>
      </c>
      <c r="I498" s="6" t="s">
        <v>306</v>
      </c>
      <c r="J498" s="6" t="s">
        <v>2353</v>
      </c>
      <c r="K498" s="9" t="s">
        <v>2354</v>
      </c>
      <c r="L498" s="10" t="s">
        <v>22</v>
      </c>
      <c r="M498" s="10" t="s">
        <v>22</v>
      </c>
      <c r="N498" s="10" t="s">
        <v>22</v>
      </c>
      <c r="O498" s="10" t="s">
        <v>22</v>
      </c>
      <c r="P498" s="10" t="s">
        <v>22</v>
      </c>
      <c r="Q498" s="10" t="s">
        <v>22</v>
      </c>
      <c r="R498" s="10" t="s">
        <v>22</v>
      </c>
      <c r="S498" s="10" t="s">
        <v>22</v>
      </c>
      <c r="T498" s="10" t="s">
        <v>22</v>
      </c>
      <c r="U498" s="10" t="s">
        <v>22</v>
      </c>
      <c r="V498" s="10" t="s">
        <v>22</v>
      </c>
      <c r="W498" s="10" t="s">
        <v>22</v>
      </c>
      <c r="X498" s="10" t="s">
        <v>22</v>
      </c>
      <c r="Y498" s="10" t="s">
        <v>22</v>
      </c>
      <c r="Z498" s="10" t="s">
        <v>22</v>
      </c>
    </row>
    <row r="499" spans="1:26" ht="24" customHeight="1" x14ac:dyDescent="0.2">
      <c r="A499" s="9" t="s">
        <v>17779</v>
      </c>
      <c r="B499" s="9" t="s">
        <v>14</v>
      </c>
      <c r="C499" s="9" t="s">
        <v>2355</v>
      </c>
      <c r="D499" s="6" t="s">
        <v>2356</v>
      </c>
      <c r="E499" s="22">
        <v>44754</v>
      </c>
      <c r="F499" s="22">
        <v>46579</v>
      </c>
      <c r="G499" s="6" t="s">
        <v>2357</v>
      </c>
      <c r="H499" s="6" t="s">
        <v>62</v>
      </c>
      <c r="I499" s="6" t="s">
        <v>186</v>
      </c>
      <c r="J499" s="6" t="s">
        <v>2358</v>
      </c>
      <c r="K499" s="9" t="s">
        <v>2359</v>
      </c>
      <c r="L499" s="10" t="s">
        <v>22</v>
      </c>
      <c r="M499" s="10" t="s">
        <v>22</v>
      </c>
      <c r="N499" s="10" t="s">
        <v>22</v>
      </c>
      <c r="O499" s="10" t="s">
        <v>22</v>
      </c>
      <c r="P499" s="10" t="s">
        <v>22</v>
      </c>
      <c r="Q499" s="10" t="s">
        <v>22</v>
      </c>
    </row>
    <row r="500" spans="1:26" ht="24" customHeight="1" x14ac:dyDescent="0.2">
      <c r="A500" s="9" t="s">
        <v>17780</v>
      </c>
      <c r="B500" s="9" t="s">
        <v>14</v>
      </c>
      <c r="C500" s="9" t="s">
        <v>2360</v>
      </c>
      <c r="D500" s="6" t="s">
        <v>2361</v>
      </c>
      <c r="E500" s="22">
        <v>44765</v>
      </c>
      <c r="F500" s="22">
        <v>46590</v>
      </c>
      <c r="G500" s="6" t="s">
        <v>2362</v>
      </c>
      <c r="H500" s="6" t="s">
        <v>18</v>
      </c>
      <c r="I500" s="6" t="s">
        <v>26</v>
      </c>
      <c r="J500" s="6" t="s">
        <v>2363</v>
      </c>
      <c r="K500" s="9" t="s">
        <v>2364</v>
      </c>
      <c r="L500" s="10" t="s">
        <v>22</v>
      </c>
      <c r="M500" s="10" t="s">
        <v>22</v>
      </c>
      <c r="N500" s="10" t="s">
        <v>22</v>
      </c>
      <c r="O500" s="10" t="s">
        <v>22</v>
      </c>
      <c r="P500" s="10" t="s">
        <v>22</v>
      </c>
      <c r="Q500" s="10" t="s">
        <v>22</v>
      </c>
      <c r="R500" s="10" t="s">
        <v>22</v>
      </c>
      <c r="S500" s="10" t="s">
        <v>22</v>
      </c>
      <c r="T500" s="10" t="s">
        <v>22</v>
      </c>
      <c r="U500" s="10" t="s">
        <v>22</v>
      </c>
      <c r="V500" s="10" t="s">
        <v>22</v>
      </c>
      <c r="W500" s="10" t="s">
        <v>22</v>
      </c>
      <c r="X500" s="10" t="s">
        <v>22</v>
      </c>
      <c r="Y500" s="10" t="s">
        <v>22</v>
      </c>
      <c r="Z500" s="10" t="s">
        <v>22</v>
      </c>
    </row>
    <row r="501" spans="1:26" ht="24" customHeight="1" x14ac:dyDescent="0.2">
      <c r="A501" s="9" t="s">
        <v>17781</v>
      </c>
      <c r="B501" s="9" t="s">
        <v>14</v>
      </c>
      <c r="C501" s="9" t="s">
        <v>2365</v>
      </c>
      <c r="D501" s="6" t="s">
        <v>2366</v>
      </c>
      <c r="E501" s="22">
        <v>44765</v>
      </c>
      <c r="F501" s="22">
        <v>46590</v>
      </c>
      <c r="G501" s="6" t="s">
        <v>2367</v>
      </c>
      <c r="H501" s="6" t="s">
        <v>2368</v>
      </c>
      <c r="I501" s="6" t="s">
        <v>2369</v>
      </c>
      <c r="J501" s="6" t="s">
        <v>2370</v>
      </c>
      <c r="K501" s="9" t="s">
        <v>2371</v>
      </c>
      <c r="O501" s="10" t="s">
        <v>22</v>
      </c>
      <c r="P501" s="10" t="s">
        <v>22</v>
      </c>
      <c r="Q501" s="10" t="s">
        <v>22</v>
      </c>
      <c r="X501" s="10" t="s">
        <v>22</v>
      </c>
      <c r="Y501" s="10" t="s">
        <v>22</v>
      </c>
      <c r="Z501" s="10" t="s">
        <v>22</v>
      </c>
    </row>
    <row r="502" spans="1:26" ht="24" customHeight="1" x14ac:dyDescent="0.2">
      <c r="A502" s="9" t="s">
        <v>17782</v>
      </c>
      <c r="B502" s="9" t="s">
        <v>14</v>
      </c>
      <c r="C502" s="9" t="s">
        <v>2365</v>
      </c>
      <c r="D502" s="6" t="s">
        <v>2366</v>
      </c>
      <c r="E502" s="22">
        <v>44765</v>
      </c>
      <c r="F502" s="22">
        <v>46590</v>
      </c>
      <c r="G502" s="6" t="s">
        <v>2372</v>
      </c>
      <c r="H502" s="6" t="s">
        <v>62</v>
      </c>
      <c r="I502" s="6" t="s">
        <v>186</v>
      </c>
      <c r="J502" s="6" t="s">
        <v>2373</v>
      </c>
      <c r="K502" s="9" t="s">
        <v>2374</v>
      </c>
      <c r="O502" s="10" t="s">
        <v>22</v>
      </c>
      <c r="P502" s="10" t="s">
        <v>22</v>
      </c>
      <c r="Q502" s="10" t="s">
        <v>22</v>
      </c>
      <c r="X502" s="10" t="s">
        <v>22</v>
      </c>
      <c r="Y502" s="10" t="s">
        <v>22</v>
      </c>
      <c r="Z502" s="10" t="s">
        <v>22</v>
      </c>
    </row>
    <row r="503" spans="1:26" ht="24" customHeight="1" x14ac:dyDescent="0.2">
      <c r="A503" s="9" t="s">
        <v>17783</v>
      </c>
      <c r="B503" s="9" t="s">
        <v>14</v>
      </c>
      <c r="C503" s="9" t="s">
        <v>2375</v>
      </c>
      <c r="D503" s="6" t="s">
        <v>2376</v>
      </c>
      <c r="E503" s="22">
        <v>44772</v>
      </c>
      <c r="F503" s="22">
        <v>46597</v>
      </c>
      <c r="G503" s="6" t="s">
        <v>2377</v>
      </c>
      <c r="H503" s="6" t="s">
        <v>62</v>
      </c>
      <c r="I503" s="6" t="s">
        <v>2378</v>
      </c>
      <c r="J503" s="6" t="s">
        <v>2379</v>
      </c>
      <c r="L503" s="10" t="s">
        <v>22</v>
      </c>
      <c r="M503" s="10" t="s">
        <v>22</v>
      </c>
      <c r="N503" s="10" t="s">
        <v>22</v>
      </c>
      <c r="O503" s="10" t="s">
        <v>22</v>
      </c>
      <c r="P503" s="10" t="s">
        <v>22</v>
      </c>
      <c r="Q503" s="10" t="s">
        <v>22</v>
      </c>
      <c r="R503" s="10" t="s">
        <v>22</v>
      </c>
      <c r="S503" s="10" t="s">
        <v>22</v>
      </c>
      <c r="T503" s="10" t="s">
        <v>22</v>
      </c>
      <c r="V503" s="10" t="s">
        <v>22</v>
      </c>
      <c r="W503" s="10" t="s">
        <v>22</v>
      </c>
      <c r="Y503" s="10" t="s">
        <v>22</v>
      </c>
      <c r="Z503" s="10" t="s">
        <v>22</v>
      </c>
    </row>
    <row r="504" spans="1:26" ht="34" customHeight="1" x14ac:dyDescent="0.2">
      <c r="A504" s="9" t="s">
        <v>17784</v>
      </c>
      <c r="B504" s="9" t="s">
        <v>14</v>
      </c>
      <c r="C504" s="9" t="s">
        <v>2380</v>
      </c>
      <c r="D504" s="6" t="s">
        <v>2381</v>
      </c>
      <c r="E504" s="22">
        <v>44780</v>
      </c>
      <c r="F504" s="22">
        <v>46605</v>
      </c>
      <c r="G504" s="6" t="s">
        <v>2382</v>
      </c>
      <c r="H504" s="6" t="s">
        <v>18</v>
      </c>
      <c r="I504" s="6" t="s">
        <v>2383</v>
      </c>
      <c r="J504" s="6" t="s">
        <v>2384</v>
      </c>
      <c r="K504" s="9" t="s">
        <v>2385</v>
      </c>
      <c r="L504" s="10" t="s">
        <v>22</v>
      </c>
      <c r="M504" s="10" t="s">
        <v>22</v>
      </c>
      <c r="N504" s="10" t="s">
        <v>22</v>
      </c>
      <c r="O504" s="10" t="s">
        <v>22</v>
      </c>
      <c r="P504" s="10" t="s">
        <v>22</v>
      </c>
      <c r="Q504" s="10" t="s">
        <v>22</v>
      </c>
      <c r="R504" s="10" t="s">
        <v>22</v>
      </c>
      <c r="S504" s="10" t="s">
        <v>22</v>
      </c>
      <c r="T504" s="10" t="s">
        <v>22</v>
      </c>
      <c r="U504" s="10" t="s">
        <v>22</v>
      </c>
      <c r="V504" s="10" t="s">
        <v>22</v>
      </c>
      <c r="W504" s="10" t="s">
        <v>22</v>
      </c>
      <c r="X504" s="10" t="s">
        <v>22</v>
      </c>
      <c r="Y504" s="10" t="s">
        <v>22</v>
      </c>
      <c r="Z504" s="10" t="s">
        <v>22</v>
      </c>
    </row>
    <row r="505" spans="1:26" ht="24" customHeight="1" x14ac:dyDescent="0.2">
      <c r="A505" s="9" t="s">
        <v>17785</v>
      </c>
      <c r="B505" s="9" t="s">
        <v>14</v>
      </c>
      <c r="C505" s="9" t="s">
        <v>2386</v>
      </c>
      <c r="D505" s="6" t="s">
        <v>2387</v>
      </c>
      <c r="E505" s="22">
        <v>44781</v>
      </c>
      <c r="F505" s="22">
        <v>46606</v>
      </c>
      <c r="G505" s="6" t="s">
        <v>2388</v>
      </c>
      <c r="H505" s="6" t="s">
        <v>62</v>
      </c>
      <c r="I505" s="6" t="s">
        <v>318</v>
      </c>
      <c r="J505" s="6" t="s">
        <v>2389</v>
      </c>
      <c r="K505" s="9" t="s">
        <v>2390</v>
      </c>
      <c r="L505" s="10" t="s">
        <v>22</v>
      </c>
      <c r="M505" s="10" t="s">
        <v>22</v>
      </c>
      <c r="N505" s="10" t="s">
        <v>22</v>
      </c>
      <c r="O505" s="10" t="s">
        <v>22</v>
      </c>
      <c r="P505" s="10" t="s">
        <v>22</v>
      </c>
      <c r="Q505" s="10" t="s">
        <v>22</v>
      </c>
      <c r="R505" s="10" t="s">
        <v>22</v>
      </c>
      <c r="S505" s="10" t="s">
        <v>22</v>
      </c>
      <c r="T505" s="10" t="s">
        <v>22</v>
      </c>
      <c r="U505" s="10" t="s">
        <v>22</v>
      </c>
      <c r="V505" s="10" t="s">
        <v>22</v>
      </c>
      <c r="W505" s="10" t="s">
        <v>22</v>
      </c>
      <c r="X505" s="10" t="s">
        <v>22</v>
      </c>
      <c r="Y505" s="10" t="s">
        <v>22</v>
      </c>
      <c r="Z505" s="10" t="s">
        <v>22</v>
      </c>
    </row>
    <row r="506" spans="1:26" ht="24" customHeight="1" x14ac:dyDescent="0.2">
      <c r="A506" s="9" t="s">
        <v>17786</v>
      </c>
      <c r="B506" s="9" t="s">
        <v>14</v>
      </c>
      <c r="C506" s="9" t="s">
        <v>2391</v>
      </c>
      <c r="D506" s="6" t="s">
        <v>2392</v>
      </c>
      <c r="E506" s="22">
        <v>44781</v>
      </c>
      <c r="F506" s="22">
        <v>46606</v>
      </c>
      <c r="G506" s="6" t="s">
        <v>2393</v>
      </c>
      <c r="H506" s="6" t="s">
        <v>363</v>
      </c>
      <c r="I506" s="6" t="s">
        <v>364</v>
      </c>
      <c r="J506" s="6" t="s">
        <v>2394</v>
      </c>
      <c r="K506" s="9" t="s">
        <v>2395</v>
      </c>
      <c r="L506" s="10" t="s">
        <v>22</v>
      </c>
      <c r="M506" s="10" t="s">
        <v>22</v>
      </c>
      <c r="N506" s="10" t="s">
        <v>22</v>
      </c>
      <c r="O506" s="10" t="s">
        <v>22</v>
      </c>
      <c r="P506" s="10" t="s">
        <v>22</v>
      </c>
      <c r="Q506" s="10" t="s">
        <v>22</v>
      </c>
      <c r="U506" s="10" t="s">
        <v>22</v>
      </c>
      <c r="V506" s="10" t="s">
        <v>22</v>
      </c>
      <c r="W506" s="10" t="s">
        <v>22</v>
      </c>
      <c r="X506" s="10" t="s">
        <v>22</v>
      </c>
      <c r="Y506" s="10" t="s">
        <v>22</v>
      </c>
      <c r="Z506" s="10" t="s">
        <v>22</v>
      </c>
    </row>
    <row r="507" spans="1:26" ht="24" customHeight="1" x14ac:dyDescent="0.2">
      <c r="A507" s="9" t="s">
        <v>17787</v>
      </c>
      <c r="B507" s="9" t="s">
        <v>14</v>
      </c>
      <c r="C507" s="9" t="s">
        <v>2396</v>
      </c>
      <c r="D507" s="6" t="s">
        <v>2397</v>
      </c>
      <c r="E507" s="22">
        <v>44794</v>
      </c>
      <c r="F507" s="22">
        <v>46619</v>
      </c>
      <c r="G507" s="6" t="s">
        <v>2398</v>
      </c>
      <c r="H507" s="6" t="s">
        <v>18</v>
      </c>
      <c r="I507" s="6" t="s">
        <v>19</v>
      </c>
      <c r="J507" s="6" t="s">
        <v>2399</v>
      </c>
      <c r="L507" s="10" t="s">
        <v>22</v>
      </c>
      <c r="M507" s="10" t="s">
        <v>22</v>
      </c>
      <c r="N507" s="10" t="s">
        <v>22</v>
      </c>
      <c r="O507" s="10" t="s">
        <v>22</v>
      </c>
      <c r="P507" s="10" t="s">
        <v>22</v>
      </c>
      <c r="Q507" s="10" t="s">
        <v>22</v>
      </c>
      <c r="U507" s="10" t="s">
        <v>22</v>
      </c>
      <c r="V507" s="10" t="s">
        <v>22</v>
      </c>
      <c r="W507" s="10" t="s">
        <v>22</v>
      </c>
      <c r="X507" s="10" t="s">
        <v>22</v>
      </c>
      <c r="Y507" s="10" t="s">
        <v>22</v>
      </c>
      <c r="Z507" s="10" t="s">
        <v>22</v>
      </c>
    </row>
    <row r="508" spans="1:26" ht="24" customHeight="1" x14ac:dyDescent="0.2">
      <c r="A508" s="9" t="s">
        <v>17788</v>
      </c>
      <c r="B508" s="9" t="s">
        <v>14</v>
      </c>
      <c r="C508" s="9" t="s">
        <v>2400</v>
      </c>
      <c r="D508" s="6" t="s">
        <v>2401</v>
      </c>
      <c r="E508" s="22">
        <v>44811</v>
      </c>
      <c r="F508" s="22">
        <v>46636</v>
      </c>
      <c r="G508" s="6" t="s">
        <v>2402</v>
      </c>
      <c r="H508" s="6" t="s">
        <v>62</v>
      </c>
      <c r="I508" s="6" t="s">
        <v>819</v>
      </c>
      <c r="J508" s="6" t="s">
        <v>2403</v>
      </c>
      <c r="K508" s="9" t="s">
        <v>2404</v>
      </c>
      <c r="L508" s="10" t="s">
        <v>22</v>
      </c>
      <c r="M508" s="10" t="s">
        <v>22</v>
      </c>
      <c r="N508" s="10" t="s">
        <v>22</v>
      </c>
      <c r="O508" s="10" t="s">
        <v>22</v>
      </c>
      <c r="P508" s="10" t="s">
        <v>22</v>
      </c>
      <c r="Q508" s="10" t="s">
        <v>22</v>
      </c>
      <c r="R508" s="10" t="s">
        <v>22</v>
      </c>
      <c r="S508" s="10" t="s">
        <v>22</v>
      </c>
      <c r="T508" s="10" t="s">
        <v>22</v>
      </c>
      <c r="U508" s="10" t="s">
        <v>22</v>
      </c>
      <c r="V508" s="10" t="s">
        <v>22</v>
      </c>
      <c r="W508" s="10" t="s">
        <v>22</v>
      </c>
      <c r="X508" s="10" t="s">
        <v>22</v>
      </c>
      <c r="Y508" s="10" t="s">
        <v>22</v>
      </c>
      <c r="Z508" s="10" t="s">
        <v>22</v>
      </c>
    </row>
    <row r="509" spans="1:26" ht="24" customHeight="1" x14ac:dyDescent="0.2">
      <c r="A509" s="9" t="s">
        <v>17789</v>
      </c>
      <c r="B509" s="9" t="s">
        <v>14</v>
      </c>
      <c r="C509" s="9" t="s">
        <v>2405</v>
      </c>
      <c r="D509" s="6" t="s">
        <v>2406</v>
      </c>
      <c r="E509" s="22">
        <v>44811</v>
      </c>
      <c r="F509" s="22">
        <v>46636</v>
      </c>
      <c r="G509" s="6" t="s">
        <v>2407</v>
      </c>
      <c r="H509" s="6" t="s">
        <v>18</v>
      </c>
      <c r="I509" s="6" t="s">
        <v>19</v>
      </c>
      <c r="J509" s="6" t="s">
        <v>2408</v>
      </c>
      <c r="K509" s="9" t="s">
        <v>2409</v>
      </c>
      <c r="L509" s="10" t="s">
        <v>22</v>
      </c>
      <c r="M509" s="10" t="s">
        <v>22</v>
      </c>
      <c r="N509" s="10" t="s">
        <v>22</v>
      </c>
      <c r="O509" s="10" t="s">
        <v>22</v>
      </c>
      <c r="P509" s="10" t="s">
        <v>22</v>
      </c>
      <c r="Q509" s="10" t="s">
        <v>22</v>
      </c>
      <c r="R509" s="10" t="s">
        <v>22</v>
      </c>
      <c r="S509" s="10" t="s">
        <v>22</v>
      </c>
      <c r="T509" s="10" t="s">
        <v>22</v>
      </c>
      <c r="U509" s="10" t="s">
        <v>22</v>
      </c>
      <c r="V509" s="10" t="s">
        <v>22</v>
      </c>
      <c r="W509" s="10" t="s">
        <v>22</v>
      </c>
      <c r="X509" s="10" t="s">
        <v>22</v>
      </c>
      <c r="Y509" s="10" t="s">
        <v>22</v>
      </c>
      <c r="Z509" s="10" t="s">
        <v>22</v>
      </c>
    </row>
    <row r="510" spans="1:26" ht="24" customHeight="1" x14ac:dyDescent="0.2">
      <c r="A510" s="9" t="s">
        <v>17790</v>
      </c>
      <c r="B510" s="9" t="s">
        <v>14</v>
      </c>
      <c r="C510" s="9" t="s">
        <v>2410</v>
      </c>
      <c r="D510" s="6" t="s">
        <v>2411</v>
      </c>
      <c r="E510" s="22">
        <v>44817</v>
      </c>
      <c r="F510" s="22">
        <v>46642</v>
      </c>
      <c r="G510" s="6" t="s">
        <v>2412</v>
      </c>
      <c r="H510" s="6" t="s">
        <v>18</v>
      </c>
      <c r="I510" s="6" t="s">
        <v>19</v>
      </c>
      <c r="J510" s="6" t="s">
        <v>2413</v>
      </c>
      <c r="L510" s="10" t="s">
        <v>22</v>
      </c>
      <c r="M510" s="10" t="s">
        <v>22</v>
      </c>
      <c r="N510" s="10" t="s">
        <v>22</v>
      </c>
      <c r="O510" s="10" t="s">
        <v>22</v>
      </c>
      <c r="P510" s="10" t="s">
        <v>22</v>
      </c>
      <c r="Q510" s="10" t="s">
        <v>22</v>
      </c>
      <c r="U510" s="10" t="s">
        <v>22</v>
      </c>
      <c r="V510" s="10" t="s">
        <v>22</v>
      </c>
      <c r="W510" s="10" t="s">
        <v>22</v>
      </c>
      <c r="X510" s="10" t="s">
        <v>22</v>
      </c>
      <c r="Y510" s="10" t="s">
        <v>22</v>
      </c>
      <c r="Z510" s="10" t="s">
        <v>22</v>
      </c>
    </row>
    <row r="511" spans="1:26" ht="24" customHeight="1" x14ac:dyDescent="0.2">
      <c r="A511" s="9" t="s">
        <v>17791</v>
      </c>
      <c r="B511" s="9" t="s">
        <v>14</v>
      </c>
      <c r="C511" s="9" t="s">
        <v>2414</v>
      </c>
      <c r="D511" s="6" t="s">
        <v>2415</v>
      </c>
      <c r="E511" s="22">
        <v>44825</v>
      </c>
      <c r="F511" s="22">
        <v>46650</v>
      </c>
      <c r="G511" s="6" t="s">
        <v>2416</v>
      </c>
      <c r="H511" s="6" t="s">
        <v>62</v>
      </c>
      <c r="I511" s="6" t="s">
        <v>186</v>
      </c>
      <c r="J511" s="6" t="s">
        <v>2417</v>
      </c>
      <c r="L511" s="10" t="s">
        <v>22</v>
      </c>
      <c r="M511" s="10" t="s">
        <v>22</v>
      </c>
      <c r="N511" s="10" t="s">
        <v>22</v>
      </c>
      <c r="O511" s="10" t="s">
        <v>22</v>
      </c>
      <c r="P511" s="10" t="s">
        <v>22</v>
      </c>
      <c r="Q511" s="10" t="s">
        <v>22</v>
      </c>
      <c r="R511" s="10" t="s">
        <v>22</v>
      </c>
      <c r="S511" s="10" t="s">
        <v>22</v>
      </c>
      <c r="T511" s="10" t="s">
        <v>22</v>
      </c>
      <c r="U511" s="10" t="s">
        <v>22</v>
      </c>
      <c r="V511" s="10" t="s">
        <v>22</v>
      </c>
      <c r="W511" s="10" t="s">
        <v>22</v>
      </c>
      <c r="X511" s="10" t="s">
        <v>22</v>
      </c>
      <c r="Y511" s="10" t="s">
        <v>22</v>
      </c>
      <c r="Z511" s="10" t="s">
        <v>22</v>
      </c>
    </row>
    <row r="512" spans="1:26" ht="24" customHeight="1" x14ac:dyDescent="0.2">
      <c r="A512" s="9" t="s">
        <v>17792</v>
      </c>
      <c r="B512" s="9" t="s">
        <v>14</v>
      </c>
      <c r="C512" s="9" t="s">
        <v>2418</v>
      </c>
      <c r="D512" s="6" t="s">
        <v>2419</v>
      </c>
      <c r="E512" s="22">
        <v>44825</v>
      </c>
      <c r="F512" s="22">
        <v>46650</v>
      </c>
      <c r="G512" s="6" t="s">
        <v>2420</v>
      </c>
      <c r="H512" s="6" t="s">
        <v>62</v>
      </c>
      <c r="I512" s="6" t="s">
        <v>1125</v>
      </c>
      <c r="J512" s="6" t="s">
        <v>2421</v>
      </c>
      <c r="K512" s="9" t="s">
        <v>2422</v>
      </c>
      <c r="L512" s="10" t="s">
        <v>22</v>
      </c>
      <c r="M512" s="10" t="s">
        <v>22</v>
      </c>
      <c r="N512" s="10" t="s">
        <v>22</v>
      </c>
      <c r="O512" s="10" t="s">
        <v>22</v>
      </c>
      <c r="P512" s="10" t="s">
        <v>22</v>
      </c>
      <c r="Q512" s="10" t="s">
        <v>22</v>
      </c>
      <c r="R512" s="10" t="s">
        <v>22</v>
      </c>
      <c r="S512" s="10" t="s">
        <v>22</v>
      </c>
      <c r="T512" s="10" t="s">
        <v>22</v>
      </c>
      <c r="U512" s="10" t="s">
        <v>22</v>
      </c>
      <c r="V512" s="10" t="s">
        <v>22</v>
      </c>
      <c r="W512" s="10" t="s">
        <v>22</v>
      </c>
      <c r="X512" s="10" t="s">
        <v>22</v>
      </c>
      <c r="Y512" s="10" t="s">
        <v>22</v>
      </c>
      <c r="Z512" s="10" t="s">
        <v>22</v>
      </c>
    </row>
    <row r="513" spans="1:26" ht="24" customHeight="1" x14ac:dyDescent="0.2">
      <c r="A513" s="9" t="s">
        <v>17793</v>
      </c>
      <c r="B513" s="9" t="s">
        <v>14</v>
      </c>
      <c r="C513" s="9" t="s">
        <v>2423</v>
      </c>
      <c r="D513" s="6" t="s">
        <v>2424</v>
      </c>
      <c r="E513" s="22">
        <v>44825</v>
      </c>
      <c r="F513" s="22">
        <v>46650</v>
      </c>
      <c r="G513" s="6" t="s">
        <v>2425</v>
      </c>
      <c r="H513" s="6" t="s">
        <v>18</v>
      </c>
      <c r="I513" s="6" t="s">
        <v>19</v>
      </c>
      <c r="J513" s="6" t="s">
        <v>2426</v>
      </c>
      <c r="K513" s="9" t="s">
        <v>2427</v>
      </c>
      <c r="L513" s="10" t="s">
        <v>22</v>
      </c>
      <c r="M513" s="10" t="s">
        <v>22</v>
      </c>
      <c r="N513" s="10" t="s">
        <v>22</v>
      </c>
      <c r="O513" s="10" t="s">
        <v>22</v>
      </c>
      <c r="P513" s="10" t="s">
        <v>22</v>
      </c>
      <c r="Q513" s="10" t="s">
        <v>22</v>
      </c>
      <c r="R513" s="10" t="s">
        <v>22</v>
      </c>
      <c r="S513" s="10" t="s">
        <v>22</v>
      </c>
      <c r="T513" s="10" t="s">
        <v>22</v>
      </c>
      <c r="U513" s="10" t="s">
        <v>22</v>
      </c>
      <c r="V513" s="10" t="s">
        <v>22</v>
      </c>
      <c r="W513" s="10" t="s">
        <v>22</v>
      </c>
      <c r="X513" s="10" t="s">
        <v>22</v>
      </c>
      <c r="Y513" s="10" t="s">
        <v>22</v>
      </c>
      <c r="Z513" s="10" t="s">
        <v>22</v>
      </c>
    </row>
    <row r="514" spans="1:26" ht="24" customHeight="1" x14ac:dyDescent="0.2">
      <c r="A514" s="9" t="s">
        <v>17794</v>
      </c>
      <c r="B514" s="9" t="s">
        <v>14</v>
      </c>
      <c r="C514" s="9" t="s">
        <v>2428</v>
      </c>
      <c r="D514" s="6" t="s">
        <v>2429</v>
      </c>
      <c r="E514" s="22">
        <v>44829</v>
      </c>
      <c r="F514" s="22">
        <v>46654</v>
      </c>
      <c r="G514" s="6" t="s">
        <v>2430</v>
      </c>
      <c r="H514" s="6" t="s">
        <v>18</v>
      </c>
      <c r="I514" s="6" t="s">
        <v>19</v>
      </c>
      <c r="J514" s="6" t="s">
        <v>2431</v>
      </c>
      <c r="K514" s="9" t="s">
        <v>2432</v>
      </c>
      <c r="M514" s="10" t="s">
        <v>22</v>
      </c>
      <c r="N514" s="10" t="s">
        <v>22</v>
      </c>
      <c r="P514" s="10" t="s">
        <v>22</v>
      </c>
      <c r="Q514" s="10" t="s">
        <v>22</v>
      </c>
      <c r="V514" s="10" t="s">
        <v>22</v>
      </c>
      <c r="W514" s="10" t="s">
        <v>22</v>
      </c>
      <c r="Y514" s="10" t="s">
        <v>22</v>
      </c>
      <c r="Z514" s="10" t="s">
        <v>22</v>
      </c>
    </row>
    <row r="515" spans="1:26" ht="24" customHeight="1" x14ac:dyDescent="0.2">
      <c r="A515" s="9" t="s">
        <v>17795</v>
      </c>
      <c r="B515" s="9" t="s">
        <v>14</v>
      </c>
      <c r="C515" s="9" t="s">
        <v>2433</v>
      </c>
      <c r="D515" s="6" t="s">
        <v>2434</v>
      </c>
      <c r="E515" s="22">
        <v>44831</v>
      </c>
      <c r="F515" s="22">
        <v>46656</v>
      </c>
      <c r="G515" s="6" t="s">
        <v>2435</v>
      </c>
      <c r="H515" s="6" t="s">
        <v>18</v>
      </c>
      <c r="I515" s="6" t="s">
        <v>19</v>
      </c>
      <c r="J515" s="6" t="s">
        <v>2436</v>
      </c>
      <c r="L515" s="10" t="s">
        <v>22</v>
      </c>
      <c r="M515" s="10" t="s">
        <v>22</v>
      </c>
      <c r="N515" s="10" t="s">
        <v>22</v>
      </c>
      <c r="U515" s="10" t="s">
        <v>22</v>
      </c>
      <c r="V515" s="10" t="s">
        <v>22</v>
      </c>
      <c r="W515" s="10" t="s">
        <v>22</v>
      </c>
    </row>
    <row r="516" spans="1:26" ht="24" customHeight="1" x14ac:dyDescent="0.2">
      <c r="A516" s="9" t="s">
        <v>17796</v>
      </c>
      <c r="B516" s="9" t="s">
        <v>14</v>
      </c>
      <c r="C516" s="9" t="s">
        <v>2437</v>
      </c>
      <c r="D516" s="6" t="s">
        <v>2438</v>
      </c>
      <c r="E516" s="22">
        <v>44837</v>
      </c>
      <c r="F516" s="22">
        <v>46662</v>
      </c>
      <c r="G516" s="6" t="s">
        <v>2439</v>
      </c>
      <c r="H516" s="6" t="s">
        <v>363</v>
      </c>
      <c r="I516" s="6" t="s">
        <v>597</v>
      </c>
      <c r="J516" s="6" t="s">
        <v>2440</v>
      </c>
      <c r="K516" s="9" t="s">
        <v>2441</v>
      </c>
      <c r="L516" s="10" t="s">
        <v>22</v>
      </c>
      <c r="M516" s="10" t="s">
        <v>22</v>
      </c>
      <c r="N516" s="10" t="s">
        <v>22</v>
      </c>
      <c r="O516" s="10" t="s">
        <v>22</v>
      </c>
      <c r="P516" s="10" t="s">
        <v>22</v>
      </c>
      <c r="Q516" s="10" t="s">
        <v>22</v>
      </c>
      <c r="R516" s="10" t="s">
        <v>22</v>
      </c>
      <c r="S516" s="10" t="s">
        <v>22</v>
      </c>
      <c r="T516" s="10" t="s">
        <v>22</v>
      </c>
      <c r="U516" s="10" t="s">
        <v>22</v>
      </c>
      <c r="V516" s="10" t="s">
        <v>22</v>
      </c>
      <c r="W516" s="10" t="s">
        <v>22</v>
      </c>
      <c r="X516" s="10" t="s">
        <v>22</v>
      </c>
      <c r="Y516" s="10" t="s">
        <v>22</v>
      </c>
      <c r="Z516" s="10" t="s">
        <v>22</v>
      </c>
    </row>
    <row r="517" spans="1:26" ht="24" customHeight="1" x14ac:dyDescent="0.2">
      <c r="A517" s="9" t="s">
        <v>17797</v>
      </c>
      <c r="B517" s="9" t="s">
        <v>14</v>
      </c>
      <c r="C517" s="9" t="s">
        <v>2442</v>
      </c>
      <c r="D517" s="6" t="s">
        <v>2443</v>
      </c>
      <c r="E517" s="22">
        <v>44838</v>
      </c>
      <c r="F517" s="22">
        <v>46663</v>
      </c>
      <c r="G517" s="6" t="s">
        <v>2444</v>
      </c>
      <c r="H517" s="6" t="s">
        <v>62</v>
      </c>
      <c r="I517" s="6" t="s">
        <v>477</v>
      </c>
      <c r="J517" s="6" t="s">
        <v>2445</v>
      </c>
      <c r="K517" s="9" t="s">
        <v>2446</v>
      </c>
      <c r="L517" s="10" t="s">
        <v>22</v>
      </c>
      <c r="M517" s="10" t="s">
        <v>22</v>
      </c>
      <c r="N517" s="10" t="s">
        <v>22</v>
      </c>
      <c r="O517" s="10" t="s">
        <v>22</v>
      </c>
      <c r="P517" s="10" t="s">
        <v>22</v>
      </c>
      <c r="Q517" s="10" t="s">
        <v>22</v>
      </c>
      <c r="R517" s="10" t="s">
        <v>22</v>
      </c>
      <c r="S517" s="10" t="s">
        <v>22</v>
      </c>
      <c r="T517" s="10" t="s">
        <v>22</v>
      </c>
      <c r="U517" s="10" t="s">
        <v>22</v>
      </c>
      <c r="V517" s="10" t="s">
        <v>22</v>
      </c>
      <c r="W517" s="10" t="s">
        <v>22</v>
      </c>
      <c r="X517" s="10" t="s">
        <v>22</v>
      </c>
      <c r="Y517" s="10" t="s">
        <v>22</v>
      </c>
      <c r="Z517" s="10" t="s">
        <v>22</v>
      </c>
    </row>
    <row r="518" spans="1:26" ht="24" customHeight="1" x14ac:dyDescent="0.2">
      <c r="A518" s="9" t="s">
        <v>17798</v>
      </c>
      <c r="B518" s="9" t="s">
        <v>14</v>
      </c>
      <c r="C518" s="9" t="s">
        <v>2447</v>
      </c>
      <c r="D518" s="6" t="s">
        <v>2448</v>
      </c>
      <c r="E518" s="22">
        <v>44843</v>
      </c>
      <c r="F518" s="22">
        <v>46668</v>
      </c>
      <c r="G518" s="6" t="s">
        <v>2449</v>
      </c>
      <c r="H518" s="6" t="s">
        <v>18</v>
      </c>
      <c r="I518" s="6" t="s">
        <v>26</v>
      </c>
      <c r="J518" s="6" t="s">
        <v>2450</v>
      </c>
      <c r="K518" s="9" t="s">
        <v>2451</v>
      </c>
      <c r="L518" s="10" t="s">
        <v>22</v>
      </c>
      <c r="M518" s="10" t="s">
        <v>22</v>
      </c>
      <c r="N518" s="10" t="s">
        <v>22</v>
      </c>
      <c r="O518" s="10" t="s">
        <v>22</v>
      </c>
      <c r="P518" s="10" t="s">
        <v>22</v>
      </c>
      <c r="Q518" s="10" t="s">
        <v>22</v>
      </c>
      <c r="R518" s="10" t="s">
        <v>22</v>
      </c>
      <c r="S518" s="10" t="s">
        <v>22</v>
      </c>
      <c r="T518" s="10" t="s">
        <v>22</v>
      </c>
      <c r="U518" s="10" t="s">
        <v>22</v>
      </c>
      <c r="V518" s="10" t="s">
        <v>22</v>
      </c>
      <c r="W518" s="10" t="s">
        <v>22</v>
      </c>
      <c r="X518" s="10" t="s">
        <v>22</v>
      </c>
      <c r="Y518" s="10" t="s">
        <v>22</v>
      </c>
      <c r="Z518" s="10" t="s">
        <v>22</v>
      </c>
    </row>
    <row r="519" spans="1:26" ht="24" customHeight="1" x14ac:dyDescent="0.2">
      <c r="A519" s="9" t="s">
        <v>17799</v>
      </c>
      <c r="B519" s="9" t="s">
        <v>14</v>
      </c>
      <c r="C519" s="9" t="s">
        <v>2452</v>
      </c>
      <c r="D519" s="6" t="s">
        <v>2453</v>
      </c>
      <c r="E519" s="22">
        <v>44858</v>
      </c>
      <c r="F519" s="22">
        <v>46683</v>
      </c>
      <c r="G519" s="6" t="s">
        <v>2454</v>
      </c>
      <c r="H519" s="6" t="s">
        <v>62</v>
      </c>
      <c r="I519" s="6" t="s">
        <v>63</v>
      </c>
      <c r="J519" s="6" t="s">
        <v>2455</v>
      </c>
      <c r="K519" s="9" t="s">
        <v>2456</v>
      </c>
      <c r="L519" s="10" t="s">
        <v>22</v>
      </c>
      <c r="M519" s="10" t="s">
        <v>22</v>
      </c>
      <c r="N519" s="10" t="s">
        <v>22</v>
      </c>
      <c r="O519" s="10" t="s">
        <v>22</v>
      </c>
      <c r="P519" s="10" t="s">
        <v>22</v>
      </c>
      <c r="Q519" s="10" t="s">
        <v>22</v>
      </c>
      <c r="R519" s="10" t="s">
        <v>22</v>
      </c>
      <c r="S519" s="10" t="s">
        <v>22</v>
      </c>
      <c r="T519" s="10" t="s">
        <v>22</v>
      </c>
      <c r="U519" s="10" t="s">
        <v>22</v>
      </c>
      <c r="V519" s="10" t="s">
        <v>22</v>
      </c>
      <c r="W519" s="10" t="s">
        <v>22</v>
      </c>
      <c r="X519" s="10" t="s">
        <v>22</v>
      </c>
      <c r="Y519" s="10" t="s">
        <v>22</v>
      </c>
      <c r="Z519" s="10" t="s">
        <v>22</v>
      </c>
    </row>
    <row r="520" spans="1:26" ht="24" customHeight="1" x14ac:dyDescent="0.2">
      <c r="A520" s="9" t="s">
        <v>17800</v>
      </c>
      <c r="B520" s="9" t="s">
        <v>14</v>
      </c>
      <c r="C520" s="9" t="s">
        <v>2457</v>
      </c>
      <c r="D520" s="6" t="s">
        <v>2458</v>
      </c>
      <c r="E520" s="22">
        <v>44864</v>
      </c>
      <c r="F520" s="22">
        <v>46689</v>
      </c>
      <c r="G520" s="6" t="s">
        <v>2459</v>
      </c>
      <c r="H520" s="6" t="s">
        <v>18</v>
      </c>
      <c r="I520" s="6" t="s">
        <v>19</v>
      </c>
      <c r="J520" s="6" t="s">
        <v>2460</v>
      </c>
      <c r="L520" s="10" t="s">
        <v>22</v>
      </c>
      <c r="M520" s="10" t="s">
        <v>22</v>
      </c>
      <c r="N520" s="10" t="s">
        <v>22</v>
      </c>
      <c r="O520" s="10" t="s">
        <v>22</v>
      </c>
      <c r="P520" s="10" t="s">
        <v>22</v>
      </c>
      <c r="Q520" s="10" t="s">
        <v>22</v>
      </c>
      <c r="R520" s="10" t="s">
        <v>22</v>
      </c>
      <c r="S520" s="10" t="s">
        <v>22</v>
      </c>
      <c r="T520" s="10" t="s">
        <v>22</v>
      </c>
      <c r="U520" s="10" t="s">
        <v>22</v>
      </c>
      <c r="V520" s="10" t="s">
        <v>22</v>
      </c>
      <c r="W520" s="10" t="s">
        <v>22</v>
      </c>
      <c r="X520" s="10" t="s">
        <v>22</v>
      </c>
      <c r="Y520" s="10" t="s">
        <v>22</v>
      </c>
      <c r="Z520" s="10" t="s">
        <v>22</v>
      </c>
    </row>
    <row r="521" spans="1:26" ht="24" customHeight="1" x14ac:dyDescent="0.2">
      <c r="A521" s="9" t="s">
        <v>17801</v>
      </c>
      <c r="B521" s="9" t="s">
        <v>14</v>
      </c>
      <c r="C521" s="9" t="s">
        <v>2461</v>
      </c>
      <c r="D521" s="6" t="s">
        <v>2462</v>
      </c>
      <c r="E521" s="22">
        <v>44877</v>
      </c>
      <c r="F521" s="22">
        <v>46702</v>
      </c>
      <c r="G521" s="6" t="s">
        <v>2463</v>
      </c>
      <c r="H521" s="6" t="s">
        <v>62</v>
      </c>
      <c r="I521" s="6" t="s">
        <v>819</v>
      </c>
      <c r="J521" s="6" t="s">
        <v>2464</v>
      </c>
      <c r="K521" s="9" t="s">
        <v>2465</v>
      </c>
      <c r="L521" s="10" t="s">
        <v>22</v>
      </c>
      <c r="M521" s="10" t="s">
        <v>22</v>
      </c>
      <c r="N521" s="10" t="s">
        <v>22</v>
      </c>
      <c r="O521" s="10" t="s">
        <v>22</v>
      </c>
      <c r="P521" s="10" t="s">
        <v>22</v>
      </c>
      <c r="Q521" s="10" t="s">
        <v>22</v>
      </c>
      <c r="U521" s="10" t="s">
        <v>22</v>
      </c>
      <c r="V521" s="10" t="s">
        <v>22</v>
      </c>
      <c r="W521" s="10" t="s">
        <v>22</v>
      </c>
      <c r="X521" s="10" t="s">
        <v>22</v>
      </c>
      <c r="Y521" s="10" t="s">
        <v>22</v>
      </c>
      <c r="Z521" s="10" t="s">
        <v>22</v>
      </c>
    </row>
    <row r="522" spans="1:26" ht="24" customHeight="1" x14ac:dyDescent="0.2">
      <c r="A522" s="9" t="s">
        <v>17802</v>
      </c>
      <c r="B522" s="9" t="s">
        <v>14</v>
      </c>
      <c r="C522" s="9" t="s">
        <v>2466</v>
      </c>
      <c r="D522" s="6" t="s">
        <v>2467</v>
      </c>
      <c r="E522" s="22">
        <v>44888</v>
      </c>
      <c r="F522" s="22">
        <v>46713</v>
      </c>
      <c r="G522" s="6" t="s">
        <v>2468</v>
      </c>
      <c r="H522" s="6" t="s">
        <v>18</v>
      </c>
      <c r="I522" s="6" t="s">
        <v>26</v>
      </c>
      <c r="J522" s="6" t="s">
        <v>2469</v>
      </c>
      <c r="K522" s="9" t="s">
        <v>2470</v>
      </c>
      <c r="L522" s="10" t="s">
        <v>22</v>
      </c>
      <c r="M522" s="10" t="s">
        <v>22</v>
      </c>
      <c r="N522" s="10" t="s">
        <v>22</v>
      </c>
      <c r="O522" s="10" t="s">
        <v>22</v>
      </c>
      <c r="P522" s="10" t="s">
        <v>22</v>
      </c>
      <c r="Q522" s="10" t="s">
        <v>22</v>
      </c>
      <c r="R522" s="10" t="s">
        <v>22</v>
      </c>
      <c r="S522" s="10" t="s">
        <v>22</v>
      </c>
      <c r="T522" s="10" t="s">
        <v>22</v>
      </c>
      <c r="U522" s="10" t="s">
        <v>22</v>
      </c>
      <c r="V522" s="10" t="s">
        <v>22</v>
      </c>
      <c r="W522" s="10" t="s">
        <v>22</v>
      </c>
      <c r="X522" s="10" t="s">
        <v>22</v>
      </c>
      <c r="Y522" s="10" t="s">
        <v>22</v>
      </c>
      <c r="Z522" s="10" t="s">
        <v>22</v>
      </c>
    </row>
    <row r="523" spans="1:26" ht="24" customHeight="1" x14ac:dyDescent="0.2">
      <c r="A523" s="9" t="s">
        <v>17803</v>
      </c>
      <c r="B523" s="9" t="s">
        <v>14</v>
      </c>
      <c r="C523" s="9" t="s">
        <v>2471</v>
      </c>
      <c r="D523" s="6" t="s">
        <v>2472</v>
      </c>
      <c r="E523" s="22">
        <v>44893</v>
      </c>
      <c r="F523" s="22">
        <v>46718</v>
      </c>
      <c r="G523" s="6" t="s">
        <v>2473</v>
      </c>
      <c r="H523" s="6" t="s">
        <v>62</v>
      </c>
      <c r="I523" s="6" t="s">
        <v>290</v>
      </c>
      <c r="J523" s="6" t="s">
        <v>2474</v>
      </c>
      <c r="K523" s="9" t="s">
        <v>2475</v>
      </c>
      <c r="L523" s="10" t="s">
        <v>22</v>
      </c>
      <c r="M523" s="10" t="s">
        <v>22</v>
      </c>
      <c r="N523" s="10" t="s">
        <v>22</v>
      </c>
      <c r="O523" s="10" t="s">
        <v>22</v>
      </c>
      <c r="P523" s="10" t="s">
        <v>22</v>
      </c>
      <c r="Q523" s="10" t="s">
        <v>22</v>
      </c>
      <c r="R523" s="10" t="s">
        <v>22</v>
      </c>
      <c r="S523" s="10" t="s">
        <v>22</v>
      </c>
      <c r="T523" s="10" t="s">
        <v>22</v>
      </c>
      <c r="U523" s="10" t="s">
        <v>22</v>
      </c>
      <c r="V523" s="10" t="s">
        <v>22</v>
      </c>
      <c r="W523" s="10" t="s">
        <v>22</v>
      </c>
      <c r="X523" s="10" t="s">
        <v>22</v>
      </c>
      <c r="Y523" s="10" t="s">
        <v>22</v>
      </c>
      <c r="Z523" s="10" t="s">
        <v>22</v>
      </c>
    </row>
    <row r="524" spans="1:26" ht="24" customHeight="1" x14ac:dyDescent="0.2">
      <c r="A524" s="9" t="s">
        <v>17804</v>
      </c>
      <c r="B524" s="9" t="s">
        <v>14</v>
      </c>
      <c r="C524" s="9" t="s">
        <v>2476</v>
      </c>
      <c r="D524" s="6" t="s">
        <v>2477</v>
      </c>
      <c r="E524" s="22">
        <v>44893</v>
      </c>
      <c r="F524" s="22">
        <v>46718</v>
      </c>
      <c r="G524" s="6" t="s">
        <v>2478</v>
      </c>
      <c r="H524" s="6" t="s">
        <v>18</v>
      </c>
      <c r="I524" s="6" t="s">
        <v>26</v>
      </c>
      <c r="J524" s="6" t="s">
        <v>2479</v>
      </c>
      <c r="K524" s="9" t="s">
        <v>2480</v>
      </c>
      <c r="L524" s="10" t="s">
        <v>22</v>
      </c>
      <c r="M524" s="10" t="s">
        <v>22</v>
      </c>
      <c r="N524" s="10" t="s">
        <v>22</v>
      </c>
      <c r="O524" s="10" t="s">
        <v>22</v>
      </c>
      <c r="P524" s="10" t="s">
        <v>22</v>
      </c>
      <c r="Q524" s="10" t="s">
        <v>22</v>
      </c>
      <c r="R524" s="10" t="s">
        <v>22</v>
      </c>
      <c r="S524" s="10" t="s">
        <v>22</v>
      </c>
      <c r="T524" s="10" t="s">
        <v>22</v>
      </c>
      <c r="U524" s="10" t="s">
        <v>22</v>
      </c>
      <c r="V524" s="10" t="s">
        <v>22</v>
      </c>
      <c r="W524" s="10" t="s">
        <v>22</v>
      </c>
      <c r="X524" s="10" t="s">
        <v>22</v>
      </c>
      <c r="Y524" s="10" t="s">
        <v>22</v>
      </c>
      <c r="Z524" s="10" t="s">
        <v>22</v>
      </c>
    </row>
    <row r="525" spans="1:26" ht="24" customHeight="1" x14ac:dyDescent="0.2">
      <c r="A525" s="9" t="s">
        <v>17805</v>
      </c>
      <c r="B525" s="9" t="s">
        <v>14</v>
      </c>
      <c r="C525" s="9" t="s">
        <v>2481</v>
      </c>
      <c r="D525" s="6" t="s">
        <v>2482</v>
      </c>
      <c r="E525" s="22">
        <v>44905</v>
      </c>
      <c r="F525" s="22">
        <v>46730</v>
      </c>
      <c r="G525" s="6" t="s">
        <v>2483</v>
      </c>
      <c r="H525" s="6" t="s">
        <v>62</v>
      </c>
      <c r="I525" s="6" t="s">
        <v>252</v>
      </c>
      <c r="J525" s="6" t="s">
        <v>2484</v>
      </c>
      <c r="K525" s="9" t="s">
        <v>2485</v>
      </c>
      <c r="L525" s="10" t="s">
        <v>22</v>
      </c>
      <c r="M525" s="10" t="s">
        <v>22</v>
      </c>
      <c r="N525" s="10" t="s">
        <v>22</v>
      </c>
      <c r="O525" s="10" t="s">
        <v>22</v>
      </c>
      <c r="P525" s="10" t="s">
        <v>22</v>
      </c>
      <c r="Q525" s="10" t="s">
        <v>22</v>
      </c>
      <c r="R525" s="10" t="s">
        <v>22</v>
      </c>
      <c r="S525" s="10" t="s">
        <v>22</v>
      </c>
      <c r="T525" s="10" t="s">
        <v>22</v>
      </c>
    </row>
    <row r="526" spans="1:26" ht="24" customHeight="1" x14ac:dyDescent="0.2">
      <c r="A526" s="9" t="s">
        <v>17806</v>
      </c>
      <c r="B526" s="9" t="s">
        <v>14</v>
      </c>
      <c r="C526" s="9" t="s">
        <v>2486</v>
      </c>
      <c r="D526" s="6" t="s">
        <v>2487</v>
      </c>
      <c r="E526" s="22">
        <v>44941</v>
      </c>
      <c r="F526" s="22">
        <v>46766</v>
      </c>
      <c r="G526" s="6" t="s">
        <v>2488</v>
      </c>
      <c r="H526" s="6" t="s">
        <v>18</v>
      </c>
      <c r="I526" s="6" t="s">
        <v>19</v>
      </c>
      <c r="J526" s="6" t="s">
        <v>2489</v>
      </c>
      <c r="K526" s="9" t="s">
        <v>2490</v>
      </c>
      <c r="L526" s="10" t="s">
        <v>22</v>
      </c>
      <c r="M526" s="10" t="s">
        <v>22</v>
      </c>
      <c r="N526" s="10" t="s">
        <v>22</v>
      </c>
      <c r="O526" s="10" t="s">
        <v>22</v>
      </c>
      <c r="P526" s="10" t="s">
        <v>22</v>
      </c>
      <c r="Q526" s="10" t="s">
        <v>22</v>
      </c>
      <c r="U526" s="10" t="s">
        <v>22</v>
      </c>
      <c r="V526" s="10" t="s">
        <v>22</v>
      </c>
      <c r="W526" s="10" t="s">
        <v>22</v>
      </c>
      <c r="X526" s="10" t="s">
        <v>22</v>
      </c>
      <c r="Y526" s="10" t="s">
        <v>22</v>
      </c>
      <c r="Z526" s="10" t="s">
        <v>22</v>
      </c>
    </row>
    <row r="527" spans="1:26" ht="24" customHeight="1" x14ac:dyDescent="0.2">
      <c r="A527" s="9" t="s">
        <v>17807</v>
      </c>
      <c r="B527" s="9" t="s">
        <v>14</v>
      </c>
      <c r="C527" s="9" t="s">
        <v>2491</v>
      </c>
      <c r="D527" s="6" t="s">
        <v>2492</v>
      </c>
      <c r="E527" s="22">
        <v>44958</v>
      </c>
      <c r="F527" s="22">
        <v>46783</v>
      </c>
      <c r="G527" s="6" t="s">
        <v>2493</v>
      </c>
      <c r="H527" s="6" t="s">
        <v>62</v>
      </c>
      <c r="I527" s="6" t="s">
        <v>186</v>
      </c>
      <c r="J527" s="6" t="s">
        <v>2494</v>
      </c>
      <c r="K527" s="9" t="s">
        <v>2495</v>
      </c>
      <c r="L527" s="10" t="s">
        <v>22</v>
      </c>
      <c r="M527" s="10" t="s">
        <v>22</v>
      </c>
      <c r="N527" s="10" t="s">
        <v>22</v>
      </c>
      <c r="O527" s="10" t="s">
        <v>22</v>
      </c>
      <c r="P527" s="10" t="s">
        <v>22</v>
      </c>
      <c r="Q527" s="10" t="s">
        <v>22</v>
      </c>
      <c r="R527" s="10" t="s">
        <v>22</v>
      </c>
      <c r="S527" s="10" t="s">
        <v>22</v>
      </c>
      <c r="T527" s="10" t="s">
        <v>22</v>
      </c>
      <c r="U527" s="10" t="s">
        <v>22</v>
      </c>
      <c r="V527" s="10" t="s">
        <v>22</v>
      </c>
      <c r="W527" s="10" t="s">
        <v>22</v>
      </c>
      <c r="X527" s="10" t="s">
        <v>22</v>
      </c>
      <c r="Y527" s="10" t="s">
        <v>22</v>
      </c>
      <c r="Z527" s="10" t="s">
        <v>22</v>
      </c>
    </row>
    <row r="528" spans="1:26" ht="24" customHeight="1" x14ac:dyDescent="0.2">
      <c r="A528" s="9" t="s">
        <v>17808</v>
      </c>
      <c r="B528" s="9" t="s">
        <v>14</v>
      </c>
      <c r="C528" s="9" t="s">
        <v>2496</v>
      </c>
      <c r="D528" s="6" t="s">
        <v>2497</v>
      </c>
      <c r="E528" s="22">
        <v>44965</v>
      </c>
      <c r="F528" s="22">
        <v>46790</v>
      </c>
      <c r="G528" s="6" t="s">
        <v>2498</v>
      </c>
      <c r="H528" s="6" t="s">
        <v>18</v>
      </c>
      <c r="I528" s="6" t="s">
        <v>19</v>
      </c>
      <c r="J528" s="6" t="s">
        <v>2499</v>
      </c>
      <c r="K528" s="9" t="s">
        <v>2500</v>
      </c>
      <c r="L528" s="10" t="s">
        <v>22</v>
      </c>
      <c r="M528" s="10" t="s">
        <v>22</v>
      </c>
      <c r="N528" s="10" t="s">
        <v>22</v>
      </c>
      <c r="O528" s="10" t="s">
        <v>22</v>
      </c>
      <c r="P528" s="10" t="s">
        <v>22</v>
      </c>
      <c r="Q528" s="10" t="s">
        <v>22</v>
      </c>
      <c r="R528" s="10" t="s">
        <v>22</v>
      </c>
      <c r="S528" s="10" t="s">
        <v>22</v>
      </c>
      <c r="T528" s="10" t="s">
        <v>22</v>
      </c>
      <c r="U528" s="10" t="s">
        <v>22</v>
      </c>
      <c r="V528" s="10" t="s">
        <v>22</v>
      </c>
      <c r="W528" s="10" t="s">
        <v>22</v>
      </c>
      <c r="X528" s="10" t="s">
        <v>22</v>
      </c>
      <c r="Y528" s="10" t="s">
        <v>22</v>
      </c>
      <c r="Z528" s="10" t="s">
        <v>22</v>
      </c>
    </row>
    <row r="529" spans="1:26" ht="24" customHeight="1" x14ac:dyDescent="0.2">
      <c r="A529" s="9" t="s">
        <v>17809</v>
      </c>
      <c r="B529" s="9" t="s">
        <v>14</v>
      </c>
      <c r="C529" s="9" t="s">
        <v>2501</v>
      </c>
      <c r="D529" s="6" t="s">
        <v>2502</v>
      </c>
      <c r="E529" s="22">
        <v>44977</v>
      </c>
      <c r="F529" s="22">
        <v>46802</v>
      </c>
      <c r="G529" s="6" t="s">
        <v>2503</v>
      </c>
      <c r="H529" s="6" t="s">
        <v>562</v>
      </c>
      <c r="I529" s="6" t="s">
        <v>2504</v>
      </c>
      <c r="J529" s="6" t="s">
        <v>2505</v>
      </c>
      <c r="K529" s="9" t="s">
        <v>2506</v>
      </c>
      <c r="L529" s="10" t="s">
        <v>22</v>
      </c>
      <c r="M529" s="10" t="s">
        <v>22</v>
      </c>
      <c r="N529" s="10" t="s">
        <v>22</v>
      </c>
      <c r="O529" s="10" t="s">
        <v>22</v>
      </c>
      <c r="P529" s="10" t="s">
        <v>22</v>
      </c>
      <c r="Q529" s="10" t="s">
        <v>22</v>
      </c>
      <c r="R529" s="10" t="s">
        <v>22</v>
      </c>
      <c r="S529" s="10" t="s">
        <v>22</v>
      </c>
      <c r="T529" s="10" t="s">
        <v>22</v>
      </c>
      <c r="U529" s="10" t="s">
        <v>22</v>
      </c>
      <c r="V529" s="10" t="s">
        <v>22</v>
      </c>
      <c r="W529" s="10" t="s">
        <v>22</v>
      </c>
      <c r="X529" s="10" t="s">
        <v>22</v>
      </c>
      <c r="Y529" s="10" t="s">
        <v>22</v>
      </c>
      <c r="Z529" s="10" t="s">
        <v>22</v>
      </c>
    </row>
    <row r="530" spans="1:26" ht="24" customHeight="1" x14ac:dyDescent="0.2">
      <c r="A530" s="9" t="s">
        <v>17810</v>
      </c>
      <c r="B530" s="9" t="s">
        <v>14</v>
      </c>
      <c r="C530" s="9" t="s">
        <v>2501</v>
      </c>
      <c r="D530" s="6" t="s">
        <v>2502</v>
      </c>
      <c r="E530" s="22">
        <v>44977</v>
      </c>
      <c r="F530" s="22">
        <v>46802</v>
      </c>
      <c r="G530" s="6" t="s">
        <v>2507</v>
      </c>
      <c r="H530" s="6" t="s">
        <v>62</v>
      </c>
      <c r="I530" s="6" t="s">
        <v>493</v>
      </c>
      <c r="J530" s="6" t="s">
        <v>2508</v>
      </c>
      <c r="K530" s="9" t="s">
        <v>2509</v>
      </c>
      <c r="L530" s="10" t="s">
        <v>22</v>
      </c>
      <c r="M530" s="10" t="s">
        <v>22</v>
      </c>
      <c r="N530" s="10" t="s">
        <v>22</v>
      </c>
      <c r="O530" s="10" t="s">
        <v>22</v>
      </c>
      <c r="P530" s="10" t="s">
        <v>22</v>
      </c>
      <c r="Q530" s="10" t="s">
        <v>22</v>
      </c>
      <c r="R530" s="10" t="s">
        <v>22</v>
      </c>
      <c r="S530" s="10" t="s">
        <v>22</v>
      </c>
      <c r="T530" s="10" t="s">
        <v>22</v>
      </c>
      <c r="U530" s="10" t="s">
        <v>22</v>
      </c>
      <c r="V530" s="10" t="s">
        <v>22</v>
      </c>
      <c r="W530" s="10" t="s">
        <v>22</v>
      </c>
      <c r="X530" s="10" t="s">
        <v>22</v>
      </c>
      <c r="Y530" s="10" t="s">
        <v>22</v>
      </c>
      <c r="Z530" s="10" t="s">
        <v>22</v>
      </c>
    </row>
    <row r="531" spans="1:26" ht="24" customHeight="1" x14ac:dyDescent="0.2">
      <c r="A531" s="9" t="s">
        <v>17811</v>
      </c>
      <c r="B531" s="9" t="s">
        <v>14</v>
      </c>
      <c r="C531" s="9" t="s">
        <v>2510</v>
      </c>
      <c r="D531" s="6" t="s">
        <v>2511</v>
      </c>
      <c r="E531" s="22">
        <v>44977</v>
      </c>
      <c r="F531" s="22">
        <v>46802</v>
      </c>
      <c r="G531" s="6" t="s">
        <v>2512</v>
      </c>
      <c r="H531" s="6" t="s">
        <v>62</v>
      </c>
      <c r="I531" s="6" t="s">
        <v>186</v>
      </c>
      <c r="J531" s="6" t="s">
        <v>2513</v>
      </c>
      <c r="K531" s="9" t="s">
        <v>2514</v>
      </c>
      <c r="L531" s="10" t="s">
        <v>22</v>
      </c>
      <c r="M531" s="10" t="s">
        <v>22</v>
      </c>
      <c r="N531" s="10" t="s">
        <v>22</v>
      </c>
      <c r="O531" s="10" t="s">
        <v>22</v>
      </c>
      <c r="P531" s="10" t="s">
        <v>22</v>
      </c>
      <c r="Q531" s="10" t="s">
        <v>22</v>
      </c>
    </row>
    <row r="532" spans="1:26" ht="24" customHeight="1" x14ac:dyDescent="0.2">
      <c r="A532" s="9" t="s">
        <v>17812</v>
      </c>
      <c r="B532" s="9" t="s">
        <v>14</v>
      </c>
      <c r="C532" s="9" t="s">
        <v>2515</v>
      </c>
      <c r="D532" s="6" t="s">
        <v>2516</v>
      </c>
      <c r="E532" s="22">
        <v>44979</v>
      </c>
      <c r="F532" s="22">
        <v>46804</v>
      </c>
      <c r="G532" s="6" t="s">
        <v>2517</v>
      </c>
      <c r="H532" s="6" t="s">
        <v>18</v>
      </c>
      <c r="I532" s="6" t="s">
        <v>19</v>
      </c>
      <c r="J532" s="6" t="s">
        <v>2518</v>
      </c>
      <c r="K532" s="9" t="s">
        <v>2519</v>
      </c>
      <c r="L532" s="10" t="s">
        <v>22</v>
      </c>
      <c r="M532" s="10" t="s">
        <v>22</v>
      </c>
      <c r="N532" s="10" t="s">
        <v>22</v>
      </c>
      <c r="O532" s="10" t="s">
        <v>22</v>
      </c>
      <c r="P532" s="10" t="s">
        <v>22</v>
      </c>
      <c r="Q532" s="10" t="s">
        <v>22</v>
      </c>
      <c r="R532" s="10" t="s">
        <v>22</v>
      </c>
      <c r="S532" s="10" t="s">
        <v>22</v>
      </c>
      <c r="T532" s="10" t="s">
        <v>22</v>
      </c>
      <c r="U532" s="10" t="s">
        <v>22</v>
      </c>
      <c r="V532" s="10" t="s">
        <v>22</v>
      </c>
      <c r="W532" s="10" t="s">
        <v>22</v>
      </c>
      <c r="X532" s="10" t="s">
        <v>22</v>
      </c>
      <c r="Y532" s="10" t="s">
        <v>22</v>
      </c>
      <c r="Z532" s="10" t="s">
        <v>22</v>
      </c>
    </row>
    <row r="533" spans="1:26" ht="24" customHeight="1" x14ac:dyDescent="0.2">
      <c r="A533" s="9" t="s">
        <v>17813</v>
      </c>
      <c r="B533" s="9" t="s">
        <v>14</v>
      </c>
      <c r="C533" s="9" t="s">
        <v>2520</v>
      </c>
      <c r="D533" s="6" t="s">
        <v>2521</v>
      </c>
      <c r="E533" s="22">
        <v>45005</v>
      </c>
      <c r="F533" s="22">
        <v>46831</v>
      </c>
      <c r="G533" s="6" t="s">
        <v>2522</v>
      </c>
      <c r="H533" s="6" t="s">
        <v>18</v>
      </c>
      <c r="I533" s="6" t="s">
        <v>19</v>
      </c>
      <c r="J533" s="6" t="s">
        <v>2523</v>
      </c>
      <c r="K533" s="9" t="s">
        <v>2524</v>
      </c>
      <c r="L533" s="10" t="s">
        <v>22</v>
      </c>
      <c r="M533" s="10" t="s">
        <v>22</v>
      </c>
      <c r="N533" s="10" t="s">
        <v>22</v>
      </c>
      <c r="O533" s="10" t="s">
        <v>22</v>
      </c>
      <c r="P533" s="10" t="s">
        <v>22</v>
      </c>
      <c r="Q533" s="10" t="s">
        <v>22</v>
      </c>
      <c r="R533" s="10" t="s">
        <v>22</v>
      </c>
      <c r="S533" s="10" t="s">
        <v>22</v>
      </c>
      <c r="T533" s="10" t="s">
        <v>22</v>
      </c>
      <c r="U533" s="10" t="s">
        <v>22</v>
      </c>
      <c r="V533" s="10" t="s">
        <v>22</v>
      </c>
      <c r="W533" s="10" t="s">
        <v>22</v>
      </c>
      <c r="X533" s="10" t="s">
        <v>22</v>
      </c>
      <c r="Y533" s="10" t="s">
        <v>22</v>
      </c>
      <c r="Z533" s="10" t="s">
        <v>22</v>
      </c>
    </row>
    <row r="534" spans="1:26" ht="24" customHeight="1" x14ac:dyDescent="0.2">
      <c r="A534" s="9" t="s">
        <v>17814</v>
      </c>
      <c r="B534" s="9" t="s">
        <v>14</v>
      </c>
      <c r="C534" s="9" t="s">
        <v>2525</v>
      </c>
      <c r="D534" s="6" t="s">
        <v>2526</v>
      </c>
      <c r="E534" s="22">
        <v>45017</v>
      </c>
      <c r="F534" s="22">
        <v>46843</v>
      </c>
      <c r="G534" s="6" t="s">
        <v>2527</v>
      </c>
      <c r="H534" s="6" t="s">
        <v>18</v>
      </c>
      <c r="I534" s="6" t="s">
        <v>19</v>
      </c>
      <c r="J534" s="6" t="s">
        <v>2528</v>
      </c>
      <c r="K534" s="9" t="s">
        <v>2529</v>
      </c>
      <c r="L534" s="10" t="s">
        <v>22</v>
      </c>
      <c r="M534" s="10" t="s">
        <v>22</v>
      </c>
      <c r="N534" s="10" t="s">
        <v>22</v>
      </c>
      <c r="O534" s="10" t="s">
        <v>22</v>
      </c>
      <c r="P534" s="10" t="s">
        <v>22</v>
      </c>
      <c r="Q534" s="10" t="s">
        <v>22</v>
      </c>
      <c r="R534" s="10" t="s">
        <v>22</v>
      </c>
      <c r="S534" s="10" t="s">
        <v>22</v>
      </c>
      <c r="T534" s="10" t="s">
        <v>22</v>
      </c>
      <c r="U534" s="10" t="s">
        <v>22</v>
      </c>
      <c r="V534" s="10" t="s">
        <v>22</v>
      </c>
      <c r="W534" s="10" t="s">
        <v>22</v>
      </c>
      <c r="X534" s="10" t="s">
        <v>22</v>
      </c>
      <c r="Y534" s="10" t="s">
        <v>22</v>
      </c>
      <c r="Z534" s="10" t="s">
        <v>22</v>
      </c>
    </row>
    <row r="535" spans="1:26" ht="24" customHeight="1" x14ac:dyDescent="0.2">
      <c r="A535" s="9" t="s">
        <v>17815</v>
      </c>
      <c r="B535" s="9" t="s">
        <v>14</v>
      </c>
      <c r="C535" s="9" t="s">
        <v>2530</v>
      </c>
      <c r="D535" s="6" t="s">
        <v>2531</v>
      </c>
      <c r="E535" s="22">
        <v>45017</v>
      </c>
      <c r="F535" s="22">
        <v>46843</v>
      </c>
      <c r="G535" s="6" t="s">
        <v>2532</v>
      </c>
      <c r="H535" s="6" t="s">
        <v>18</v>
      </c>
      <c r="I535" s="6" t="s">
        <v>19</v>
      </c>
      <c r="J535" s="6" t="s">
        <v>2533</v>
      </c>
      <c r="K535" s="9" t="s">
        <v>2534</v>
      </c>
      <c r="L535" s="10" t="s">
        <v>22</v>
      </c>
      <c r="M535" s="10" t="s">
        <v>22</v>
      </c>
      <c r="N535" s="10" t="s">
        <v>22</v>
      </c>
      <c r="O535" s="10" t="s">
        <v>22</v>
      </c>
      <c r="P535" s="10" t="s">
        <v>22</v>
      </c>
      <c r="Q535" s="10" t="s">
        <v>22</v>
      </c>
    </row>
    <row r="536" spans="1:26" ht="24" customHeight="1" x14ac:dyDescent="0.2">
      <c r="A536" s="9" t="s">
        <v>17816</v>
      </c>
      <c r="B536" s="9" t="s">
        <v>14</v>
      </c>
      <c r="C536" s="9" t="s">
        <v>2535</v>
      </c>
      <c r="D536" s="6" t="s">
        <v>2536</v>
      </c>
      <c r="E536" s="22">
        <v>45032</v>
      </c>
      <c r="F536" s="22">
        <v>46858</v>
      </c>
      <c r="G536" s="6" t="s">
        <v>2537</v>
      </c>
      <c r="H536" s="6" t="s">
        <v>18</v>
      </c>
      <c r="I536" s="6" t="s">
        <v>26</v>
      </c>
      <c r="J536" s="6" t="s">
        <v>2538</v>
      </c>
      <c r="O536" s="10" t="s">
        <v>22</v>
      </c>
      <c r="P536" s="10" t="s">
        <v>22</v>
      </c>
      <c r="Q536" s="10" t="s">
        <v>22</v>
      </c>
      <c r="X536" s="10" t="s">
        <v>22</v>
      </c>
      <c r="Y536" s="10" t="s">
        <v>22</v>
      </c>
      <c r="Z536" s="10" t="s">
        <v>22</v>
      </c>
    </row>
    <row r="537" spans="1:26" ht="24" customHeight="1" x14ac:dyDescent="0.2">
      <c r="A537" s="9" t="s">
        <v>17817</v>
      </c>
      <c r="B537" s="9" t="s">
        <v>14</v>
      </c>
      <c r="C537" s="9" t="s">
        <v>2539</v>
      </c>
      <c r="D537" s="6" t="s">
        <v>2540</v>
      </c>
      <c r="E537" s="22">
        <v>45032</v>
      </c>
      <c r="F537" s="22">
        <v>46858</v>
      </c>
      <c r="G537" s="6" t="s">
        <v>2541</v>
      </c>
      <c r="H537" s="6" t="s">
        <v>202</v>
      </c>
      <c r="I537" s="6" t="s">
        <v>879</v>
      </c>
      <c r="J537" s="6" t="s">
        <v>2542</v>
      </c>
      <c r="M537" s="10" t="s">
        <v>22</v>
      </c>
      <c r="N537" s="10" t="s">
        <v>22</v>
      </c>
      <c r="P537" s="10" t="s">
        <v>22</v>
      </c>
      <c r="Q537" s="10" t="s">
        <v>22</v>
      </c>
      <c r="S537" s="10" t="s">
        <v>22</v>
      </c>
      <c r="T537" s="10" t="s">
        <v>22</v>
      </c>
      <c r="V537" s="10" t="s">
        <v>22</v>
      </c>
      <c r="W537" s="10" t="s">
        <v>22</v>
      </c>
      <c r="Y537" s="10" t="s">
        <v>22</v>
      </c>
      <c r="Z537" s="10" t="s">
        <v>22</v>
      </c>
    </row>
    <row r="538" spans="1:26" ht="24" customHeight="1" x14ac:dyDescent="0.2">
      <c r="A538" s="9" t="s">
        <v>17818</v>
      </c>
      <c r="B538" s="9" t="s">
        <v>14</v>
      </c>
      <c r="C538" s="9" t="s">
        <v>2543</v>
      </c>
      <c r="D538" s="6" t="s">
        <v>2544</v>
      </c>
      <c r="E538" s="22">
        <v>45038</v>
      </c>
      <c r="F538" s="22">
        <v>46864</v>
      </c>
      <c r="G538" s="6" t="s">
        <v>2545</v>
      </c>
      <c r="H538" s="6" t="s">
        <v>18</v>
      </c>
      <c r="I538" s="6" t="s">
        <v>19</v>
      </c>
      <c r="J538" s="6" t="s">
        <v>2546</v>
      </c>
      <c r="K538" s="9" t="s">
        <v>2547</v>
      </c>
      <c r="L538" s="10" t="s">
        <v>22</v>
      </c>
      <c r="M538" s="10" t="s">
        <v>22</v>
      </c>
      <c r="N538" s="10" t="s">
        <v>22</v>
      </c>
      <c r="O538" s="10" t="s">
        <v>22</v>
      </c>
      <c r="P538" s="10" t="s">
        <v>22</v>
      </c>
      <c r="Q538" s="10" t="s">
        <v>22</v>
      </c>
      <c r="R538" s="10" t="s">
        <v>22</v>
      </c>
      <c r="S538" s="10" t="s">
        <v>22</v>
      </c>
      <c r="T538" s="10" t="s">
        <v>22</v>
      </c>
      <c r="U538" s="10" t="s">
        <v>22</v>
      </c>
      <c r="V538" s="10" t="s">
        <v>22</v>
      </c>
      <c r="W538" s="10" t="s">
        <v>22</v>
      </c>
      <c r="X538" s="10" t="s">
        <v>22</v>
      </c>
      <c r="Y538" s="10" t="s">
        <v>22</v>
      </c>
      <c r="Z538" s="10" t="s">
        <v>22</v>
      </c>
    </row>
    <row r="539" spans="1:26" ht="24" customHeight="1" x14ac:dyDescent="0.2">
      <c r="A539" s="9" t="s">
        <v>17819</v>
      </c>
      <c r="B539" s="9" t="s">
        <v>14</v>
      </c>
      <c r="C539" s="9" t="s">
        <v>2543</v>
      </c>
      <c r="D539" s="6" t="s">
        <v>2544</v>
      </c>
      <c r="E539" s="22">
        <v>45038</v>
      </c>
      <c r="F539" s="22">
        <v>46864</v>
      </c>
      <c r="G539" s="6" t="s">
        <v>2548</v>
      </c>
      <c r="H539" s="6" t="s">
        <v>62</v>
      </c>
      <c r="I539" s="6" t="s">
        <v>186</v>
      </c>
      <c r="J539" s="6" t="s">
        <v>2549</v>
      </c>
      <c r="K539" s="9" t="s">
        <v>2550</v>
      </c>
      <c r="L539" s="10" t="s">
        <v>22</v>
      </c>
      <c r="M539" s="10" t="s">
        <v>22</v>
      </c>
      <c r="N539" s="10" t="s">
        <v>22</v>
      </c>
      <c r="O539" s="10" t="s">
        <v>22</v>
      </c>
      <c r="P539" s="10" t="s">
        <v>22</v>
      </c>
      <c r="Q539" s="10" t="s">
        <v>22</v>
      </c>
      <c r="R539" s="10" t="s">
        <v>22</v>
      </c>
      <c r="S539" s="10" t="s">
        <v>22</v>
      </c>
      <c r="T539" s="10" t="s">
        <v>22</v>
      </c>
      <c r="U539" s="10" t="s">
        <v>22</v>
      </c>
      <c r="V539" s="10" t="s">
        <v>22</v>
      </c>
      <c r="W539" s="10" t="s">
        <v>22</v>
      </c>
      <c r="X539" s="10" t="s">
        <v>22</v>
      </c>
      <c r="Y539" s="10" t="s">
        <v>22</v>
      </c>
      <c r="Z539" s="10" t="s">
        <v>22</v>
      </c>
    </row>
    <row r="540" spans="1:26" ht="24" customHeight="1" x14ac:dyDescent="0.2">
      <c r="A540" s="9" t="s">
        <v>17820</v>
      </c>
      <c r="B540" s="9" t="s">
        <v>14</v>
      </c>
      <c r="C540" s="9" t="s">
        <v>2543</v>
      </c>
      <c r="D540" s="6" t="s">
        <v>2544</v>
      </c>
      <c r="E540" s="22">
        <v>45038</v>
      </c>
      <c r="F540" s="22">
        <v>46864</v>
      </c>
      <c r="G540" s="6" t="s">
        <v>2551</v>
      </c>
      <c r="H540" s="6" t="s">
        <v>18</v>
      </c>
      <c r="I540" s="6" t="s">
        <v>522</v>
      </c>
      <c r="J540" s="6" t="s">
        <v>2552</v>
      </c>
      <c r="K540" s="9" t="s">
        <v>2553</v>
      </c>
      <c r="L540" s="10" t="s">
        <v>22</v>
      </c>
      <c r="M540" s="10" t="s">
        <v>22</v>
      </c>
      <c r="N540" s="10" t="s">
        <v>22</v>
      </c>
      <c r="O540" s="10" t="s">
        <v>22</v>
      </c>
      <c r="P540" s="10" t="s">
        <v>22</v>
      </c>
      <c r="Q540" s="10" t="s">
        <v>22</v>
      </c>
      <c r="R540" s="10" t="s">
        <v>22</v>
      </c>
      <c r="S540" s="10" t="s">
        <v>22</v>
      </c>
      <c r="T540" s="10" t="s">
        <v>22</v>
      </c>
      <c r="U540" s="10" t="s">
        <v>22</v>
      </c>
      <c r="V540" s="10" t="s">
        <v>22</v>
      </c>
      <c r="W540" s="10" t="s">
        <v>22</v>
      </c>
      <c r="X540" s="10" t="s">
        <v>22</v>
      </c>
      <c r="Y540" s="10" t="s">
        <v>22</v>
      </c>
      <c r="Z540" s="10" t="s">
        <v>22</v>
      </c>
    </row>
    <row r="541" spans="1:26" ht="24" customHeight="1" x14ac:dyDescent="0.2">
      <c r="A541" s="9" t="s">
        <v>17821</v>
      </c>
      <c r="B541" s="9" t="s">
        <v>14</v>
      </c>
      <c r="C541" s="9" t="s">
        <v>2554</v>
      </c>
      <c r="D541" s="6" t="s">
        <v>2555</v>
      </c>
      <c r="E541" s="22">
        <v>45039</v>
      </c>
      <c r="F541" s="22">
        <v>46865</v>
      </c>
      <c r="G541" s="6" t="s">
        <v>2556</v>
      </c>
      <c r="H541" s="6" t="s">
        <v>18</v>
      </c>
      <c r="I541" s="6" t="s">
        <v>19</v>
      </c>
      <c r="J541" s="6" t="s">
        <v>2557</v>
      </c>
      <c r="K541" s="9" t="s">
        <v>2558</v>
      </c>
      <c r="L541" s="10" t="s">
        <v>22</v>
      </c>
      <c r="M541" s="10" t="s">
        <v>22</v>
      </c>
      <c r="N541" s="10" t="s">
        <v>22</v>
      </c>
      <c r="O541" s="10" t="s">
        <v>22</v>
      </c>
      <c r="P541" s="10" t="s">
        <v>22</v>
      </c>
      <c r="Q541" s="10" t="s">
        <v>22</v>
      </c>
    </row>
    <row r="542" spans="1:26" ht="24" customHeight="1" x14ac:dyDescent="0.2">
      <c r="A542" s="9" t="s">
        <v>17822</v>
      </c>
      <c r="B542" s="9" t="s">
        <v>14</v>
      </c>
      <c r="C542" s="9" t="s">
        <v>2559</v>
      </c>
      <c r="D542" s="6" t="s">
        <v>2560</v>
      </c>
      <c r="E542" s="22">
        <v>45039</v>
      </c>
      <c r="F542" s="22">
        <v>46865</v>
      </c>
      <c r="G542" s="6" t="s">
        <v>2561</v>
      </c>
      <c r="H542" s="6" t="s">
        <v>229</v>
      </c>
      <c r="I542" s="6" t="s">
        <v>2562</v>
      </c>
      <c r="J542" s="6" t="s">
        <v>2563</v>
      </c>
      <c r="K542" s="9" t="s">
        <v>2564</v>
      </c>
      <c r="L542" s="10" t="s">
        <v>22</v>
      </c>
      <c r="M542" s="10" t="s">
        <v>22</v>
      </c>
      <c r="N542" s="10" t="s">
        <v>22</v>
      </c>
      <c r="O542" s="10" t="s">
        <v>22</v>
      </c>
      <c r="P542" s="10" t="s">
        <v>22</v>
      </c>
      <c r="Q542" s="10" t="s">
        <v>22</v>
      </c>
      <c r="R542" s="10" t="s">
        <v>22</v>
      </c>
      <c r="S542" s="10" t="s">
        <v>22</v>
      </c>
      <c r="T542" s="10" t="s">
        <v>22</v>
      </c>
      <c r="U542" s="10" t="s">
        <v>22</v>
      </c>
      <c r="V542" s="10" t="s">
        <v>22</v>
      </c>
      <c r="W542" s="10" t="s">
        <v>22</v>
      </c>
      <c r="X542" s="10" t="s">
        <v>22</v>
      </c>
      <c r="Y542" s="10" t="s">
        <v>22</v>
      </c>
      <c r="Z542" s="10" t="s">
        <v>22</v>
      </c>
    </row>
    <row r="543" spans="1:26" ht="24" customHeight="1" x14ac:dyDescent="0.2">
      <c r="A543" s="9" t="s">
        <v>17823</v>
      </c>
      <c r="B543" s="9" t="s">
        <v>14</v>
      </c>
      <c r="C543" s="9" t="s">
        <v>2565</v>
      </c>
      <c r="D543" s="6" t="s">
        <v>2566</v>
      </c>
      <c r="E543" s="22">
        <v>45040</v>
      </c>
      <c r="F543" s="22">
        <v>46866</v>
      </c>
      <c r="G543" s="6" t="s">
        <v>2567</v>
      </c>
      <c r="H543" s="6" t="s">
        <v>62</v>
      </c>
      <c r="I543" s="6" t="s">
        <v>290</v>
      </c>
      <c r="J543" s="6" t="s">
        <v>2568</v>
      </c>
      <c r="K543" s="9" t="s">
        <v>2569</v>
      </c>
      <c r="L543" s="10" t="s">
        <v>22</v>
      </c>
      <c r="M543" s="10" t="s">
        <v>22</v>
      </c>
      <c r="N543" s="10" t="s">
        <v>22</v>
      </c>
      <c r="O543" s="10" t="s">
        <v>22</v>
      </c>
      <c r="P543" s="10" t="s">
        <v>22</v>
      </c>
      <c r="Q543" s="10" t="s">
        <v>22</v>
      </c>
      <c r="U543" s="10" t="s">
        <v>22</v>
      </c>
      <c r="V543" s="10" t="s">
        <v>22</v>
      </c>
      <c r="W543" s="10" t="s">
        <v>22</v>
      </c>
      <c r="X543" s="10" t="s">
        <v>22</v>
      </c>
      <c r="Y543" s="10" t="s">
        <v>22</v>
      </c>
      <c r="Z543" s="10" t="s">
        <v>22</v>
      </c>
    </row>
    <row r="544" spans="1:26" ht="31.75" customHeight="1" x14ac:dyDescent="0.2">
      <c r="A544" s="9" t="s">
        <v>17824</v>
      </c>
      <c r="B544" s="9" t="s">
        <v>14</v>
      </c>
      <c r="C544" s="9" t="s">
        <v>2570</v>
      </c>
      <c r="D544" s="6" t="s">
        <v>2571</v>
      </c>
      <c r="E544" s="22">
        <v>45054</v>
      </c>
      <c r="F544" s="22">
        <v>46880</v>
      </c>
      <c r="G544" s="6" t="s">
        <v>2572</v>
      </c>
      <c r="H544" s="6" t="s">
        <v>62</v>
      </c>
      <c r="I544" s="6" t="s">
        <v>186</v>
      </c>
      <c r="J544" s="6" t="s">
        <v>2573</v>
      </c>
      <c r="K544" s="9" t="s">
        <v>2574</v>
      </c>
      <c r="L544" s="10" t="s">
        <v>22</v>
      </c>
      <c r="M544" s="10" t="s">
        <v>22</v>
      </c>
      <c r="N544" s="10" t="s">
        <v>22</v>
      </c>
      <c r="O544" s="10" t="s">
        <v>22</v>
      </c>
      <c r="P544" s="10" t="s">
        <v>22</v>
      </c>
      <c r="Q544" s="10" t="s">
        <v>22</v>
      </c>
      <c r="R544" s="10" t="s">
        <v>22</v>
      </c>
      <c r="S544" s="10" t="s">
        <v>22</v>
      </c>
      <c r="T544" s="10" t="s">
        <v>22</v>
      </c>
      <c r="U544" s="10" t="s">
        <v>22</v>
      </c>
      <c r="V544" s="10" t="s">
        <v>22</v>
      </c>
      <c r="W544" s="10" t="s">
        <v>22</v>
      </c>
      <c r="X544" s="10" t="s">
        <v>22</v>
      </c>
      <c r="Y544" s="10" t="s">
        <v>22</v>
      </c>
      <c r="Z544" s="10" t="s">
        <v>22</v>
      </c>
    </row>
    <row r="545" spans="1:26" ht="27.65" customHeight="1" x14ac:dyDescent="0.2">
      <c r="A545" s="9" t="s">
        <v>17825</v>
      </c>
      <c r="B545" s="9" t="s">
        <v>14</v>
      </c>
      <c r="C545" s="9" t="s">
        <v>2575</v>
      </c>
      <c r="D545" s="6" t="s">
        <v>2576</v>
      </c>
      <c r="E545" s="22">
        <v>45061</v>
      </c>
      <c r="F545" s="22">
        <v>46887</v>
      </c>
      <c r="G545" s="6" t="s">
        <v>2577</v>
      </c>
      <c r="H545" s="6" t="s">
        <v>62</v>
      </c>
      <c r="I545" s="6" t="s">
        <v>2578</v>
      </c>
      <c r="J545" s="6" t="s">
        <v>2579</v>
      </c>
      <c r="K545" s="9" t="s">
        <v>2580</v>
      </c>
      <c r="L545" s="10" t="s">
        <v>22</v>
      </c>
      <c r="M545" s="10" t="s">
        <v>22</v>
      </c>
      <c r="N545" s="10" t="s">
        <v>22</v>
      </c>
      <c r="O545" s="10" t="s">
        <v>22</v>
      </c>
      <c r="P545" s="10" t="s">
        <v>22</v>
      </c>
      <c r="Q545" s="10" t="s">
        <v>22</v>
      </c>
      <c r="S545" s="10" t="s">
        <v>22</v>
      </c>
      <c r="U545" s="10" t="s">
        <v>22</v>
      </c>
      <c r="V545" s="10" t="s">
        <v>22</v>
      </c>
      <c r="W545" s="10" t="s">
        <v>22</v>
      </c>
      <c r="X545" s="10" t="s">
        <v>22</v>
      </c>
      <c r="Y545" s="10" t="s">
        <v>22</v>
      </c>
      <c r="Z545" s="10" t="s">
        <v>22</v>
      </c>
    </row>
    <row r="546" spans="1:26" ht="31.75" customHeight="1" x14ac:dyDescent="0.2">
      <c r="A546" s="9" t="s">
        <v>17826</v>
      </c>
      <c r="B546" s="9" t="s">
        <v>14</v>
      </c>
      <c r="C546" s="9" t="s">
        <v>2581</v>
      </c>
      <c r="D546" s="6" t="s">
        <v>2582</v>
      </c>
      <c r="E546" s="22">
        <v>45066</v>
      </c>
      <c r="F546" s="22">
        <v>46892</v>
      </c>
      <c r="G546" s="6" t="s">
        <v>2583</v>
      </c>
      <c r="H546" s="6" t="s">
        <v>18</v>
      </c>
      <c r="I546" s="6" t="s">
        <v>19</v>
      </c>
      <c r="J546" s="6" t="s">
        <v>2584</v>
      </c>
      <c r="K546" s="9" t="s">
        <v>2585</v>
      </c>
      <c r="L546" s="10" t="s">
        <v>22</v>
      </c>
      <c r="M546" s="10" t="s">
        <v>22</v>
      </c>
      <c r="N546" s="10" t="s">
        <v>22</v>
      </c>
      <c r="O546" s="10" t="s">
        <v>22</v>
      </c>
      <c r="P546" s="10" t="s">
        <v>22</v>
      </c>
      <c r="Q546" s="10" t="s">
        <v>22</v>
      </c>
      <c r="R546" s="10" t="s">
        <v>22</v>
      </c>
      <c r="S546" s="10" t="s">
        <v>22</v>
      </c>
      <c r="T546" s="10" t="s">
        <v>22</v>
      </c>
      <c r="U546" s="10" t="s">
        <v>22</v>
      </c>
      <c r="V546" s="10" t="s">
        <v>22</v>
      </c>
      <c r="W546" s="10" t="s">
        <v>22</v>
      </c>
      <c r="X546" s="10" t="s">
        <v>22</v>
      </c>
      <c r="Y546" s="10" t="s">
        <v>22</v>
      </c>
      <c r="Z546" s="10" t="s">
        <v>22</v>
      </c>
    </row>
    <row r="547" spans="1:26" ht="31.75" customHeight="1" x14ac:dyDescent="0.2">
      <c r="A547" s="9" t="s">
        <v>17827</v>
      </c>
      <c r="B547" s="9" t="s">
        <v>14</v>
      </c>
      <c r="C547" s="9" t="s">
        <v>2581</v>
      </c>
      <c r="D547" s="6" t="s">
        <v>2582</v>
      </c>
      <c r="E547" s="22">
        <v>45066</v>
      </c>
      <c r="F547" s="22">
        <v>46892</v>
      </c>
      <c r="G547" s="6" t="s">
        <v>2586</v>
      </c>
      <c r="H547" s="6" t="s">
        <v>18</v>
      </c>
      <c r="I547" s="6" t="s">
        <v>26</v>
      </c>
      <c r="J547" s="6" t="s">
        <v>2587</v>
      </c>
      <c r="K547" s="9" t="s">
        <v>2588</v>
      </c>
      <c r="L547" s="10" t="s">
        <v>22</v>
      </c>
      <c r="M547" s="10" t="s">
        <v>22</v>
      </c>
      <c r="N547" s="10" t="s">
        <v>22</v>
      </c>
      <c r="O547" s="10" t="s">
        <v>22</v>
      </c>
      <c r="P547" s="10" t="s">
        <v>22</v>
      </c>
      <c r="Q547" s="10" t="s">
        <v>22</v>
      </c>
      <c r="R547" s="10" t="s">
        <v>22</v>
      </c>
      <c r="S547" s="10" t="s">
        <v>22</v>
      </c>
      <c r="T547" s="10" t="s">
        <v>22</v>
      </c>
      <c r="U547" s="10" t="s">
        <v>22</v>
      </c>
      <c r="V547" s="10" t="s">
        <v>22</v>
      </c>
      <c r="W547" s="10" t="s">
        <v>22</v>
      </c>
      <c r="X547" s="10" t="s">
        <v>22</v>
      </c>
      <c r="Y547" s="10" t="s">
        <v>22</v>
      </c>
      <c r="Z547" s="10" t="s">
        <v>22</v>
      </c>
    </row>
    <row r="548" spans="1:26" ht="31.75" customHeight="1" x14ac:dyDescent="0.2">
      <c r="A548" s="9" t="s">
        <v>17828</v>
      </c>
      <c r="B548" s="9" t="s">
        <v>14</v>
      </c>
      <c r="C548" s="9" t="s">
        <v>21375</v>
      </c>
      <c r="D548" s="6" t="s">
        <v>21376</v>
      </c>
      <c r="E548" s="22">
        <v>45066</v>
      </c>
      <c r="F548" s="22">
        <v>46892</v>
      </c>
      <c r="G548" s="6" t="s">
        <v>2589</v>
      </c>
      <c r="H548" s="6" t="s">
        <v>18</v>
      </c>
      <c r="I548" s="6" t="s">
        <v>19</v>
      </c>
      <c r="J548" s="6" t="s">
        <v>20946</v>
      </c>
      <c r="K548" s="9" t="s">
        <v>2590</v>
      </c>
      <c r="L548" s="10" t="s">
        <v>22</v>
      </c>
      <c r="M548" s="10" t="s">
        <v>22</v>
      </c>
      <c r="N548" s="10" t="s">
        <v>22</v>
      </c>
      <c r="O548" s="10" t="s">
        <v>22</v>
      </c>
      <c r="P548" s="10" t="s">
        <v>22</v>
      </c>
      <c r="Q548" s="10" t="s">
        <v>22</v>
      </c>
      <c r="R548" s="10" t="s">
        <v>22</v>
      </c>
      <c r="S548" s="10" t="s">
        <v>22</v>
      </c>
      <c r="T548" s="10" t="s">
        <v>22</v>
      </c>
      <c r="U548" s="10" t="s">
        <v>22</v>
      </c>
      <c r="V548" s="10" t="s">
        <v>22</v>
      </c>
      <c r="W548" s="10" t="s">
        <v>22</v>
      </c>
      <c r="X548" s="10" t="s">
        <v>22</v>
      </c>
      <c r="Y548" s="10" t="s">
        <v>22</v>
      </c>
      <c r="Z548" s="10" t="s">
        <v>22</v>
      </c>
    </row>
    <row r="549" spans="1:26" ht="24" customHeight="1" x14ac:dyDescent="0.2">
      <c r="A549" s="9" t="s">
        <v>17829</v>
      </c>
      <c r="B549" s="9" t="s">
        <v>14</v>
      </c>
      <c r="C549" s="9" t="s">
        <v>2581</v>
      </c>
      <c r="D549" s="6" t="s">
        <v>2582</v>
      </c>
      <c r="E549" s="22">
        <v>45066</v>
      </c>
      <c r="F549" s="22">
        <v>46892</v>
      </c>
      <c r="G549" s="6" t="s">
        <v>2591</v>
      </c>
      <c r="H549" s="6" t="s">
        <v>62</v>
      </c>
      <c r="I549" s="6" t="s">
        <v>312</v>
      </c>
      <c r="J549" s="6" t="s">
        <v>2592</v>
      </c>
      <c r="K549" s="9" t="s">
        <v>2593</v>
      </c>
      <c r="L549" s="10" t="s">
        <v>22</v>
      </c>
      <c r="M549" s="10" t="s">
        <v>22</v>
      </c>
      <c r="N549" s="10" t="s">
        <v>22</v>
      </c>
      <c r="O549" s="10" t="s">
        <v>22</v>
      </c>
      <c r="P549" s="10" t="s">
        <v>22</v>
      </c>
      <c r="Q549" s="10" t="s">
        <v>22</v>
      </c>
      <c r="R549" s="10" t="s">
        <v>22</v>
      </c>
      <c r="S549" s="10" t="s">
        <v>22</v>
      </c>
      <c r="T549" s="10" t="s">
        <v>22</v>
      </c>
      <c r="U549" s="10" t="s">
        <v>22</v>
      </c>
      <c r="V549" s="10" t="s">
        <v>22</v>
      </c>
      <c r="W549" s="10" t="s">
        <v>22</v>
      </c>
      <c r="X549" s="10" t="s">
        <v>22</v>
      </c>
      <c r="Y549" s="10" t="s">
        <v>22</v>
      </c>
      <c r="Z549" s="10" t="s">
        <v>22</v>
      </c>
    </row>
    <row r="550" spans="1:26" ht="24" customHeight="1" x14ac:dyDescent="0.2">
      <c r="A550" s="9" t="s">
        <v>17830</v>
      </c>
      <c r="B550" s="9" t="s">
        <v>14</v>
      </c>
      <c r="C550" s="9" t="s">
        <v>2581</v>
      </c>
      <c r="D550" s="6" t="s">
        <v>2582</v>
      </c>
      <c r="E550" s="22">
        <v>45066</v>
      </c>
      <c r="F550" s="22">
        <v>46892</v>
      </c>
      <c r="G550" s="6" t="s">
        <v>2594</v>
      </c>
      <c r="H550" s="6" t="s">
        <v>62</v>
      </c>
      <c r="I550" s="6" t="s">
        <v>493</v>
      </c>
      <c r="J550" s="6" t="s">
        <v>2595</v>
      </c>
      <c r="K550" s="9" t="s">
        <v>2596</v>
      </c>
      <c r="L550" s="10" t="s">
        <v>22</v>
      </c>
      <c r="M550" s="10" t="s">
        <v>22</v>
      </c>
      <c r="N550" s="10" t="s">
        <v>22</v>
      </c>
      <c r="O550" s="10" t="s">
        <v>22</v>
      </c>
      <c r="P550" s="10" t="s">
        <v>22</v>
      </c>
      <c r="Q550" s="10" t="s">
        <v>22</v>
      </c>
      <c r="R550" s="10" t="s">
        <v>22</v>
      </c>
      <c r="S550" s="10" t="s">
        <v>22</v>
      </c>
      <c r="T550" s="10" t="s">
        <v>22</v>
      </c>
      <c r="U550" s="10" t="s">
        <v>22</v>
      </c>
      <c r="V550" s="10" t="s">
        <v>22</v>
      </c>
      <c r="W550" s="10" t="s">
        <v>22</v>
      </c>
      <c r="X550" s="10" t="s">
        <v>22</v>
      </c>
      <c r="Y550" s="10" t="s">
        <v>22</v>
      </c>
      <c r="Z550" s="10" t="s">
        <v>22</v>
      </c>
    </row>
    <row r="551" spans="1:26" ht="24" customHeight="1" x14ac:dyDescent="0.2">
      <c r="A551" s="9" t="s">
        <v>17831</v>
      </c>
      <c r="B551" s="9" t="s">
        <v>14</v>
      </c>
      <c r="C551" s="9" t="s">
        <v>2581</v>
      </c>
      <c r="D551" s="6" t="s">
        <v>2582</v>
      </c>
      <c r="E551" s="22">
        <v>45066</v>
      </c>
      <c r="F551" s="22">
        <v>46892</v>
      </c>
      <c r="G551" s="6" t="s">
        <v>2597</v>
      </c>
      <c r="H551" s="6" t="s">
        <v>62</v>
      </c>
      <c r="I551" s="6" t="s">
        <v>312</v>
      </c>
      <c r="J551" s="6" t="s">
        <v>2592</v>
      </c>
      <c r="K551" s="9" t="s">
        <v>2598</v>
      </c>
      <c r="L551" s="10" t="s">
        <v>22</v>
      </c>
      <c r="M551" s="10" t="s">
        <v>22</v>
      </c>
      <c r="N551" s="10" t="s">
        <v>22</v>
      </c>
      <c r="O551" s="10" t="s">
        <v>22</v>
      </c>
      <c r="P551" s="10" t="s">
        <v>22</v>
      </c>
      <c r="Q551" s="10" t="s">
        <v>22</v>
      </c>
      <c r="R551" s="10" t="s">
        <v>22</v>
      </c>
      <c r="S551" s="10" t="s">
        <v>22</v>
      </c>
      <c r="T551" s="10" t="s">
        <v>22</v>
      </c>
      <c r="U551" s="10" t="s">
        <v>22</v>
      </c>
      <c r="V551" s="10" t="s">
        <v>22</v>
      </c>
      <c r="W551" s="10" t="s">
        <v>22</v>
      </c>
      <c r="X551" s="10" t="s">
        <v>22</v>
      </c>
      <c r="Y551" s="10" t="s">
        <v>22</v>
      </c>
      <c r="Z551" s="10" t="s">
        <v>22</v>
      </c>
    </row>
    <row r="552" spans="1:26" ht="24" customHeight="1" x14ac:dyDescent="0.2">
      <c r="A552" s="9" t="s">
        <v>17832</v>
      </c>
      <c r="B552" s="9" t="s">
        <v>14</v>
      </c>
      <c r="C552" s="9" t="s">
        <v>2581</v>
      </c>
      <c r="D552" s="6" t="s">
        <v>2582</v>
      </c>
      <c r="E552" s="22">
        <v>45066</v>
      </c>
      <c r="F552" s="22">
        <v>46892</v>
      </c>
      <c r="G552" s="6" t="s">
        <v>2599</v>
      </c>
      <c r="H552" s="6" t="s">
        <v>229</v>
      </c>
      <c r="I552" s="6" t="s">
        <v>2600</v>
      </c>
      <c r="J552" s="6" t="s">
        <v>2601</v>
      </c>
      <c r="K552" s="9" t="s">
        <v>2602</v>
      </c>
      <c r="L552" s="10" t="s">
        <v>22</v>
      </c>
      <c r="M552" s="10" t="s">
        <v>22</v>
      </c>
      <c r="N552" s="10" t="s">
        <v>22</v>
      </c>
      <c r="O552" s="10" t="s">
        <v>22</v>
      </c>
      <c r="P552" s="10" t="s">
        <v>22</v>
      </c>
      <c r="Q552" s="10" t="s">
        <v>22</v>
      </c>
      <c r="R552" s="10" t="s">
        <v>22</v>
      </c>
      <c r="S552" s="10" t="s">
        <v>22</v>
      </c>
      <c r="T552" s="10" t="s">
        <v>22</v>
      </c>
      <c r="U552" s="10" t="s">
        <v>22</v>
      </c>
      <c r="V552" s="10" t="s">
        <v>22</v>
      </c>
      <c r="W552" s="10" t="s">
        <v>22</v>
      </c>
      <c r="X552" s="10" t="s">
        <v>22</v>
      </c>
      <c r="Y552" s="10" t="s">
        <v>22</v>
      </c>
      <c r="Z552" s="10" t="s">
        <v>22</v>
      </c>
    </row>
    <row r="553" spans="1:26" ht="24" customHeight="1" x14ac:dyDescent="0.2">
      <c r="A553" s="9" t="s">
        <v>17833</v>
      </c>
      <c r="B553" s="9" t="s">
        <v>14</v>
      </c>
      <c r="C553" s="9" t="s">
        <v>2603</v>
      </c>
      <c r="D553" s="6" t="s">
        <v>2604</v>
      </c>
      <c r="E553" s="22">
        <v>45068</v>
      </c>
      <c r="F553" s="22">
        <v>46894</v>
      </c>
      <c r="G553" s="6" t="s">
        <v>2605</v>
      </c>
      <c r="H553" s="6" t="s">
        <v>18</v>
      </c>
      <c r="I553" s="6" t="s">
        <v>26</v>
      </c>
      <c r="J553" s="6" t="s">
        <v>2606</v>
      </c>
      <c r="K553" s="9" t="s">
        <v>2607</v>
      </c>
      <c r="L553" s="10" t="s">
        <v>22</v>
      </c>
      <c r="M553" s="10" t="s">
        <v>22</v>
      </c>
      <c r="N553" s="10" t="s">
        <v>22</v>
      </c>
      <c r="O553" s="10" t="s">
        <v>22</v>
      </c>
      <c r="P553" s="10" t="s">
        <v>22</v>
      </c>
      <c r="Q553" s="10" t="s">
        <v>22</v>
      </c>
      <c r="R553" s="10" t="s">
        <v>22</v>
      </c>
      <c r="S553" s="10" t="s">
        <v>22</v>
      </c>
      <c r="T553" s="10" t="s">
        <v>22</v>
      </c>
      <c r="U553" s="10" t="s">
        <v>22</v>
      </c>
      <c r="V553" s="10" t="s">
        <v>22</v>
      </c>
      <c r="W553" s="10" t="s">
        <v>22</v>
      </c>
      <c r="X553" s="10" t="s">
        <v>22</v>
      </c>
      <c r="Y553" s="10" t="s">
        <v>22</v>
      </c>
      <c r="Z553" s="10" t="s">
        <v>22</v>
      </c>
    </row>
    <row r="554" spans="1:26" ht="24" customHeight="1" x14ac:dyDescent="0.2">
      <c r="A554" s="9" t="s">
        <v>17834</v>
      </c>
      <c r="B554" s="9" t="s">
        <v>14</v>
      </c>
      <c r="C554" s="9" t="s">
        <v>2608</v>
      </c>
      <c r="D554" s="6" t="s">
        <v>2609</v>
      </c>
      <c r="E554" s="22">
        <v>45073</v>
      </c>
      <c r="F554" s="22">
        <v>46899</v>
      </c>
      <c r="G554" s="6" t="s">
        <v>2610</v>
      </c>
      <c r="H554" s="6" t="s">
        <v>18</v>
      </c>
      <c r="I554" s="6" t="s">
        <v>19</v>
      </c>
      <c r="J554" s="6" t="s">
        <v>2611</v>
      </c>
      <c r="K554" s="9" t="s">
        <v>2612</v>
      </c>
      <c r="L554" s="10" t="s">
        <v>22</v>
      </c>
      <c r="M554" s="10" t="s">
        <v>22</v>
      </c>
      <c r="N554" s="10" t="s">
        <v>22</v>
      </c>
      <c r="O554" s="10" t="s">
        <v>22</v>
      </c>
      <c r="P554" s="10" t="s">
        <v>22</v>
      </c>
      <c r="Q554" s="10" t="s">
        <v>22</v>
      </c>
      <c r="R554" s="10" t="s">
        <v>22</v>
      </c>
      <c r="S554" s="10" t="s">
        <v>22</v>
      </c>
      <c r="T554" s="10" t="s">
        <v>22</v>
      </c>
      <c r="U554" s="10" t="s">
        <v>22</v>
      </c>
      <c r="V554" s="10" t="s">
        <v>22</v>
      </c>
      <c r="W554" s="10" t="s">
        <v>22</v>
      </c>
      <c r="X554" s="10" t="s">
        <v>22</v>
      </c>
      <c r="Y554" s="10" t="s">
        <v>22</v>
      </c>
      <c r="Z554" s="10" t="s">
        <v>22</v>
      </c>
    </row>
    <row r="555" spans="1:26" ht="24" customHeight="1" x14ac:dyDescent="0.2">
      <c r="A555" s="9" t="s">
        <v>17835</v>
      </c>
      <c r="B555" s="9" t="s">
        <v>14</v>
      </c>
      <c r="C555" s="9" t="s">
        <v>2608</v>
      </c>
      <c r="D555" s="6" t="s">
        <v>2609</v>
      </c>
      <c r="E555" s="22">
        <v>45073</v>
      </c>
      <c r="F555" s="22">
        <v>46899</v>
      </c>
      <c r="G555" s="6" t="s">
        <v>2613</v>
      </c>
      <c r="H555" s="6" t="s">
        <v>62</v>
      </c>
      <c r="I555" s="6" t="s">
        <v>842</v>
      </c>
      <c r="J555" s="6" t="s">
        <v>2614</v>
      </c>
      <c r="K555" s="9" t="s">
        <v>2615</v>
      </c>
      <c r="L555" s="10" t="s">
        <v>22</v>
      </c>
      <c r="M555" s="10" t="s">
        <v>22</v>
      </c>
      <c r="N555" s="10" t="s">
        <v>22</v>
      </c>
      <c r="O555" s="10" t="s">
        <v>22</v>
      </c>
      <c r="P555" s="10" t="s">
        <v>22</v>
      </c>
      <c r="Q555" s="10" t="s">
        <v>22</v>
      </c>
      <c r="R555" s="10" t="s">
        <v>22</v>
      </c>
      <c r="S555" s="10" t="s">
        <v>22</v>
      </c>
      <c r="T555" s="10" t="s">
        <v>22</v>
      </c>
      <c r="U555" s="10" t="s">
        <v>22</v>
      </c>
      <c r="V555" s="10" t="s">
        <v>22</v>
      </c>
      <c r="W555" s="10" t="s">
        <v>22</v>
      </c>
      <c r="X555" s="10" t="s">
        <v>22</v>
      </c>
      <c r="Y555" s="10" t="s">
        <v>22</v>
      </c>
      <c r="Z555" s="10" t="s">
        <v>22</v>
      </c>
    </row>
    <row r="556" spans="1:26" ht="24" customHeight="1" x14ac:dyDescent="0.2">
      <c r="A556" s="9" t="s">
        <v>17836</v>
      </c>
      <c r="B556" s="9" t="s">
        <v>14</v>
      </c>
      <c r="C556" s="9" t="s">
        <v>2616</v>
      </c>
      <c r="D556" s="6" t="s">
        <v>2617</v>
      </c>
      <c r="E556" s="22">
        <v>45086</v>
      </c>
      <c r="F556" s="22">
        <v>46912</v>
      </c>
      <c r="G556" s="6" t="s">
        <v>2618</v>
      </c>
      <c r="H556" s="6" t="s">
        <v>18</v>
      </c>
      <c r="I556" s="6" t="s">
        <v>19</v>
      </c>
      <c r="J556" s="6" t="s">
        <v>2619</v>
      </c>
      <c r="K556" s="9" t="s">
        <v>2620</v>
      </c>
      <c r="L556" s="10" t="s">
        <v>22</v>
      </c>
      <c r="M556" s="10" t="s">
        <v>22</v>
      </c>
      <c r="N556" s="10" t="s">
        <v>22</v>
      </c>
      <c r="O556" s="10" t="s">
        <v>22</v>
      </c>
      <c r="P556" s="10" t="s">
        <v>22</v>
      </c>
      <c r="Q556" s="10" t="s">
        <v>22</v>
      </c>
      <c r="U556" s="10" t="s">
        <v>22</v>
      </c>
      <c r="V556" s="10" t="s">
        <v>22</v>
      </c>
      <c r="W556" s="10" t="s">
        <v>22</v>
      </c>
      <c r="X556" s="10" t="s">
        <v>22</v>
      </c>
      <c r="Y556" s="10" t="s">
        <v>22</v>
      </c>
      <c r="Z556" s="10" t="s">
        <v>22</v>
      </c>
    </row>
    <row r="557" spans="1:26" ht="24" customHeight="1" x14ac:dyDescent="0.2">
      <c r="A557" s="9" t="s">
        <v>17837</v>
      </c>
      <c r="B557" s="9" t="s">
        <v>14</v>
      </c>
      <c r="C557" s="9" t="s">
        <v>2621</v>
      </c>
      <c r="D557" s="6" t="s">
        <v>2622</v>
      </c>
      <c r="E557" s="22">
        <v>45086</v>
      </c>
      <c r="F557" s="22">
        <v>46912</v>
      </c>
      <c r="G557" s="6" t="s">
        <v>2623</v>
      </c>
      <c r="H557" s="6" t="s">
        <v>363</v>
      </c>
      <c r="I557" s="6" t="s">
        <v>466</v>
      </c>
      <c r="J557" s="6" t="s">
        <v>2624</v>
      </c>
      <c r="K557" s="9" t="s">
        <v>2625</v>
      </c>
      <c r="L557" s="10" t="s">
        <v>22</v>
      </c>
      <c r="M557" s="10" t="s">
        <v>22</v>
      </c>
      <c r="N557" s="10" t="s">
        <v>22</v>
      </c>
      <c r="O557" s="10" t="s">
        <v>22</v>
      </c>
      <c r="P557" s="10" t="s">
        <v>22</v>
      </c>
      <c r="Q557" s="10" t="s">
        <v>22</v>
      </c>
      <c r="R557" s="10" t="s">
        <v>22</v>
      </c>
      <c r="S557" s="10" t="s">
        <v>22</v>
      </c>
      <c r="T557" s="10" t="s">
        <v>22</v>
      </c>
      <c r="U557" s="10" t="s">
        <v>22</v>
      </c>
      <c r="V557" s="10" t="s">
        <v>22</v>
      </c>
      <c r="W557" s="10" t="s">
        <v>22</v>
      </c>
      <c r="X557" s="10" t="s">
        <v>22</v>
      </c>
      <c r="Y557" s="10" t="s">
        <v>22</v>
      </c>
      <c r="Z557" s="10" t="s">
        <v>22</v>
      </c>
    </row>
    <row r="558" spans="1:26" ht="24" customHeight="1" x14ac:dyDescent="0.2">
      <c r="A558" s="9" t="s">
        <v>17838</v>
      </c>
      <c r="B558" s="9" t="s">
        <v>14</v>
      </c>
      <c r="C558" s="9" t="s">
        <v>2626</v>
      </c>
      <c r="D558" s="6" t="s">
        <v>2627</v>
      </c>
      <c r="E558" s="22">
        <v>45086</v>
      </c>
      <c r="F558" s="22">
        <v>46912</v>
      </c>
      <c r="G558" s="6" t="s">
        <v>2628</v>
      </c>
      <c r="H558" s="6" t="s">
        <v>202</v>
      </c>
      <c r="I558" s="6" t="s">
        <v>2629</v>
      </c>
      <c r="J558" s="6" t="s">
        <v>2630</v>
      </c>
      <c r="K558" s="9" t="s">
        <v>2631</v>
      </c>
      <c r="L558" s="10" t="s">
        <v>22</v>
      </c>
      <c r="M558" s="10" t="s">
        <v>22</v>
      </c>
      <c r="N558" s="10" t="s">
        <v>22</v>
      </c>
      <c r="O558" s="10" t="s">
        <v>22</v>
      </c>
      <c r="P558" s="10" t="s">
        <v>22</v>
      </c>
      <c r="Q558" s="10" t="s">
        <v>22</v>
      </c>
      <c r="R558" s="10" t="s">
        <v>22</v>
      </c>
      <c r="S558" s="10" t="s">
        <v>22</v>
      </c>
      <c r="T558" s="10" t="s">
        <v>22</v>
      </c>
      <c r="U558" s="10" t="s">
        <v>22</v>
      </c>
      <c r="V558" s="10" t="s">
        <v>22</v>
      </c>
      <c r="W558" s="10" t="s">
        <v>22</v>
      </c>
      <c r="X558" s="10" t="s">
        <v>22</v>
      </c>
      <c r="Y558" s="10" t="s">
        <v>22</v>
      </c>
      <c r="Z558" s="10" t="s">
        <v>22</v>
      </c>
    </row>
    <row r="559" spans="1:26" ht="24" customHeight="1" x14ac:dyDescent="0.2">
      <c r="A559" s="9" t="s">
        <v>17839</v>
      </c>
      <c r="B559" s="9" t="s">
        <v>14</v>
      </c>
      <c r="C559" s="9" t="s">
        <v>2632</v>
      </c>
      <c r="D559" s="6" t="s">
        <v>2633</v>
      </c>
      <c r="E559" s="22">
        <v>45086</v>
      </c>
      <c r="F559" s="22">
        <v>46912</v>
      </c>
      <c r="G559" s="6" t="s">
        <v>2634</v>
      </c>
      <c r="H559" s="6" t="s">
        <v>62</v>
      </c>
      <c r="I559" s="6" t="s">
        <v>186</v>
      </c>
      <c r="J559" s="6" t="s">
        <v>2635</v>
      </c>
      <c r="K559" s="9" t="s">
        <v>2636</v>
      </c>
      <c r="L559" s="10" t="s">
        <v>22</v>
      </c>
      <c r="M559" s="10" t="s">
        <v>22</v>
      </c>
      <c r="N559" s="10" t="s">
        <v>22</v>
      </c>
      <c r="O559" s="10" t="s">
        <v>22</v>
      </c>
      <c r="P559" s="10" t="s">
        <v>22</v>
      </c>
      <c r="Q559" s="10" t="s">
        <v>22</v>
      </c>
      <c r="R559" s="10" t="s">
        <v>22</v>
      </c>
      <c r="S559" s="10" t="s">
        <v>22</v>
      </c>
      <c r="T559" s="10" t="s">
        <v>22</v>
      </c>
      <c r="U559" s="10" t="s">
        <v>22</v>
      </c>
      <c r="V559" s="10" t="s">
        <v>22</v>
      </c>
      <c r="W559" s="10" t="s">
        <v>22</v>
      </c>
      <c r="X559" s="10" t="s">
        <v>22</v>
      </c>
      <c r="Y559" s="10" t="s">
        <v>22</v>
      </c>
      <c r="Z559" s="10" t="s">
        <v>22</v>
      </c>
    </row>
    <row r="560" spans="1:26" ht="24" customHeight="1" x14ac:dyDescent="0.2">
      <c r="A560" s="9" t="s">
        <v>17840</v>
      </c>
      <c r="B560" s="9" t="s">
        <v>14</v>
      </c>
      <c r="C560" s="9" t="s">
        <v>2637</v>
      </c>
      <c r="D560" s="6" t="s">
        <v>2638</v>
      </c>
      <c r="E560" s="22">
        <v>45086</v>
      </c>
      <c r="F560" s="22">
        <v>46912</v>
      </c>
      <c r="G560" s="6" t="s">
        <v>2639</v>
      </c>
      <c r="H560" s="6" t="s">
        <v>202</v>
      </c>
      <c r="I560" s="6" t="s">
        <v>863</v>
      </c>
      <c r="J560" s="6" t="s">
        <v>2640</v>
      </c>
      <c r="K560" s="9" t="s">
        <v>2641</v>
      </c>
      <c r="L560" s="10" t="s">
        <v>22</v>
      </c>
      <c r="M560" s="10" t="s">
        <v>22</v>
      </c>
      <c r="N560" s="10" t="s">
        <v>22</v>
      </c>
      <c r="O560" s="10" t="s">
        <v>22</v>
      </c>
      <c r="P560" s="10" t="s">
        <v>22</v>
      </c>
      <c r="Q560" s="10" t="s">
        <v>22</v>
      </c>
      <c r="R560" s="10" t="s">
        <v>22</v>
      </c>
      <c r="S560" s="10" t="s">
        <v>22</v>
      </c>
      <c r="T560" s="10" t="s">
        <v>22</v>
      </c>
      <c r="U560" s="10" t="s">
        <v>22</v>
      </c>
      <c r="V560" s="10" t="s">
        <v>22</v>
      </c>
      <c r="W560" s="10" t="s">
        <v>22</v>
      </c>
      <c r="X560" s="10" t="s">
        <v>22</v>
      </c>
      <c r="Y560" s="10" t="s">
        <v>22</v>
      </c>
      <c r="Z560" s="10" t="s">
        <v>22</v>
      </c>
    </row>
    <row r="561" spans="1:26" ht="34" customHeight="1" x14ac:dyDescent="0.2">
      <c r="A561" s="9" t="s">
        <v>17841</v>
      </c>
      <c r="B561" s="9" t="s">
        <v>14</v>
      </c>
      <c r="C561" s="9" t="s">
        <v>2642</v>
      </c>
      <c r="D561" s="6" t="s">
        <v>2643</v>
      </c>
      <c r="E561" s="22">
        <v>45096</v>
      </c>
      <c r="F561" s="22">
        <v>46922</v>
      </c>
      <c r="G561" s="6" t="s">
        <v>2644</v>
      </c>
      <c r="H561" s="6" t="s">
        <v>18</v>
      </c>
      <c r="I561" s="6" t="s">
        <v>26</v>
      </c>
      <c r="J561" s="6" t="s">
        <v>2645</v>
      </c>
      <c r="K561" s="9" t="s">
        <v>2646</v>
      </c>
      <c r="L561" s="10" t="s">
        <v>22</v>
      </c>
      <c r="M561" s="10" t="s">
        <v>22</v>
      </c>
      <c r="N561" s="10" t="s">
        <v>22</v>
      </c>
      <c r="O561" s="10" t="s">
        <v>22</v>
      </c>
      <c r="P561" s="10" t="s">
        <v>22</v>
      </c>
      <c r="Q561" s="10" t="s">
        <v>22</v>
      </c>
      <c r="R561" s="10" t="s">
        <v>22</v>
      </c>
      <c r="S561" s="10" t="s">
        <v>22</v>
      </c>
      <c r="T561" s="10" t="s">
        <v>22</v>
      </c>
      <c r="U561" s="10" t="s">
        <v>22</v>
      </c>
      <c r="V561" s="10" t="s">
        <v>22</v>
      </c>
      <c r="W561" s="10" t="s">
        <v>22</v>
      </c>
      <c r="X561" s="10" t="s">
        <v>22</v>
      </c>
      <c r="Y561" s="10" t="s">
        <v>22</v>
      </c>
      <c r="Z561" s="10" t="s">
        <v>22</v>
      </c>
    </row>
    <row r="562" spans="1:26" ht="24" customHeight="1" x14ac:dyDescent="0.2">
      <c r="A562" s="9" t="s">
        <v>17842</v>
      </c>
      <c r="B562" s="9" t="s">
        <v>14</v>
      </c>
      <c r="C562" s="9" t="s">
        <v>2642</v>
      </c>
      <c r="D562" s="6" t="s">
        <v>2643</v>
      </c>
      <c r="E562" s="22">
        <v>45096</v>
      </c>
      <c r="F562" s="22">
        <v>46922</v>
      </c>
      <c r="G562" s="6" t="s">
        <v>2647</v>
      </c>
      <c r="H562" s="6" t="s">
        <v>18</v>
      </c>
      <c r="I562" s="6" t="s">
        <v>26</v>
      </c>
      <c r="J562" s="6" t="s">
        <v>2648</v>
      </c>
      <c r="K562" s="9" t="s">
        <v>2649</v>
      </c>
      <c r="L562" s="10" t="s">
        <v>22</v>
      </c>
      <c r="M562" s="10" t="s">
        <v>22</v>
      </c>
      <c r="N562" s="10" t="s">
        <v>22</v>
      </c>
      <c r="O562" s="10" t="s">
        <v>22</v>
      </c>
      <c r="P562" s="10" t="s">
        <v>22</v>
      </c>
      <c r="Q562" s="10" t="s">
        <v>22</v>
      </c>
      <c r="R562" s="10" t="s">
        <v>22</v>
      </c>
      <c r="S562" s="10" t="s">
        <v>22</v>
      </c>
      <c r="T562" s="10" t="s">
        <v>22</v>
      </c>
      <c r="U562" s="10" t="s">
        <v>22</v>
      </c>
      <c r="V562" s="10" t="s">
        <v>22</v>
      </c>
      <c r="W562" s="10" t="s">
        <v>22</v>
      </c>
      <c r="X562" s="10" t="s">
        <v>22</v>
      </c>
      <c r="Y562" s="10" t="s">
        <v>22</v>
      </c>
      <c r="Z562" s="10" t="s">
        <v>22</v>
      </c>
    </row>
    <row r="563" spans="1:26" ht="24" customHeight="1" x14ac:dyDescent="0.2">
      <c r="A563" s="9" t="s">
        <v>17843</v>
      </c>
      <c r="B563" s="9" t="s">
        <v>14</v>
      </c>
      <c r="C563" s="9" t="s">
        <v>2650</v>
      </c>
      <c r="D563" s="6" t="s">
        <v>2651</v>
      </c>
      <c r="E563" s="22">
        <v>45102</v>
      </c>
      <c r="F563" s="22">
        <v>46928</v>
      </c>
      <c r="G563" s="6" t="s">
        <v>2652</v>
      </c>
      <c r="H563" s="6" t="s">
        <v>18</v>
      </c>
      <c r="I563" s="6" t="s">
        <v>19</v>
      </c>
      <c r="J563" s="6" t="s">
        <v>2653</v>
      </c>
      <c r="K563" s="9" t="s">
        <v>2654</v>
      </c>
      <c r="L563" s="10" t="s">
        <v>22</v>
      </c>
      <c r="M563" s="10" t="s">
        <v>22</v>
      </c>
      <c r="N563" s="10" t="s">
        <v>22</v>
      </c>
      <c r="O563" s="10" t="s">
        <v>22</v>
      </c>
      <c r="P563" s="10" t="s">
        <v>22</v>
      </c>
      <c r="Q563" s="10" t="s">
        <v>22</v>
      </c>
      <c r="R563" s="10" t="s">
        <v>22</v>
      </c>
      <c r="S563" s="10" t="s">
        <v>22</v>
      </c>
      <c r="T563" s="10" t="s">
        <v>22</v>
      </c>
      <c r="U563" s="10" t="s">
        <v>22</v>
      </c>
      <c r="V563" s="10" t="s">
        <v>22</v>
      </c>
      <c r="W563" s="10" t="s">
        <v>22</v>
      </c>
      <c r="X563" s="10" t="s">
        <v>22</v>
      </c>
      <c r="Y563" s="10" t="s">
        <v>22</v>
      </c>
      <c r="Z563" s="10" t="s">
        <v>22</v>
      </c>
    </row>
    <row r="564" spans="1:26" ht="24" customHeight="1" x14ac:dyDescent="0.2">
      <c r="A564" s="9" t="s">
        <v>17844</v>
      </c>
      <c r="B564" s="9" t="s">
        <v>14</v>
      </c>
      <c r="C564" s="9" t="s">
        <v>2655</v>
      </c>
      <c r="D564" s="6" t="s">
        <v>2656</v>
      </c>
      <c r="E564" s="22">
        <v>45111</v>
      </c>
      <c r="F564" s="22">
        <v>46937</v>
      </c>
      <c r="G564" s="6" t="s">
        <v>2657</v>
      </c>
      <c r="H564" s="6" t="s">
        <v>62</v>
      </c>
      <c r="I564" s="6" t="s">
        <v>842</v>
      </c>
      <c r="J564" s="6" t="s">
        <v>2658</v>
      </c>
      <c r="K564" s="9" t="s">
        <v>2659</v>
      </c>
      <c r="L564" s="10" t="s">
        <v>22</v>
      </c>
      <c r="M564" s="10" t="s">
        <v>22</v>
      </c>
      <c r="N564" s="10" t="s">
        <v>22</v>
      </c>
      <c r="O564" s="10" t="s">
        <v>22</v>
      </c>
      <c r="P564" s="10" t="s">
        <v>22</v>
      </c>
      <c r="Q564" s="10" t="s">
        <v>22</v>
      </c>
      <c r="R564" s="10" t="s">
        <v>22</v>
      </c>
      <c r="S564" s="10" t="s">
        <v>22</v>
      </c>
      <c r="T564" s="10" t="s">
        <v>22</v>
      </c>
      <c r="U564" s="10" t="s">
        <v>22</v>
      </c>
      <c r="V564" s="10" t="s">
        <v>22</v>
      </c>
      <c r="W564" s="10" t="s">
        <v>22</v>
      </c>
      <c r="X564" s="10" t="s">
        <v>22</v>
      </c>
      <c r="Y564" s="10" t="s">
        <v>22</v>
      </c>
      <c r="Z564" s="10" t="s">
        <v>22</v>
      </c>
    </row>
    <row r="565" spans="1:26" ht="24" customHeight="1" x14ac:dyDescent="0.2">
      <c r="A565" s="9" t="s">
        <v>17845</v>
      </c>
      <c r="B565" s="9" t="s">
        <v>14</v>
      </c>
      <c r="C565" s="9" t="s">
        <v>2660</v>
      </c>
      <c r="D565" s="6" t="s">
        <v>2661</v>
      </c>
      <c r="E565" s="22">
        <v>45111</v>
      </c>
      <c r="F565" s="22">
        <v>46937</v>
      </c>
      <c r="G565" s="6" t="s">
        <v>2662</v>
      </c>
      <c r="H565" s="6" t="s">
        <v>62</v>
      </c>
      <c r="I565" s="6" t="s">
        <v>842</v>
      </c>
      <c r="J565" s="6" t="s">
        <v>2663</v>
      </c>
      <c r="K565" s="9" t="s">
        <v>2664</v>
      </c>
      <c r="L565" s="10" t="s">
        <v>22</v>
      </c>
      <c r="M565" s="10" t="s">
        <v>22</v>
      </c>
      <c r="N565" s="10" t="s">
        <v>22</v>
      </c>
      <c r="O565" s="10" t="s">
        <v>22</v>
      </c>
      <c r="P565" s="10" t="s">
        <v>22</v>
      </c>
      <c r="Q565" s="10" t="s">
        <v>22</v>
      </c>
      <c r="U565" s="10" t="s">
        <v>22</v>
      </c>
      <c r="V565" s="10" t="s">
        <v>22</v>
      </c>
      <c r="W565" s="10" t="s">
        <v>22</v>
      </c>
      <c r="X565" s="10" t="s">
        <v>22</v>
      </c>
      <c r="Y565" s="10" t="s">
        <v>22</v>
      </c>
      <c r="Z565" s="10" t="s">
        <v>22</v>
      </c>
    </row>
    <row r="566" spans="1:26" ht="24" customHeight="1" x14ac:dyDescent="0.2">
      <c r="A566" s="9" t="s">
        <v>17846</v>
      </c>
      <c r="B566" s="9" t="s">
        <v>14</v>
      </c>
      <c r="C566" s="9" t="s">
        <v>2665</v>
      </c>
      <c r="D566" s="6" t="s">
        <v>2666</v>
      </c>
      <c r="E566" s="22">
        <v>45115</v>
      </c>
      <c r="F566" s="22">
        <v>46941</v>
      </c>
      <c r="G566" s="6" t="s">
        <v>2667</v>
      </c>
      <c r="H566" s="6" t="s">
        <v>18</v>
      </c>
      <c r="I566" s="6" t="s">
        <v>19</v>
      </c>
      <c r="J566" s="6" t="s">
        <v>2668</v>
      </c>
      <c r="K566" s="9" t="s">
        <v>2669</v>
      </c>
      <c r="L566" s="10" t="s">
        <v>22</v>
      </c>
      <c r="M566" s="10" t="s">
        <v>22</v>
      </c>
      <c r="N566" s="10" t="s">
        <v>22</v>
      </c>
      <c r="O566" s="10" t="s">
        <v>22</v>
      </c>
      <c r="P566" s="10" t="s">
        <v>22</v>
      </c>
      <c r="Q566" s="10" t="s">
        <v>22</v>
      </c>
      <c r="U566" s="10" t="s">
        <v>22</v>
      </c>
      <c r="V566" s="10" t="s">
        <v>22</v>
      </c>
      <c r="W566" s="10" t="s">
        <v>22</v>
      </c>
    </row>
    <row r="567" spans="1:26" ht="24" customHeight="1" x14ac:dyDescent="0.2">
      <c r="A567" s="9" t="s">
        <v>17847</v>
      </c>
      <c r="B567" s="9" t="s">
        <v>14</v>
      </c>
      <c r="C567" s="9" t="s">
        <v>2670</v>
      </c>
      <c r="D567" s="6" t="s">
        <v>2671</v>
      </c>
      <c r="E567" s="22">
        <v>45115</v>
      </c>
      <c r="F567" s="22">
        <v>46941</v>
      </c>
      <c r="G567" s="6" t="s">
        <v>2672</v>
      </c>
      <c r="H567" s="6" t="s">
        <v>18</v>
      </c>
      <c r="I567" s="6" t="s">
        <v>19</v>
      </c>
      <c r="J567" s="6" t="s">
        <v>2673</v>
      </c>
      <c r="K567" s="9" t="s">
        <v>2674</v>
      </c>
      <c r="L567" s="10" t="s">
        <v>22</v>
      </c>
      <c r="M567" s="10" t="s">
        <v>22</v>
      </c>
      <c r="N567" s="10" t="s">
        <v>22</v>
      </c>
      <c r="O567" s="10" t="s">
        <v>22</v>
      </c>
      <c r="P567" s="10" t="s">
        <v>22</v>
      </c>
      <c r="Q567" s="10" t="s">
        <v>22</v>
      </c>
      <c r="R567" s="10" t="s">
        <v>22</v>
      </c>
      <c r="S567" s="10" t="s">
        <v>22</v>
      </c>
      <c r="T567" s="10" t="s">
        <v>22</v>
      </c>
      <c r="U567" s="10" t="s">
        <v>22</v>
      </c>
      <c r="V567" s="10" t="s">
        <v>22</v>
      </c>
      <c r="W567" s="10" t="s">
        <v>22</v>
      </c>
      <c r="X567" s="10" t="s">
        <v>22</v>
      </c>
      <c r="Y567" s="10" t="s">
        <v>22</v>
      </c>
      <c r="Z567" s="10" t="s">
        <v>22</v>
      </c>
    </row>
    <row r="568" spans="1:26" ht="24" customHeight="1" x14ac:dyDescent="0.2">
      <c r="A568" s="9" t="s">
        <v>17848</v>
      </c>
      <c r="B568" s="9" t="s">
        <v>14</v>
      </c>
      <c r="C568" s="9" t="s">
        <v>2675</v>
      </c>
      <c r="D568" s="6" t="s">
        <v>2676</v>
      </c>
      <c r="E568" s="22">
        <v>45118</v>
      </c>
      <c r="F568" s="22">
        <v>46944</v>
      </c>
      <c r="G568" s="6" t="s">
        <v>2677</v>
      </c>
      <c r="H568" s="6" t="s">
        <v>363</v>
      </c>
      <c r="I568" s="6" t="s">
        <v>2678</v>
      </c>
      <c r="J568" s="6" t="s">
        <v>2679</v>
      </c>
      <c r="K568" s="9" t="s">
        <v>2680</v>
      </c>
      <c r="L568" s="10" t="s">
        <v>22</v>
      </c>
      <c r="M568" s="10" t="s">
        <v>22</v>
      </c>
      <c r="N568" s="10" t="s">
        <v>22</v>
      </c>
      <c r="O568" s="10" t="s">
        <v>22</v>
      </c>
      <c r="P568" s="10" t="s">
        <v>22</v>
      </c>
      <c r="Q568" s="10" t="s">
        <v>22</v>
      </c>
      <c r="R568" s="10" t="s">
        <v>22</v>
      </c>
      <c r="S568" s="10" t="s">
        <v>22</v>
      </c>
      <c r="T568" s="10" t="s">
        <v>22</v>
      </c>
      <c r="U568" s="10" t="s">
        <v>22</v>
      </c>
      <c r="V568" s="10" t="s">
        <v>22</v>
      </c>
      <c r="W568" s="10" t="s">
        <v>22</v>
      </c>
      <c r="X568" s="10" t="s">
        <v>22</v>
      </c>
      <c r="Y568" s="10" t="s">
        <v>22</v>
      </c>
      <c r="Z568" s="10" t="s">
        <v>22</v>
      </c>
    </row>
    <row r="569" spans="1:26" ht="24" customHeight="1" x14ac:dyDescent="0.2">
      <c r="A569" s="9" t="s">
        <v>17849</v>
      </c>
      <c r="B569" s="9" t="s">
        <v>14</v>
      </c>
      <c r="C569" s="9" t="s">
        <v>2681</v>
      </c>
      <c r="D569" s="6" t="s">
        <v>2682</v>
      </c>
      <c r="E569" s="22">
        <v>45118</v>
      </c>
      <c r="F569" s="22">
        <v>46944</v>
      </c>
      <c r="G569" s="6" t="s">
        <v>2683</v>
      </c>
      <c r="H569" s="6" t="s">
        <v>18</v>
      </c>
      <c r="I569" s="6" t="s">
        <v>26</v>
      </c>
      <c r="J569" s="6" t="s">
        <v>2684</v>
      </c>
      <c r="K569" s="9" t="s">
        <v>2685</v>
      </c>
      <c r="L569" s="10" t="s">
        <v>22</v>
      </c>
      <c r="M569" s="10" t="s">
        <v>22</v>
      </c>
      <c r="N569" s="10" t="s">
        <v>22</v>
      </c>
      <c r="O569" s="10" t="s">
        <v>22</v>
      </c>
      <c r="P569" s="10" t="s">
        <v>22</v>
      </c>
      <c r="Q569" s="10" t="s">
        <v>22</v>
      </c>
      <c r="U569" s="10" t="s">
        <v>22</v>
      </c>
      <c r="V569" s="10" t="s">
        <v>22</v>
      </c>
      <c r="W569" s="10" t="s">
        <v>22</v>
      </c>
      <c r="X569" s="10" t="s">
        <v>22</v>
      </c>
      <c r="Y569" s="10" t="s">
        <v>22</v>
      </c>
      <c r="Z569" s="10" t="s">
        <v>22</v>
      </c>
    </row>
    <row r="570" spans="1:26" ht="24" customHeight="1" x14ac:dyDescent="0.2">
      <c r="A570" s="9" t="s">
        <v>17850</v>
      </c>
      <c r="B570" s="9" t="s">
        <v>14</v>
      </c>
      <c r="C570" s="9" t="s">
        <v>2686</v>
      </c>
      <c r="D570" s="6" t="s">
        <v>2687</v>
      </c>
      <c r="E570" s="22">
        <v>45131</v>
      </c>
      <c r="F570" s="22">
        <v>46957</v>
      </c>
      <c r="G570" s="6" t="s">
        <v>2688</v>
      </c>
      <c r="H570" s="6" t="s">
        <v>363</v>
      </c>
      <c r="I570" s="6" t="s">
        <v>364</v>
      </c>
      <c r="J570" s="6" t="s">
        <v>2689</v>
      </c>
      <c r="K570" s="9" t="s">
        <v>2690</v>
      </c>
      <c r="L570" s="10" t="s">
        <v>22</v>
      </c>
      <c r="M570" s="10" t="s">
        <v>22</v>
      </c>
      <c r="N570" s="10" t="s">
        <v>22</v>
      </c>
      <c r="O570" s="10" t="s">
        <v>22</v>
      </c>
      <c r="P570" s="10" t="s">
        <v>22</v>
      </c>
      <c r="Q570" s="10" t="s">
        <v>22</v>
      </c>
      <c r="R570" s="10" t="s">
        <v>22</v>
      </c>
      <c r="S570" s="10" t="s">
        <v>22</v>
      </c>
      <c r="T570" s="10" t="s">
        <v>22</v>
      </c>
    </row>
    <row r="571" spans="1:26" ht="24" customHeight="1" x14ac:dyDescent="0.2">
      <c r="A571" s="9" t="s">
        <v>17851</v>
      </c>
      <c r="B571" s="9" t="s">
        <v>14</v>
      </c>
      <c r="C571" s="9" t="s">
        <v>2691</v>
      </c>
      <c r="D571" s="6" t="s">
        <v>2692</v>
      </c>
      <c r="E571" s="22">
        <v>45137</v>
      </c>
      <c r="F571" s="22">
        <v>46963</v>
      </c>
      <c r="G571" s="6" t="s">
        <v>2693</v>
      </c>
      <c r="H571" s="6" t="s">
        <v>202</v>
      </c>
      <c r="I571" s="6" t="s">
        <v>863</v>
      </c>
      <c r="J571" s="6" t="s">
        <v>2694</v>
      </c>
      <c r="K571" s="9" t="s">
        <v>2695</v>
      </c>
      <c r="L571" s="10" t="s">
        <v>22</v>
      </c>
      <c r="M571" s="10" t="s">
        <v>22</v>
      </c>
      <c r="N571" s="10" t="s">
        <v>22</v>
      </c>
      <c r="O571" s="10" t="s">
        <v>22</v>
      </c>
      <c r="P571" s="10" t="s">
        <v>22</v>
      </c>
      <c r="Q571" s="10" t="s">
        <v>22</v>
      </c>
      <c r="R571" s="10" t="s">
        <v>22</v>
      </c>
      <c r="S571" s="10" t="s">
        <v>22</v>
      </c>
      <c r="T571" s="10" t="s">
        <v>22</v>
      </c>
      <c r="U571" s="10" t="s">
        <v>22</v>
      </c>
      <c r="V571" s="10" t="s">
        <v>22</v>
      </c>
      <c r="W571" s="10" t="s">
        <v>22</v>
      </c>
      <c r="X571" s="10" t="s">
        <v>22</v>
      </c>
      <c r="Y571" s="10" t="s">
        <v>22</v>
      </c>
      <c r="Z571" s="10" t="s">
        <v>22</v>
      </c>
    </row>
    <row r="572" spans="1:26" ht="24" customHeight="1" x14ac:dyDescent="0.2">
      <c r="A572" s="9" t="s">
        <v>17852</v>
      </c>
      <c r="B572" s="9" t="s">
        <v>14</v>
      </c>
      <c r="C572" s="9" t="s">
        <v>2696</v>
      </c>
      <c r="D572" s="6" t="s">
        <v>2697</v>
      </c>
      <c r="E572" s="22">
        <v>45145</v>
      </c>
      <c r="F572" s="22">
        <v>46971</v>
      </c>
      <c r="G572" s="6" t="s">
        <v>2698</v>
      </c>
      <c r="H572" s="6" t="s">
        <v>2368</v>
      </c>
      <c r="I572" s="6" t="s">
        <v>2699</v>
      </c>
      <c r="J572" s="6" t="s">
        <v>2700</v>
      </c>
      <c r="K572" s="9" t="s">
        <v>2701</v>
      </c>
      <c r="L572" s="10" t="s">
        <v>22</v>
      </c>
      <c r="M572" s="10" t="s">
        <v>22</v>
      </c>
      <c r="N572" s="10" t="s">
        <v>22</v>
      </c>
      <c r="O572" s="10" t="s">
        <v>22</v>
      </c>
      <c r="P572" s="10" t="s">
        <v>22</v>
      </c>
      <c r="Q572" s="10" t="s">
        <v>22</v>
      </c>
      <c r="R572" s="10" t="s">
        <v>22</v>
      </c>
      <c r="S572" s="10" t="s">
        <v>22</v>
      </c>
      <c r="T572" s="10" t="s">
        <v>22</v>
      </c>
      <c r="U572" s="10" t="s">
        <v>22</v>
      </c>
      <c r="V572" s="10" t="s">
        <v>22</v>
      </c>
      <c r="W572" s="10" t="s">
        <v>22</v>
      </c>
      <c r="X572" s="10" t="s">
        <v>22</v>
      </c>
      <c r="Y572" s="10" t="s">
        <v>22</v>
      </c>
      <c r="Z572" s="10" t="s">
        <v>22</v>
      </c>
    </row>
    <row r="573" spans="1:26" ht="24" customHeight="1" x14ac:dyDescent="0.2">
      <c r="A573" s="9" t="s">
        <v>17853</v>
      </c>
      <c r="B573" s="9" t="s">
        <v>14</v>
      </c>
      <c r="C573" s="9" t="s">
        <v>2702</v>
      </c>
      <c r="D573" s="6" t="s">
        <v>2703</v>
      </c>
      <c r="E573" s="22">
        <v>45158</v>
      </c>
      <c r="F573" s="22">
        <v>46984</v>
      </c>
      <c r="G573" s="6" t="s">
        <v>2704</v>
      </c>
      <c r="H573" s="6" t="s">
        <v>62</v>
      </c>
      <c r="I573" s="6" t="s">
        <v>2705</v>
      </c>
      <c r="J573" s="6" t="s">
        <v>2706</v>
      </c>
      <c r="L573" s="10" t="s">
        <v>22</v>
      </c>
      <c r="M573" s="10" t="s">
        <v>22</v>
      </c>
      <c r="N573" s="10" t="s">
        <v>22</v>
      </c>
      <c r="O573" s="10" t="s">
        <v>22</v>
      </c>
      <c r="P573" s="10" t="s">
        <v>22</v>
      </c>
      <c r="Q573" s="10" t="s">
        <v>22</v>
      </c>
    </row>
    <row r="574" spans="1:26" ht="24" customHeight="1" x14ac:dyDescent="0.2">
      <c r="A574" s="9" t="s">
        <v>17854</v>
      </c>
      <c r="B574" s="9" t="s">
        <v>14</v>
      </c>
      <c r="C574" s="9" t="s">
        <v>2707</v>
      </c>
      <c r="D574" s="6" t="s">
        <v>2708</v>
      </c>
      <c r="E574" s="22">
        <v>45172</v>
      </c>
      <c r="F574" s="22">
        <v>46998</v>
      </c>
      <c r="G574" s="6" t="s">
        <v>2709</v>
      </c>
      <c r="H574" s="6" t="s">
        <v>2368</v>
      </c>
      <c r="I574" s="6" t="s">
        <v>2710</v>
      </c>
      <c r="J574" s="6" t="s">
        <v>2711</v>
      </c>
      <c r="K574" s="9" t="s">
        <v>2712</v>
      </c>
      <c r="L574" s="10" t="s">
        <v>22</v>
      </c>
      <c r="M574" s="10" t="s">
        <v>22</v>
      </c>
      <c r="N574" s="10" t="s">
        <v>22</v>
      </c>
      <c r="O574" s="10" t="s">
        <v>22</v>
      </c>
      <c r="P574" s="10" t="s">
        <v>22</v>
      </c>
      <c r="Q574" s="10" t="s">
        <v>22</v>
      </c>
      <c r="U574" s="10" t="s">
        <v>22</v>
      </c>
      <c r="V574" s="10" t="s">
        <v>22</v>
      </c>
      <c r="W574" s="10" t="s">
        <v>22</v>
      </c>
      <c r="X574" s="10" t="s">
        <v>22</v>
      </c>
      <c r="Y574" s="10" t="s">
        <v>22</v>
      </c>
      <c r="Z574" s="10" t="s">
        <v>22</v>
      </c>
    </row>
    <row r="575" spans="1:26" ht="24" customHeight="1" x14ac:dyDescent="0.2">
      <c r="A575" s="9" t="s">
        <v>17855</v>
      </c>
      <c r="B575" s="9" t="s">
        <v>14</v>
      </c>
      <c r="C575" s="9" t="s">
        <v>2713</v>
      </c>
      <c r="D575" s="6" t="s">
        <v>2714</v>
      </c>
      <c r="E575" s="22">
        <v>45182</v>
      </c>
      <c r="F575" s="22">
        <v>47008</v>
      </c>
      <c r="G575" s="6" t="s">
        <v>2715</v>
      </c>
      <c r="H575" s="6" t="s">
        <v>62</v>
      </c>
      <c r="I575" s="6" t="s">
        <v>1816</v>
      </c>
      <c r="J575" s="6" t="s">
        <v>20947</v>
      </c>
      <c r="K575" s="9" t="s">
        <v>2716</v>
      </c>
      <c r="L575" s="10" t="s">
        <v>22</v>
      </c>
      <c r="M575" s="10" t="s">
        <v>22</v>
      </c>
      <c r="N575" s="10" t="s">
        <v>22</v>
      </c>
      <c r="O575" s="10" t="s">
        <v>22</v>
      </c>
      <c r="P575" s="10" t="s">
        <v>22</v>
      </c>
      <c r="Q575" s="10" t="s">
        <v>22</v>
      </c>
      <c r="R575" s="10" t="s">
        <v>22</v>
      </c>
      <c r="S575" s="10" t="s">
        <v>22</v>
      </c>
      <c r="T575" s="10" t="s">
        <v>22</v>
      </c>
      <c r="U575" s="10" t="s">
        <v>22</v>
      </c>
      <c r="V575" s="10" t="s">
        <v>22</v>
      </c>
      <c r="W575" s="10" t="s">
        <v>22</v>
      </c>
      <c r="X575" s="10" t="s">
        <v>22</v>
      </c>
      <c r="Y575" s="10" t="s">
        <v>22</v>
      </c>
      <c r="Z575" s="10" t="s">
        <v>22</v>
      </c>
    </row>
    <row r="576" spans="1:26" ht="24" customHeight="1" x14ac:dyDescent="0.2">
      <c r="A576" s="9" t="s">
        <v>17856</v>
      </c>
      <c r="B576" s="9" t="s">
        <v>14</v>
      </c>
      <c r="C576" s="9" t="s">
        <v>2717</v>
      </c>
      <c r="D576" s="6" t="s">
        <v>2718</v>
      </c>
      <c r="E576" s="22">
        <v>45199</v>
      </c>
      <c r="F576" s="22">
        <v>47025</v>
      </c>
      <c r="G576" s="6" t="s">
        <v>2719</v>
      </c>
      <c r="H576" s="6" t="s">
        <v>62</v>
      </c>
      <c r="I576" s="6" t="s">
        <v>63</v>
      </c>
      <c r="J576" s="6" t="s">
        <v>2720</v>
      </c>
      <c r="K576" s="9" t="s">
        <v>2721</v>
      </c>
      <c r="L576" s="10" t="s">
        <v>22</v>
      </c>
      <c r="M576" s="10" t="s">
        <v>22</v>
      </c>
      <c r="N576" s="10" t="s">
        <v>22</v>
      </c>
      <c r="O576" s="10" t="s">
        <v>22</v>
      </c>
      <c r="P576" s="10" t="s">
        <v>22</v>
      </c>
      <c r="Q576" s="10" t="s">
        <v>22</v>
      </c>
      <c r="R576" s="10" t="s">
        <v>22</v>
      </c>
      <c r="S576" s="10" t="s">
        <v>22</v>
      </c>
      <c r="T576" s="10" t="s">
        <v>22</v>
      </c>
      <c r="U576" s="10" t="s">
        <v>22</v>
      </c>
      <c r="V576" s="10" t="s">
        <v>22</v>
      </c>
      <c r="W576" s="10" t="s">
        <v>22</v>
      </c>
      <c r="X576" s="10" t="s">
        <v>22</v>
      </c>
      <c r="Y576" s="10" t="s">
        <v>22</v>
      </c>
      <c r="Z576" s="10" t="s">
        <v>22</v>
      </c>
    </row>
    <row r="577" spans="1:26" ht="24" customHeight="1" x14ac:dyDescent="0.2">
      <c r="A577" s="9" t="s">
        <v>17857</v>
      </c>
      <c r="B577" s="9" t="s">
        <v>14</v>
      </c>
      <c r="C577" s="9" t="s">
        <v>2722</v>
      </c>
      <c r="D577" s="6" t="s">
        <v>2723</v>
      </c>
      <c r="E577" s="22">
        <v>45199</v>
      </c>
      <c r="F577" s="22">
        <v>47025</v>
      </c>
      <c r="G577" s="6" t="s">
        <v>2724</v>
      </c>
      <c r="H577" s="6" t="s">
        <v>18</v>
      </c>
      <c r="I577" s="6" t="s">
        <v>392</v>
      </c>
      <c r="J577" s="6" t="s">
        <v>2725</v>
      </c>
      <c r="K577" s="9" t="s">
        <v>2726</v>
      </c>
      <c r="L577" s="10" t="s">
        <v>22</v>
      </c>
      <c r="M577" s="10" t="s">
        <v>22</v>
      </c>
      <c r="N577" s="10" t="s">
        <v>22</v>
      </c>
      <c r="O577" s="10" t="s">
        <v>22</v>
      </c>
      <c r="P577" s="10" t="s">
        <v>22</v>
      </c>
      <c r="Q577" s="10" t="s">
        <v>22</v>
      </c>
    </row>
    <row r="578" spans="1:26" ht="24" customHeight="1" x14ac:dyDescent="0.2">
      <c r="A578" s="9" t="s">
        <v>17858</v>
      </c>
      <c r="B578" s="9" t="s">
        <v>14</v>
      </c>
      <c r="C578" s="9" t="s">
        <v>2722</v>
      </c>
      <c r="D578" s="6" t="s">
        <v>2723</v>
      </c>
      <c r="E578" s="22">
        <v>45199</v>
      </c>
      <c r="F578" s="22">
        <v>47025</v>
      </c>
      <c r="G578" s="6" t="s">
        <v>2727</v>
      </c>
      <c r="H578" s="6" t="s">
        <v>18</v>
      </c>
      <c r="I578" s="6" t="s">
        <v>26</v>
      </c>
      <c r="J578" s="6" t="s">
        <v>2728</v>
      </c>
      <c r="K578" s="9" t="s">
        <v>2729</v>
      </c>
      <c r="L578" s="10" t="s">
        <v>22</v>
      </c>
      <c r="M578" s="10" t="s">
        <v>22</v>
      </c>
      <c r="N578" s="10" t="s">
        <v>22</v>
      </c>
      <c r="O578" s="10" t="s">
        <v>22</v>
      </c>
      <c r="P578" s="10" t="s">
        <v>22</v>
      </c>
      <c r="Q578" s="10" t="s">
        <v>22</v>
      </c>
    </row>
    <row r="579" spans="1:26" ht="24" customHeight="1" x14ac:dyDescent="0.2">
      <c r="A579" s="9" t="s">
        <v>17859</v>
      </c>
      <c r="B579" s="9" t="s">
        <v>14</v>
      </c>
      <c r="C579" s="9" t="s">
        <v>2730</v>
      </c>
      <c r="D579" s="6" t="s">
        <v>2731</v>
      </c>
      <c r="E579" s="22">
        <v>45209</v>
      </c>
      <c r="F579" s="22">
        <v>47035</v>
      </c>
      <c r="G579" s="6" t="s">
        <v>2732</v>
      </c>
      <c r="H579" s="6" t="s">
        <v>62</v>
      </c>
      <c r="I579" s="6" t="s">
        <v>73</v>
      </c>
      <c r="J579" s="6" t="s">
        <v>2733</v>
      </c>
      <c r="K579" s="9" t="s">
        <v>2734</v>
      </c>
      <c r="L579" s="10" t="s">
        <v>22</v>
      </c>
      <c r="M579" s="10" t="s">
        <v>22</v>
      </c>
      <c r="N579" s="10" t="s">
        <v>22</v>
      </c>
      <c r="O579" s="10" t="s">
        <v>22</v>
      </c>
      <c r="P579" s="10" t="s">
        <v>22</v>
      </c>
      <c r="Q579" s="10" t="s">
        <v>22</v>
      </c>
      <c r="U579" s="10" t="s">
        <v>22</v>
      </c>
      <c r="V579" s="10" t="s">
        <v>22</v>
      </c>
      <c r="W579" s="10" t="s">
        <v>22</v>
      </c>
      <c r="X579" s="10" t="s">
        <v>22</v>
      </c>
      <c r="Y579" s="10" t="s">
        <v>22</v>
      </c>
      <c r="Z579" s="10" t="s">
        <v>22</v>
      </c>
    </row>
    <row r="580" spans="1:26" ht="24" customHeight="1" x14ac:dyDescent="0.2">
      <c r="A580" s="9" t="s">
        <v>17860</v>
      </c>
      <c r="B580" s="9" t="s">
        <v>14</v>
      </c>
      <c r="C580" s="9" t="s">
        <v>2735</v>
      </c>
      <c r="D580" s="6" t="s">
        <v>2736</v>
      </c>
      <c r="E580" s="22">
        <v>45220</v>
      </c>
      <c r="F580" s="22">
        <v>47046</v>
      </c>
      <c r="G580" s="6" t="s">
        <v>2737</v>
      </c>
      <c r="H580" s="6" t="s">
        <v>18</v>
      </c>
      <c r="I580" s="6" t="s">
        <v>19</v>
      </c>
      <c r="J580" s="6" t="s">
        <v>2738</v>
      </c>
      <c r="K580" s="9" t="s">
        <v>2739</v>
      </c>
      <c r="L580" s="10" t="s">
        <v>22</v>
      </c>
      <c r="M580" s="10" t="s">
        <v>22</v>
      </c>
      <c r="N580" s="10" t="s">
        <v>22</v>
      </c>
      <c r="O580" s="10" t="s">
        <v>22</v>
      </c>
      <c r="P580" s="10" t="s">
        <v>22</v>
      </c>
      <c r="Q580" s="10" t="s">
        <v>22</v>
      </c>
      <c r="R580" s="10" t="s">
        <v>22</v>
      </c>
      <c r="S580" s="10" t="s">
        <v>22</v>
      </c>
      <c r="T580" s="10" t="s">
        <v>22</v>
      </c>
      <c r="U580" s="10" t="s">
        <v>22</v>
      </c>
      <c r="V580" s="10" t="s">
        <v>22</v>
      </c>
      <c r="W580" s="10" t="s">
        <v>22</v>
      </c>
      <c r="X580" s="10" t="s">
        <v>22</v>
      </c>
      <c r="Y580" s="10" t="s">
        <v>22</v>
      </c>
      <c r="Z580" s="10" t="s">
        <v>22</v>
      </c>
    </row>
    <row r="581" spans="1:26" ht="24" customHeight="1" x14ac:dyDescent="0.2">
      <c r="A581" s="9" t="s">
        <v>17861</v>
      </c>
      <c r="B581" s="9" t="s">
        <v>14</v>
      </c>
      <c r="C581" s="9" t="s">
        <v>2740</v>
      </c>
      <c r="D581" s="6" t="s">
        <v>2741</v>
      </c>
      <c r="E581" s="22">
        <v>45220</v>
      </c>
      <c r="F581" s="22">
        <v>47046</v>
      </c>
      <c r="G581" s="6" t="s">
        <v>2742</v>
      </c>
      <c r="H581" s="6" t="s">
        <v>18</v>
      </c>
      <c r="I581" s="6" t="s">
        <v>26</v>
      </c>
      <c r="J581" s="6" t="s">
        <v>2743</v>
      </c>
      <c r="K581" s="9" t="s">
        <v>2744</v>
      </c>
      <c r="L581" s="10" t="s">
        <v>22</v>
      </c>
      <c r="M581" s="10" t="s">
        <v>22</v>
      </c>
      <c r="N581" s="10" t="s">
        <v>22</v>
      </c>
      <c r="O581" s="10" t="s">
        <v>22</v>
      </c>
      <c r="P581" s="10" t="s">
        <v>22</v>
      </c>
      <c r="Q581" s="10" t="s">
        <v>22</v>
      </c>
      <c r="R581" s="10" t="s">
        <v>22</v>
      </c>
      <c r="S581" s="10" t="s">
        <v>22</v>
      </c>
      <c r="T581" s="10" t="s">
        <v>22</v>
      </c>
      <c r="U581" s="10" t="s">
        <v>22</v>
      </c>
      <c r="V581" s="10" t="s">
        <v>22</v>
      </c>
      <c r="W581" s="10" t="s">
        <v>22</v>
      </c>
      <c r="X581" s="10" t="s">
        <v>22</v>
      </c>
      <c r="Y581" s="10" t="s">
        <v>22</v>
      </c>
      <c r="Z581" s="10" t="s">
        <v>22</v>
      </c>
    </row>
    <row r="582" spans="1:26" ht="24" customHeight="1" x14ac:dyDescent="0.2">
      <c r="A582" s="9" t="s">
        <v>17862</v>
      </c>
      <c r="B582" s="9" t="s">
        <v>14</v>
      </c>
      <c r="C582" s="9" t="s">
        <v>2745</v>
      </c>
      <c r="D582" s="6" t="s">
        <v>2746</v>
      </c>
      <c r="E582" s="22">
        <v>45228</v>
      </c>
      <c r="F582" s="22">
        <v>47054</v>
      </c>
      <c r="G582" s="6" t="s">
        <v>2747</v>
      </c>
      <c r="H582" s="6" t="s">
        <v>18</v>
      </c>
      <c r="I582" s="6" t="s">
        <v>19</v>
      </c>
      <c r="J582" s="6" t="s">
        <v>2748</v>
      </c>
      <c r="K582" s="9" t="s">
        <v>2749</v>
      </c>
      <c r="L582" s="10" t="s">
        <v>22</v>
      </c>
      <c r="M582" s="10" t="s">
        <v>22</v>
      </c>
      <c r="N582" s="10" t="s">
        <v>22</v>
      </c>
      <c r="O582" s="10" t="s">
        <v>22</v>
      </c>
      <c r="P582" s="10" t="s">
        <v>22</v>
      </c>
      <c r="Q582" s="10" t="s">
        <v>22</v>
      </c>
      <c r="R582" s="10" t="s">
        <v>22</v>
      </c>
      <c r="S582" s="10" t="s">
        <v>22</v>
      </c>
      <c r="T582" s="10" t="s">
        <v>22</v>
      </c>
      <c r="U582" s="10" t="s">
        <v>22</v>
      </c>
      <c r="V582" s="10" t="s">
        <v>22</v>
      </c>
      <c r="W582" s="10" t="s">
        <v>22</v>
      </c>
      <c r="X582" s="10" t="s">
        <v>22</v>
      </c>
      <c r="Y582" s="10" t="s">
        <v>22</v>
      </c>
      <c r="Z582" s="10" t="s">
        <v>22</v>
      </c>
    </row>
    <row r="583" spans="1:26" ht="24" customHeight="1" x14ac:dyDescent="0.2">
      <c r="A583" s="9" t="s">
        <v>17863</v>
      </c>
      <c r="B583" s="9" t="s">
        <v>14</v>
      </c>
      <c r="C583" s="9" t="s">
        <v>2750</v>
      </c>
      <c r="D583" s="6" t="s">
        <v>2751</v>
      </c>
      <c r="E583" s="22">
        <v>45229</v>
      </c>
      <c r="F583" s="22">
        <v>47055</v>
      </c>
      <c r="G583" s="6" t="s">
        <v>2752</v>
      </c>
      <c r="H583" s="6" t="s">
        <v>62</v>
      </c>
      <c r="I583" s="6" t="s">
        <v>2753</v>
      </c>
      <c r="J583" s="6" t="s">
        <v>2754</v>
      </c>
      <c r="L583" s="10" t="s">
        <v>22</v>
      </c>
      <c r="M583" s="10" t="s">
        <v>22</v>
      </c>
      <c r="N583" s="10" t="s">
        <v>22</v>
      </c>
      <c r="O583" s="10" t="s">
        <v>22</v>
      </c>
      <c r="P583" s="10" t="s">
        <v>22</v>
      </c>
      <c r="Q583" s="10" t="s">
        <v>22</v>
      </c>
      <c r="U583" s="10" t="s">
        <v>22</v>
      </c>
      <c r="V583" s="10" t="s">
        <v>22</v>
      </c>
      <c r="W583" s="10" t="s">
        <v>22</v>
      </c>
      <c r="X583" s="10" t="s">
        <v>22</v>
      </c>
      <c r="Y583" s="10" t="s">
        <v>22</v>
      </c>
      <c r="Z583" s="10" t="s">
        <v>22</v>
      </c>
    </row>
    <row r="584" spans="1:26" ht="24" customHeight="1" x14ac:dyDescent="0.2">
      <c r="A584" s="9" t="s">
        <v>17864</v>
      </c>
      <c r="B584" s="9" t="s">
        <v>14</v>
      </c>
      <c r="C584" s="9" t="s">
        <v>2755</v>
      </c>
      <c r="D584" s="6" t="s">
        <v>2756</v>
      </c>
      <c r="E584" s="22">
        <v>45262</v>
      </c>
      <c r="F584" s="22">
        <v>47088</v>
      </c>
      <c r="G584" s="6" t="s">
        <v>2757</v>
      </c>
      <c r="H584" s="6" t="s">
        <v>18</v>
      </c>
      <c r="I584" s="6" t="s">
        <v>19</v>
      </c>
      <c r="J584" s="6" t="s">
        <v>2758</v>
      </c>
      <c r="K584" s="9" t="s">
        <v>2759</v>
      </c>
      <c r="L584" s="10" t="s">
        <v>22</v>
      </c>
      <c r="M584" s="10" t="s">
        <v>22</v>
      </c>
      <c r="N584" s="10" t="s">
        <v>22</v>
      </c>
      <c r="O584" s="10" t="s">
        <v>22</v>
      </c>
      <c r="P584" s="10" t="s">
        <v>22</v>
      </c>
      <c r="Q584" s="10" t="s">
        <v>22</v>
      </c>
      <c r="R584" s="10" t="s">
        <v>22</v>
      </c>
      <c r="S584" s="10" t="s">
        <v>22</v>
      </c>
      <c r="T584" s="10" t="s">
        <v>22</v>
      </c>
      <c r="U584" s="10" t="s">
        <v>22</v>
      </c>
      <c r="V584" s="10" t="s">
        <v>22</v>
      </c>
      <c r="W584" s="10" t="s">
        <v>22</v>
      </c>
      <c r="X584" s="10" t="s">
        <v>22</v>
      </c>
      <c r="Y584" s="10" t="s">
        <v>22</v>
      </c>
      <c r="Z584" s="10" t="s">
        <v>22</v>
      </c>
    </row>
    <row r="585" spans="1:26" ht="24" customHeight="1" x14ac:dyDescent="0.2">
      <c r="A585" s="9" t="s">
        <v>17865</v>
      </c>
      <c r="B585" s="9" t="s">
        <v>14</v>
      </c>
      <c r="C585" s="9" t="s">
        <v>2760</v>
      </c>
      <c r="D585" s="6" t="s">
        <v>2761</v>
      </c>
      <c r="E585" s="22">
        <v>45270</v>
      </c>
      <c r="F585" s="22">
        <v>47096</v>
      </c>
      <c r="G585" s="6" t="s">
        <v>2762</v>
      </c>
      <c r="H585" s="6" t="s">
        <v>18</v>
      </c>
      <c r="I585" s="6" t="s">
        <v>19</v>
      </c>
      <c r="J585" s="6" t="s">
        <v>2763</v>
      </c>
      <c r="K585" s="9" t="s">
        <v>2764</v>
      </c>
      <c r="L585" s="10" t="s">
        <v>22</v>
      </c>
      <c r="M585" s="10" t="s">
        <v>22</v>
      </c>
      <c r="N585" s="10" t="s">
        <v>22</v>
      </c>
      <c r="O585" s="10" t="s">
        <v>22</v>
      </c>
      <c r="P585" s="10" t="s">
        <v>22</v>
      </c>
      <c r="Q585" s="10" t="s">
        <v>22</v>
      </c>
      <c r="R585" s="10" t="s">
        <v>22</v>
      </c>
      <c r="S585" s="10" t="s">
        <v>22</v>
      </c>
      <c r="T585" s="10" t="s">
        <v>22</v>
      </c>
      <c r="U585" s="10" t="s">
        <v>22</v>
      </c>
      <c r="V585" s="10" t="s">
        <v>22</v>
      </c>
      <c r="W585" s="10" t="s">
        <v>22</v>
      </c>
      <c r="X585" s="10" t="s">
        <v>22</v>
      </c>
      <c r="Y585" s="10" t="s">
        <v>22</v>
      </c>
      <c r="Z585" s="10" t="s">
        <v>22</v>
      </c>
    </row>
    <row r="586" spans="1:26" ht="24" customHeight="1" x14ac:dyDescent="0.2">
      <c r="A586" s="9" t="s">
        <v>17866</v>
      </c>
      <c r="B586" s="9" t="s">
        <v>14</v>
      </c>
      <c r="C586" s="9" t="s">
        <v>2765</v>
      </c>
      <c r="D586" s="6" t="s">
        <v>2766</v>
      </c>
      <c r="E586" s="22">
        <v>45286</v>
      </c>
      <c r="F586" s="22">
        <v>47112</v>
      </c>
      <c r="G586" s="6" t="s">
        <v>2767</v>
      </c>
      <c r="H586" s="6" t="s">
        <v>62</v>
      </c>
      <c r="I586" s="6" t="s">
        <v>1066</v>
      </c>
      <c r="J586" s="6" t="s">
        <v>2768</v>
      </c>
      <c r="K586" s="9" t="s">
        <v>2769</v>
      </c>
      <c r="M586" s="10" t="s">
        <v>22</v>
      </c>
      <c r="N586" s="10" t="s">
        <v>22</v>
      </c>
      <c r="O586" s="10" t="s">
        <v>22</v>
      </c>
      <c r="P586" s="10" t="s">
        <v>22</v>
      </c>
      <c r="Q586" s="10" t="s">
        <v>22</v>
      </c>
      <c r="V586" s="10" t="s">
        <v>22</v>
      </c>
      <c r="W586" s="10" t="s">
        <v>22</v>
      </c>
      <c r="X586" s="10" t="s">
        <v>22</v>
      </c>
      <c r="Y586" s="10" t="s">
        <v>22</v>
      </c>
      <c r="Z586" s="10" t="s">
        <v>22</v>
      </c>
    </row>
    <row r="587" spans="1:26" ht="24" customHeight="1" x14ac:dyDescent="0.2">
      <c r="A587" s="9" t="s">
        <v>17867</v>
      </c>
      <c r="B587" s="9" t="s">
        <v>14</v>
      </c>
      <c r="C587" s="9" t="s">
        <v>2770</v>
      </c>
      <c r="D587" s="6" t="s">
        <v>2771</v>
      </c>
      <c r="E587" s="22">
        <v>45360</v>
      </c>
      <c r="F587" s="22">
        <v>47185</v>
      </c>
      <c r="G587" s="6" t="s">
        <v>2772</v>
      </c>
      <c r="H587" s="6" t="s">
        <v>202</v>
      </c>
      <c r="I587" s="6" t="s">
        <v>336</v>
      </c>
      <c r="J587" s="6" t="s">
        <v>2773</v>
      </c>
      <c r="K587" s="9" t="s">
        <v>2774</v>
      </c>
      <c r="L587" s="10" t="s">
        <v>22</v>
      </c>
      <c r="M587" s="10" t="s">
        <v>22</v>
      </c>
      <c r="N587" s="10" t="s">
        <v>22</v>
      </c>
      <c r="O587" s="10" t="s">
        <v>22</v>
      </c>
      <c r="P587" s="10" t="s">
        <v>22</v>
      </c>
      <c r="Q587" s="10" t="s">
        <v>22</v>
      </c>
      <c r="R587" s="10" t="s">
        <v>22</v>
      </c>
      <c r="S587" s="10" t="s">
        <v>22</v>
      </c>
      <c r="T587" s="10" t="s">
        <v>22</v>
      </c>
      <c r="U587" s="10" t="s">
        <v>22</v>
      </c>
      <c r="V587" s="10" t="s">
        <v>22</v>
      </c>
      <c r="W587" s="10" t="s">
        <v>22</v>
      </c>
      <c r="X587" s="10" t="s">
        <v>22</v>
      </c>
      <c r="Y587" s="10" t="s">
        <v>22</v>
      </c>
      <c r="Z587" s="10" t="s">
        <v>22</v>
      </c>
    </row>
    <row r="588" spans="1:26" ht="24" customHeight="1" x14ac:dyDescent="0.2">
      <c r="A588" s="9" t="s">
        <v>17868</v>
      </c>
      <c r="B588" s="9" t="s">
        <v>14</v>
      </c>
      <c r="C588" s="9" t="s">
        <v>2775</v>
      </c>
      <c r="D588" s="6" t="s">
        <v>2776</v>
      </c>
      <c r="E588" s="22">
        <v>45390</v>
      </c>
      <c r="F588" s="22">
        <v>47215</v>
      </c>
      <c r="G588" s="6" t="s">
        <v>2777</v>
      </c>
      <c r="H588" s="6" t="s">
        <v>62</v>
      </c>
      <c r="I588" s="6" t="s">
        <v>63</v>
      </c>
      <c r="J588" s="6" t="s">
        <v>2778</v>
      </c>
      <c r="K588" s="9" t="s">
        <v>2779</v>
      </c>
      <c r="L588" s="10" t="s">
        <v>22</v>
      </c>
      <c r="M588" s="10" t="s">
        <v>22</v>
      </c>
      <c r="N588" s="10" t="s">
        <v>22</v>
      </c>
      <c r="O588" s="10" t="s">
        <v>22</v>
      </c>
      <c r="P588" s="10" t="s">
        <v>22</v>
      </c>
      <c r="Q588" s="10" t="s">
        <v>22</v>
      </c>
      <c r="R588" s="10" t="s">
        <v>22</v>
      </c>
      <c r="S588" s="10" t="s">
        <v>22</v>
      </c>
      <c r="T588" s="10" t="s">
        <v>22</v>
      </c>
      <c r="U588" s="10" t="s">
        <v>22</v>
      </c>
      <c r="V588" s="10" t="s">
        <v>22</v>
      </c>
      <c r="W588" s="10" t="s">
        <v>22</v>
      </c>
      <c r="X588" s="10" t="s">
        <v>22</v>
      </c>
      <c r="Y588" s="10" t="s">
        <v>22</v>
      </c>
      <c r="Z588" s="10" t="s">
        <v>22</v>
      </c>
    </row>
    <row r="589" spans="1:26" ht="24" customHeight="1" x14ac:dyDescent="0.2">
      <c r="A589" s="9" t="s">
        <v>17869</v>
      </c>
      <c r="B589" s="9" t="s">
        <v>14</v>
      </c>
      <c r="C589" s="9" t="s">
        <v>2780</v>
      </c>
      <c r="D589" s="6" t="s">
        <v>2781</v>
      </c>
      <c r="E589" s="22">
        <v>45427</v>
      </c>
      <c r="F589" s="22">
        <v>47252</v>
      </c>
      <c r="G589" s="6" t="s">
        <v>2782</v>
      </c>
      <c r="H589" s="6" t="s">
        <v>18</v>
      </c>
      <c r="I589" s="6" t="s">
        <v>26</v>
      </c>
      <c r="J589" s="6" t="s">
        <v>2783</v>
      </c>
      <c r="K589" s="9" t="s">
        <v>2784</v>
      </c>
      <c r="L589" s="10" t="s">
        <v>22</v>
      </c>
      <c r="M589" s="10" t="s">
        <v>22</v>
      </c>
      <c r="N589" s="10" t="s">
        <v>22</v>
      </c>
      <c r="O589" s="10" t="s">
        <v>22</v>
      </c>
      <c r="P589" s="10" t="s">
        <v>22</v>
      </c>
      <c r="Q589" s="10" t="s">
        <v>22</v>
      </c>
      <c r="R589" s="10" t="s">
        <v>22</v>
      </c>
      <c r="S589" s="10" t="s">
        <v>22</v>
      </c>
      <c r="T589" s="10" t="s">
        <v>22</v>
      </c>
      <c r="U589" s="10" t="s">
        <v>22</v>
      </c>
      <c r="V589" s="10" t="s">
        <v>22</v>
      </c>
      <c r="W589" s="10" t="s">
        <v>22</v>
      </c>
      <c r="X589" s="10" t="s">
        <v>22</v>
      </c>
      <c r="Y589" s="10" t="s">
        <v>22</v>
      </c>
      <c r="Z589" s="10" t="s">
        <v>22</v>
      </c>
    </row>
    <row r="590" spans="1:26" ht="24" customHeight="1" x14ac:dyDescent="0.2">
      <c r="A590" s="9" t="s">
        <v>17870</v>
      </c>
      <c r="B590" s="9" t="s">
        <v>14</v>
      </c>
      <c r="C590" s="9" t="s">
        <v>2785</v>
      </c>
      <c r="D590" s="6" t="s">
        <v>2786</v>
      </c>
      <c r="E590" s="22">
        <v>45480</v>
      </c>
      <c r="F590" s="22">
        <v>47305</v>
      </c>
      <c r="G590" s="6" t="s">
        <v>2787</v>
      </c>
      <c r="H590" s="6" t="s">
        <v>18</v>
      </c>
      <c r="I590" s="6" t="s">
        <v>26</v>
      </c>
      <c r="J590" s="6" t="s">
        <v>16191</v>
      </c>
      <c r="K590" s="9" t="s">
        <v>2788</v>
      </c>
      <c r="L590" s="10" t="s">
        <v>22</v>
      </c>
      <c r="M590" s="10" t="s">
        <v>22</v>
      </c>
      <c r="N590" s="10" t="s">
        <v>22</v>
      </c>
      <c r="O590" s="10" t="s">
        <v>22</v>
      </c>
      <c r="P590" s="10" t="s">
        <v>22</v>
      </c>
      <c r="Q590" s="10" t="s">
        <v>22</v>
      </c>
      <c r="U590" s="10" t="s">
        <v>22</v>
      </c>
      <c r="V590" s="10" t="s">
        <v>22</v>
      </c>
      <c r="W590" s="10" t="s">
        <v>22</v>
      </c>
      <c r="X590" s="10" t="s">
        <v>22</v>
      </c>
      <c r="Y590" s="10" t="s">
        <v>22</v>
      </c>
      <c r="Z590" s="10" t="s">
        <v>22</v>
      </c>
    </row>
    <row r="591" spans="1:26" ht="24" customHeight="1" x14ac:dyDescent="0.2">
      <c r="A591" s="9" t="s">
        <v>17871</v>
      </c>
      <c r="B591" s="9" t="s">
        <v>14</v>
      </c>
      <c r="C591" s="9" t="s">
        <v>2789</v>
      </c>
      <c r="D591" s="6" t="s">
        <v>2790</v>
      </c>
      <c r="E591" s="22">
        <v>45481</v>
      </c>
      <c r="F591" s="22">
        <v>47306</v>
      </c>
      <c r="G591" s="6" t="s">
        <v>2791</v>
      </c>
      <c r="H591" s="6" t="s">
        <v>62</v>
      </c>
      <c r="I591" s="6" t="s">
        <v>819</v>
      </c>
      <c r="J591" s="6" t="s">
        <v>2792</v>
      </c>
      <c r="K591" s="9" t="s">
        <v>2793</v>
      </c>
      <c r="L591" s="10" t="s">
        <v>22</v>
      </c>
      <c r="M591" s="10" t="s">
        <v>22</v>
      </c>
      <c r="N591" s="10" t="s">
        <v>22</v>
      </c>
      <c r="O591" s="10" t="s">
        <v>22</v>
      </c>
      <c r="P591" s="10" t="s">
        <v>22</v>
      </c>
      <c r="Q591" s="10" t="s">
        <v>22</v>
      </c>
      <c r="U591" s="10" t="s">
        <v>22</v>
      </c>
      <c r="V591" s="10" t="s">
        <v>22</v>
      </c>
      <c r="W591" s="10" t="s">
        <v>22</v>
      </c>
      <c r="X591" s="10" t="s">
        <v>22</v>
      </c>
      <c r="Y591" s="10" t="s">
        <v>22</v>
      </c>
      <c r="Z591" s="10" t="s">
        <v>22</v>
      </c>
    </row>
    <row r="592" spans="1:26" ht="24" customHeight="1" x14ac:dyDescent="0.2">
      <c r="A592" s="9" t="s">
        <v>17872</v>
      </c>
      <c r="B592" s="9" t="s">
        <v>14</v>
      </c>
      <c r="C592" s="9" t="s">
        <v>2794</v>
      </c>
      <c r="D592" s="6" t="s">
        <v>2795</v>
      </c>
      <c r="E592" s="22">
        <v>45500</v>
      </c>
      <c r="F592" s="22">
        <v>47325</v>
      </c>
      <c r="G592" s="6" t="s">
        <v>2796</v>
      </c>
      <c r="H592" s="6" t="s">
        <v>18</v>
      </c>
      <c r="I592" s="6" t="s">
        <v>26</v>
      </c>
      <c r="J592" s="6" t="s">
        <v>2797</v>
      </c>
      <c r="K592" s="9" t="s">
        <v>2798</v>
      </c>
      <c r="L592" s="10" t="s">
        <v>22</v>
      </c>
      <c r="M592" s="10" t="s">
        <v>22</v>
      </c>
      <c r="N592" s="10" t="s">
        <v>22</v>
      </c>
      <c r="O592" s="10" t="s">
        <v>22</v>
      </c>
      <c r="P592" s="10" t="s">
        <v>22</v>
      </c>
      <c r="Q592" s="10" t="s">
        <v>22</v>
      </c>
      <c r="R592" s="10" t="s">
        <v>22</v>
      </c>
      <c r="S592" s="10" t="s">
        <v>22</v>
      </c>
      <c r="T592" s="10" t="s">
        <v>22</v>
      </c>
      <c r="U592" s="10" t="s">
        <v>22</v>
      </c>
      <c r="V592" s="10" t="s">
        <v>22</v>
      </c>
      <c r="W592" s="10" t="s">
        <v>22</v>
      </c>
      <c r="X592" s="10" t="s">
        <v>22</v>
      </c>
      <c r="Y592" s="10" t="s">
        <v>22</v>
      </c>
      <c r="Z592" s="10" t="s">
        <v>22</v>
      </c>
    </row>
    <row r="593" spans="1:26" ht="24" customHeight="1" x14ac:dyDescent="0.2">
      <c r="A593" s="9" t="s">
        <v>17873</v>
      </c>
      <c r="B593" s="9" t="s">
        <v>14</v>
      </c>
      <c r="C593" s="9" t="s">
        <v>2802</v>
      </c>
      <c r="D593" s="6" t="s">
        <v>2803</v>
      </c>
      <c r="E593" s="22">
        <v>45544</v>
      </c>
      <c r="F593" s="22">
        <v>47369</v>
      </c>
      <c r="G593" s="6" t="s">
        <v>2804</v>
      </c>
      <c r="H593" s="6" t="s">
        <v>202</v>
      </c>
      <c r="I593" s="6" t="s">
        <v>567</v>
      </c>
      <c r="J593" s="6" t="s">
        <v>16192</v>
      </c>
      <c r="K593" s="9" t="s">
        <v>2805</v>
      </c>
      <c r="L593" s="10" t="s">
        <v>22</v>
      </c>
      <c r="M593" s="10" t="s">
        <v>22</v>
      </c>
      <c r="N593" s="10" t="s">
        <v>22</v>
      </c>
      <c r="O593" s="10" t="s">
        <v>22</v>
      </c>
      <c r="P593" s="10" t="s">
        <v>22</v>
      </c>
      <c r="Q593" s="10" t="s">
        <v>22</v>
      </c>
      <c r="R593" s="10" t="s">
        <v>22</v>
      </c>
      <c r="S593" s="10" t="s">
        <v>22</v>
      </c>
      <c r="T593" s="10" t="s">
        <v>22</v>
      </c>
      <c r="U593" s="10" t="s">
        <v>22</v>
      </c>
      <c r="V593" s="10" t="s">
        <v>22</v>
      </c>
      <c r="W593" s="10" t="s">
        <v>22</v>
      </c>
      <c r="X593" s="10" t="s">
        <v>22</v>
      </c>
      <c r="Y593" s="10" t="s">
        <v>22</v>
      </c>
      <c r="Z593" s="10" t="s">
        <v>22</v>
      </c>
    </row>
    <row r="594" spans="1:26" ht="24" customHeight="1" x14ac:dyDescent="0.2">
      <c r="A594" s="9" t="s">
        <v>17874</v>
      </c>
      <c r="B594" s="9" t="s">
        <v>14</v>
      </c>
      <c r="C594" s="9" t="s">
        <v>2806</v>
      </c>
      <c r="D594" s="6" t="s">
        <v>2807</v>
      </c>
      <c r="E594" s="22">
        <v>45551</v>
      </c>
      <c r="F594" s="22">
        <v>47376</v>
      </c>
      <c r="G594" s="6" t="s">
        <v>2808</v>
      </c>
      <c r="H594" s="6" t="s">
        <v>18</v>
      </c>
      <c r="I594" s="6" t="s">
        <v>26</v>
      </c>
      <c r="J594" s="6" t="s">
        <v>2809</v>
      </c>
      <c r="K594" s="9" t="s">
        <v>2810</v>
      </c>
      <c r="L594" s="10" t="s">
        <v>22</v>
      </c>
      <c r="M594" s="10" t="s">
        <v>22</v>
      </c>
      <c r="N594" s="10" t="s">
        <v>22</v>
      </c>
      <c r="O594" s="10" t="s">
        <v>22</v>
      </c>
      <c r="P594" s="10" t="s">
        <v>22</v>
      </c>
      <c r="Q594" s="10" t="s">
        <v>22</v>
      </c>
      <c r="U594" s="10" t="s">
        <v>22</v>
      </c>
      <c r="V594" s="10" t="s">
        <v>22</v>
      </c>
      <c r="W594" s="10" t="s">
        <v>22</v>
      </c>
      <c r="X594" s="10" t="s">
        <v>22</v>
      </c>
      <c r="Y594" s="10" t="s">
        <v>22</v>
      </c>
      <c r="Z594" s="10" t="s">
        <v>22</v>
      </c>
    </row>
    <row r="595" spans="1:26" ht="24" customHeight="1" x14ac:dyDescent="0.2">
      <c r="A595" s="9" t="s">
        <v>17875</v>
      </c>
      <c r="B595" s="9" t="s">
        <v>14</v>
      </c>
      <c r="C595" s="9" t="s">
        <v>2811</v>
      </c>
      <c r="D595" s="6" t="s">
        <v>2812</v>
      </c>
      <c r="E595" s="22">
        <v>45571</v>
      </c>
      <c r="F595" s="22">
        <v>47396</v>
      </c>
      <c r="G595" s="6" t="s">
        <v>2813</v>
      </c>
      <c r="H595" s="6" t="s">
        <v>62</v>
      </c>
      <c r="I595" s="6" t="s">
        <v>73</v>
      </c>
      <c r="J595" s="6" t="s">
        <v>16193</v>
      </c>
      <c r="K595" s="9" t="s">
        <v>2814</v>
      </c>
      <c r="L595" s="10" t="s">
        <v>22</v>
      </c>
      <c r="M595" s="10" t="s">
        <v>22</v>
      </c>
      <c r="N595" s="10" t="s">
        <v>22</v>
      </c>
      <c r="O595" s="10" t="s">
        <v>22</v>
      </c>
      <c r="P595" s="10" t="s">
        <v>22</v>
      </c>
      <c r="Q595" s="10" t="s">
        <v>22</v>
      </c>
      <c r="U595" s="10" t="s">
        <v>22</v>
      </c>
      <c r="V595" s="10" t="s">
        <v>22</v>
      </c>
      <c r="W595" s="10" t="s">
        <v>22</v>
      </c>
      <c r="X595" s="10" t="s">
        <v>22</v>
      </c>
      <c r="Y595" s="10" t="s">
        <v>22</v>
      </c>
      <c r="Z595" s="10" t="s">
        <v>22</v>
      </c>
    </row>
    <row r="596" spans="1:26" ht="24" customHeight="1" x14ac:dyDescent="0.2">
      <c r="A596" s="9" t="s">
        <v>17876</v>
      </c>
      <c r="B596" s="9" t="s">
        <v>14</v>
      </c>
      <c r="C596" s="9" t="s">
        <v>2817</v>
      </c>
      <c r="D596" s="6" t="s">
        <v>2818</v>
      </c>
      <c r="E596" s="22">
        <v>45602</v>
      </c>
      <c r="F596" s="22">
        <v>47427</v>
      </c>
      <c r="G596" s="6" t="s">
        <v>2819</v>
      </c>
      <c r="H596" s="6" t="s">
        <v>18</v>
      </c>
      <c r="I596" s="6" t="s">
        <v>19</v>
      </c>
      <c r="J596" s="6" t="s">
        <v>2820</v>
      </c>
      <c r="K596" s="9" t="s">
        <v>2821</v>
      </c>
      <c r="L596" s="10" t="s">
        <v>22</v>
      </c>
      <c r="M596" s="10" t="s">
        <v>22</v>
      </c>
      <c r="N596" s="10" t="s">
        <v>22</v>
      </c>
      <c r="O596" s="10" t="s">
        <v>22</v>
      </c>
      <c r="P596" s="10" t="s">
        <v>22</v>
      </c>
      <c r="Q596" s="10" t="s">
        <v>22</v>
      </c>
      <c r="R596" s="10" t="s">
        <v>22</v>
      </c>
      <c r="S596" s="10" t="s">
        <v>22</v>
      </c>
      <c r="T596" s="10" t="s">
        <v>22</v>
      </c>
      <c r="U596" s="10" t="s">
        <v>22</v>
      </c>
      <c r="V596" s="10" t="s">
        <v>22</v>
      </c>
      <c r="W596" s="10" t="s">
        <v>22</v>
      </c>
      <c r="X596" s="10" t="s">
        <v>22</v>
      </c>
      <c r="Y596" s="10" t="s">
        <v>22</v>
      </c>
      <c r="Z596" s="10" t="s">
        <v>22</v>
      </c>
    </row>
    <row r="597" spans="1:26" ht="24" customHeight="1" x14ac:dyDescent="0.2">
      <c r="A597" s="9" t="s">
        <v>17877</v>
      </c>
      <c r="B597" s="9" t="s">
        <v>14</v>
      </c>
      <c r="C597" s="9" t="s">
        <v>2822</v>
      </c>
      <c r="D597" s="6" t="s">
        <v>2823</v>
      </c>
      <c r="E597" s="22">
        <v>45602</v>
      </c>
      <c r="F597" s="22">
        <v>47427</v>
      </c>
      <c r="G597" s="6" t="s">
        <v>2824</v>
      </c>
      <c r="H597" s="6" t="s">
        <v>62</v>
      </c>
      <c r="I597" s="6" t="s">
        <v>186</v>
      </c>
      <c r="J597" s="6" t="s">
        <v>16194</v>
      </c>
      <c r="K597" s="9" t="s">
        <v>2825</v>
      </c>
      <c r="L597" s="10" t="s">
        <v>22</v>
      </c>
      <c r="M597" s="10" t="s">
        <v>22</v>
      </c>
      <c r="N597" s="10" t="s">
        <v>22</v>
      </c>
      <c r="O597" s="10" t="s">
        <v>22</v>
      </c>
      <c r="P597" s="10" t="s">
        <v>22</v>
      </c>
      <c r="Q597" s="10" t="s">
        <v>22</v>
      </c>
      <c r="R597" s="10" t="s">
        <v>22</v>
      </c>
      <c r="S597" s="10" t="s">
        <v>22</v>
      </c>
      <c r="T597" s="10" t="s">
        <v>22</v>
      </c>
      <c r="U597" s="10" t="s">
        <v>22</v>
      </c>
      <c r="V597" s="10" t="s">
        <v>22</v>
      </c>
      <c r="W597" s="10" t="s">
        <v>22</v>
      </c>
      <c r="X597" s="10" t="s">
        <v>22</v>
      </c>
      <c r="Y597" s="10" t="s">
        <v>22</v>
      </c>
      <c r="Z597" s="10" t="s">
        <v>22</v>
      </c>
    </row>
    <row r="598" spans="1:26" ht="24" customHeight="1" x14ac:dyDescent="0.2">
      <c r="A598" s="9" t="s">
        <v>17878</v>
      </c>
      <c r="B598" s="9" t="s">
        <v>14</v>
      </c>
      <c r="C598" s="9" t="s">
        <v>2822</v>
      </c>
      <c r="D598" s="6" t="s">
        <v>2823</v>
      </c>
      <c r="E598" s="22">
        <v>45602</v>
      </c>
      <c r="F598" s="22">
        <v>47427</v>
      </c>
      <c r="G598" s="6" t="s">
        <v>2826</v>
      </c>
      <c r="H598" s="6" t="s">
        <v>62</v>
      </c>
      <c r="I598" s="6" t="s">
        <v>186</v>
      </c>
      <c r="J598" s="6" t="s">
        <v>16195</v>
      </c>
      <c r="K598" s="9" t="s">
        <v>2827</v>
      </c>
      <c r="L598" s="10" t="s">
        <v>22</v>
      </c>
      <c r="M598" s="10" t="s">
        <v>22</v>
      </c>
      <c r="N598" s="10" t="s">
        <v>22</v>
      </c>
      <c r="O598" s="10" t="s">
        <v>22</v>
      </c>
      <c r="P598" s="10" t="s">
        <v>22</v>
      </c>
      <c r="Q598" s="10" t="s">
        <v>22</v>
      </c>
      <c r="R598" s="10" t="s">
        <v>22</v>
      </c>
      <c r="S598" s="10" t="s">
        <v>22</v>
      </c>
      <c r="T598" s="10" t="s">
        <v>22</v>
      </c>
      <c r="U598" s="10" t="s">
        <v>22</v>
      </c>
      <c r="V598" s="10" t="s">
        <v>22</v>
      </c>
      <c r="W598" s="10" t="s">
        <v>22</v>
      </c>
      <c r="X598" s="10" t="s">
        <v>22</v>
      </c>
      <c r="Y598" s="10" t="s">
        <v>22</v>
      </c>
      <c r="Z598" s="10" t="s">
        <v>22</v>
      </c>
    </row>
    <row r="599" spans="1:26" ht="24" customHeight="1" x14ac:dyDescent="0.2">
      <c r="A599" s="9" t="s">
        <v>17879</v>
      </c>
      <c r="B599" s="9" t="s">
        <v>14</v>
      </c>
      <c r="C599" s="9" t="s">
        <v>2822</v>
      </c>
      <c r="D599" s="6" t="s">
        <v>2823</v>
      </c>
      <c r="E599" s="22">
        <v>45602</v>
      </c>
      <c r="F599" s="22">
        <v>47427</v>
      </c>
      <c r="G599" s="6" t="s">
        <v>2828</v>
      </c>
      <c r="H599" s="6" t="s">
        <v>18</v>
      </c>
      <c r="I599" s="6" t="s">
        <v>1691</v>
      </c>
      <c r="J599" s="6" t="s">
        <v>2829</v>
      </c>
      <c r="K599" s="9" t="s">
        <v>2830</v>
      </c>
      <c r="L599" s="10" t="s">
        <v>22</v>
      </c>
      <c r="M599" s="10" t="s">
        <v>22</v>
      </c>
      <c r="N599" s="10" t="s">
        <v>22</v>
      </c>
      <c r="O599" s="10" t="s">
        <v>22</v>
      </c>
      <c r="P599" s="10" t="s">
        <v>22</v>
      </c>
      <c r="Q599" s="10" t="s">
        <v>22</v>
      </c>
      <c r="R599" s="10" t="s">
        <v>22</v>
      </c>
      <c r="S599" s="10" t="s">
        <v>22</v>
      </c>
      <c r="T599" s="10" t="s">
        <v>22</v>
      </c>
      <c r="U599" s="10" t="s">
        <v>22</v>
      </c>
      <c r="V599" s="10" t="s">
        <v>22</v>
      </c>
      <c r="W599" s="10" t="s">
        <v>22</v>
      </c>
      <c r="X599" s="10" t="s">
        <v>22</v>
      </c>
      <c r="Y599" s="10" t="s">
        <v>22</v>
      </c>
      <c r="Z599" s="10" t="s">
        <v>22</v>
      </c>
    </row>
    <row r="600" spans="1:26" ht="24" customHeight="1" x14ac:dyDescent="0.2">
      <c r="A600" s="9" t="s">
        <v>21236</v>
      </c>
      <c r="B600" s="9" t="s">
        <v>14</v>
      </c>
      <c r="C600" s="9" t="s">
        <v>2832</v>
      </c>
      <c r="D600" s="6" t="s">
        <v>2833</v>
      </c>
      <c r="E600" s="22">
        <v>45679</v>
      </c>
      <c r="F600" s="22">
        <v>47504</v>
      </c>
      <c r="G600" s="6" t="s">
        <v>2834</v>
      </c>
      <c r="H600" s="6" t="s">
        <v>202</v>
      </c>
      <c r="I600" s="6" t="s">
        <v>2835</v>
      </c>
      <c r="J600" s="6" t="s">
        <v>2836</v>
      </c>
      <c r="K600" s="9" t="s">
        <v>2837</v>
      </c>
      <c r="L600" s="10" t="s">
        <v>22</v>
      </c>
      <c r="M600" s="10" t="s">
        <v>22</v>
      </c>
      <c r="N600" s="10" t="s">
        <v>22</v>
      </c>
      <c r="O600" s="10" t="s">
        <v>22</v>
      </c>
      <c r="P600" s="10" t="s">
        <v>22</v>
      </c>
      <c r="Q600" s="10" t="s">
        <v>22</v>
      </c>
      <c r="R600" s="10" t="s">
        <v>22</v>
      </c>
      <c r="S600" s="10" t="s">
        <v>22</v>
      </c>
      <c r="T600" s="10" t="s">
        <v>22</v>
      </c>
      <c r="U600" s="10" t="s">
        <v>22</v>
      </c>
      <c r="V600" s="10" t="s">
        <v>22</v>
      </c>
      <c r="W600" s="10" t="s">
        <v>22</v>
      </c>
      <c r="X600" s="10" t="s">
        <v>22</v>
      </c>
      <c r="Y600" s="10" t="s">
        <v>22</v>
      </c>
      <c r="Z600" s="10" t="s">
        <v>22</v>
      </c>
    </row>
    <row r="601" spans="1:26" ht="24" customHeight="1" x14ac:dyDescent="0.2">
      <c r="A601" s="9" t="s">
        <v>21237</v>
      </c>
      <c r="B601" s="9" t="s">
        <v>14</v>
      </c>
      <c r="C601" s="9" t="s">
        <v>2838</v>
      </c>
      <c r="D601" s="6" t="s">
        <v>2839</v>
      </c>
      <c r="E601" s="22">
        <v>45689</v>
      </c>
      <c r="F601" s="22">
        <v>47514</v>
      </c>
      <c r="G601" s="6" t="s">
        <v>2840</v>
      </c>
      <c r="H601" s="6" t="s">
        <v>62</v>
      </c>
      <c r="I601" s="6" t="s">
        <v>20948</v>
      </c>
      <c r="J601" s="6" t="s">
        <v>20949</v>
      </c>
      <c r="K601" s="9" t="s">
        <v>2841</v>
      </c>
      <c r="L601" s="10" t="s">
        <v>22</v>
      </c>
      <c r="M601" s="10" t="s">
        <v>22</v>
      </c>
      <c r="N601" s="10" t="s">
        <v>22</v>
      </c>
      <c r="O601" s="10" t="s">
        <v>22</v>
      </c>
      <c r="P601" s="10" t="s">
        <v>22</v>
      </c>
      <c r="Q601" s="10" t="s">
        <v>22</v>
      </c>
      <c r="R601" s="10" t="s">
        <v>22</v>
      </c>
      <c r="S601" s="10" t="s">
        <v>22</v>
      </c>
      <c r="T601" s="10" t="s">
        <v>22</v>
      </c>
      <c r="U601" s="10" t="s">
        <v>22</v>
      </c>
      <c r="V601" s="10" t="s">
        <v>22</v>
      </c>
      <c r="W601" s="10" t="s">
        <v>22</v>
      </c>
      <c r="X601" s="10" t="s">
        <v>22</v>
      </c>
      <c r="Y601" s="10" t="s">
        <v>22</v>
      </c>
      <c r="Z601" s="10" t="s">
        <v>22</v>
      </c>
    </row>
    <row r="602" spans="1:26" ht="24" customHeight="1" x14ac:dyDescent="0.2">
      <c r="A602" s="9" t="s">
        <v>17880</v>
      </c>
      <c r="B602" s="9" t="s">
        <v>14</v>
      </c>
      <c r="C602" s="9" t="s">
        <v>2842</v>
      </c>
      <c r="D602" s="6" t="s">
        <v>2843</v>
      </c>
      <c r="E602" s="22">
        <v>45690</v>
      </c>
      <c r="F602" s="22">
        <v>47515</v>
      </c>
      <c r="G602" s="6" t="s">
        <v>2844</v>
      </c>
      <c r="H602" s="6" t="s">
        <v>18</v>
      </c>
      <c r="I602" s="6" t="s">
        <v>1145</v>
      </c>
      <c r="J602" s="6" t="s">
        <v>2845</v>
      </c>
      <c r="K602" s="9" t="s">
        <v>2846</v>
      </c>
      <c r="L602" s="10" t="s">
        <v>22</v>
      </c>
      <c r="M602" s="10" t="s">
        <v>22</v>
      </c>
      <c r="N602" s="10" t="s">
        <v>22</v>
      </c>
      <c r="O602" s="10" t="s">
        <v>22</v>
      </c>
      <c r="P602" s="10" t="s">
        <v>22</v>
      </c>
      <c r="Q602" s="10" t="s">
        <v>22</v>
      </c>
      <c r="U602" s="10" t="s">
        <v>22</v>
      </c>
      <c r="V602" s="10" t="s">
        <v>22</v>
      </c>
      <c r="W602" s="10" t="s">
        <v>22</v>
      </c>
      <c r="X602" s="10" t="s">
        <v>22</v>
      </c>
      <c r="Y602" s="10" t="s">
        <v>22</v>
      </c>
      <c r="Z602" s="10" t="s">
        <v>22</v>
      </c>
    </row>
    <row r="603" spans="1:26" ht="24" customHeight="1" x14ac:dyDescent="0.2">
      <c r="A603" s="9" t="s">
        <v>17881</v>
      </c>
      <c r="B603" s="9" t="s">
        <v>14</v>
      </c>
      <c r="C603" s="9" t="s">
        <v>2847</v>
      </c>
      <c r="D603" s="6" t="s">
        <v>2848</v>
      </c>
      <c r="E603" s="22">
        <v>45693</v>
      </c>
      <c r="F603" s="22">
        <v>47518</v>
      </c>
      <c r="G603" s="6" t="s">
        <v>2849</v>
      </c>
      <c r="H603" s="6" t="s">
        <v>18</v>
      </c>
      <c r="I603" s="6" t="s">
        <v>19</v>
      </c>
      <c r="J603" s="6" t="s">
        <v>2850</v>
      </c>
      <c r="K603" s="9" t="s">
        <v>2851</v>
      </c>
      <c r="L603" s="10" t="s">
        <v>22</v>
      </c>
      <c r="M603" s="10" t="s">
        <v>22</v>
      </c>
      <c r="N603" s="10" t="s">
        <v>22</v>
      </c>
      <c r="O603" s="10" t="s">
        <v>22</v>
      </c>
      <c r="P603" s="10" t="s">
        <v>22</v>
      </c>
      <c r="Q603" s="10" t="s">
        <v>22</v>
      </c>
      <c r="R603" s="10" t="s">
        <v>22</v>
      </c>
      <c r="S603" s="10" t="s">
        <v>22</v>
      </c>
      <c r="T603" s="10" t="s">
        <v>22</v>
      </c>
      <c r="U603" s="10" t="s">
        <v>22</v>
      </c>
      <c r="V603" s="10" t="s">
        <v>22</v>
      </c>
      <c r="W603" s="10" t="s">
        <v>22</v>
      </c>
      <c r="X603" s="10" t="s">
        <v>22</v>
      </c>
      <c r="Y603" s="10" t="s">
        <v>22</v>
      </c>
      <c r="Z603" s="10" t="s">
        <v>22</v>
      </c>
    </row>
    <row r="604" spans="1:26" ht="24" customHeight="1" x14ac:dyDescent="0.2">
      <c r="A604" s="9" t="s">
        <v>17882</v>
      </c>
      <c r="B604" s="9" t="s">
        <v>14</v>
      </c>
      <c r="C604" s="9" t="s">
        <v>2852</v>
      </c>
      <c r="D604" s="6" t="s">
        <v>2853</v>
      </c>
      <c r="E604" s="22">
        <v>45703</v>
      </c>
      <c r="F604" s="22">
        <v>47528</v>
      </c>
      <c r="G604" s="6" t="s">
        <v>2854</v>
      </c>
      <c r="H604" s="6" t="s">
        <v>202</v>
      </c>
      <c r="I604" s="6" t="s">
        <v>336</v>
      </c>
      <c r="J604" s="6" t="s">
        <v>2855</v>
      </c>
      <c r="K604" s="9" t="s">
        <v>20950</v>
      </c>
      <c r="L604" s="10" t="s">
        <v>22</v>
      </c>
      <c r="M604" s="10" t="s">
        <v>22</v>
      </c>
      <c r="N604" s="10" t="s">
        <v>22</v>
      </c>
      <c r="O604" s="10" t="s">
        <v>22</v>
      </c>
      <c r="P604" s="10" t="s">
        <v>22</v>
      </c>
      <c r="Q604" s="10" t="s">
        <v>22</v>
      </c>
      <c r="R604" s="10" t="s">
        <v>22</v>
      </c>
      <c r="S604" s="10" t="s">
        <v>22</v>
      </c>
      <c r="T604" s="10" t="s">
        <v>22</v>
      </c>
      <c r="U604" s="10" t="s">
        <v>22</v>
      </c>
      <c r="V604" s="10" t="s">
        <v>22</v>
      </c>
      <c r="W604" s="10" t="s">
        <v>22</v>
      </c>
      <c r="X604" s="10" t="s">
        <v>22</v>
      </c>
      <c r="Y604" s="10" t="s">
        <v>22</v>
      </c>
      <c r="Z604" s="10" t="s">
        <v>22</v>
      </c>
    </row>
    <row r="605" spans="1:26" ht="24" customHeight="1" x14ac:dyDescent="0.2">
      <c r="A605" s="9" t="s">
        <v>17883</v>
      </c>
      <c r="B605" s="9" t="s">
        <v>14</v>
      </c>
      <c r="C605" s="9" t="s">
        <v>2856</v>
      </c>
      <c r="D605" s="6" t="s">
        <v>2857</v>
      </c>
      <c r="E605" s="22">
        <v>45712</v>
      </c>
      <c r="F605" s="22">
        <v>47537</v>
      </c>
      <c r="G605" s="6" t="s">
        <v>2858</v>
      </c>
      <c r="H605" s="6" t="s">
        <v>18</v>
      </c>
      <c r="I605" s="6" t="s">
        <v>19</v>
      </c>
      <c r="J605" s="6" t="s">
        <v>2859</v>
      </c>
      <c r="K605" s="9" t="s">
        <v>2860</v>
      </c>
      <c r="L605" s="10" t="s">
        <v>22</v>
      </c>
      <c r="M605" s="10" t="s">
        <v>22</v>
      </c>
      <c r="N605" s="10" t="s">
        <v>22</v>
      </c>
      <c r="O605" s="10" t="s">
        <v>22</v>
      </c>
      <c r="P605" s="10" t="s">
        <v>22</v>
      </c>
      <c r="Q605" s="10" t="s">
        <v>22</v>
      </c>
      <c r="R605" s="10" t="s">
        <v>22</v>
      </c>
      <c r="S605" s="10" t="s">
        <v>22</v>
      </c>
      <c r="T605" s="10" t="s">
        <v>22</v>
      </c>
      <c r="U605" s="10" t="s">
        <v>22</v>
      </c>
      <c r="V605" s="10" t="s">
        <v>22</v>
      </c>
      <c r="W605" s="10" t="s">
        <v>22</v>
      </c>
      <c r="X605" s="10" t="s">
        <v>22</v>
      </c>
      <c r="Y605" s="10" t="s">
        <v>22</v>
      </c>
      <c r="Z605" s="10" t="s">
        <v>22</v>
      </c>
    </row>
    <row r="606" spans="1:26" ht="24" customHeight="1" x14ac:dyDescent="0.2">
      <c r="A606" s="9" t="s">
        <v>17884</v>
      </c>
      <c r="B606" s="9" t="s">
        <v>14</v>
      </c>
      <c r="C606" s="9" t="s">
        <v>2861</v>
      </c>
      <c r="D606" s="6" t="s">
        <v>2862</v>
      </c>
      <c r="E606" s="22">
        <v>43902</v>
      </c>
      <c r="F606" s="22">
        <v>45727</v>
      </c>
      <c r="G606" s="6" t="s">
        <v>2863</v>
      </c>
      <c r="H606" s="6" t="s">
        <v>62</v>
      </c>
      <c r="I606" s="6" t="s">
        <v>1066</v>
      </c>
      <c r="J606" s="6" t="s">
        <v>2864</v>
      </c>
      <c r="K606" s="9" t="s">
        <v>2865</v>
      </c>
      <c r="L606" s="10" t="s">
        <v>22</v>
      </c>
      <c r="M606" s="10" t="s">
        <v>22</v>
      </c>
      <c r="N606" s="10" t="s">
        <v>22</v>
      </c>
      <c r="O606" s="10" t="s">
        <v>22</v>
      </c>
      <c r="P606" s="10" t="s">
        <v>22</v>
      </c>
      <c r="Q606" s="10" t="s">
        <v>22</v>
      </c>
      <c r="U606" s="10" t="s">
        <v>22</v>
      </c>
      <c r="V606" s="10" t="s">
        <v>22</v>
      </c>
      <c r="W606" s="10" t="s">
        <v>22</v>
      </c>
      <c r="X606" s="10" t="s">
        <v>22</v>
      </c>
      <c r="Y606" s="10" t="s">
        <v>22</v>
      </c>
      <c r="Z606" s="10" t="s">
        <v>22</v>
      </c>
    </row>
    <row r="607" spans="1:26" ht="24" customHeight="1" x14ac:dyDescent="0.2">
      <c r="A607" s="9" t="s">
        <v>17885</v>
      </c>
      <c r="B607" s="9" t="s">
        <v>14</v>
      </c>
      <c r="C607" s="9" t="s">
        <v>2866</v>
      </c>
      <c r="D607" s="6" t="s">
        <v>2867</v>
      </c>
      <c r="E607" s="22">
        <v>45740</v>
      </c>
      <c r="F607" s="22">
        <v>47565</v>
      </c>
      <c r="G607" s="6" t="s">
        <v>2868</v>
      </c>
      <c r="H607" s="6" t="s">
        <v>62</v>
      </c>
      <c r="I607" s="6" t="s">
        <v>379</v>
      </c>
      <c r="J607" s="6" t="s">
        <v>2869</v>
      </c>
      <c r="K607" s="9" t="s">
        <v>2870</v>
      </c>
      <c r="L607" s="10" t="s">
        <v>22</v>
      </c>
      <c r="M607" s="10" t="s">
        <v>22</v>
      </c>
      <c r="N607" s="10" t="s">
        <v>22</v>
      </c>
      <c r="O607" s="10" t="s">
        <v>22</v>
      </c>
      <c r="P607" s="10" t="s">
        <v>22</v>
      </c>
      <c r="Q607" s="10" t="s">
        <v>22</v>
      </c>
      <c r="R607" s="10" t="s">
        <v>22</v>
      </c>
      <c r="S607" s="10" t="s">
        <v>22</v>
      </c>
      <c r="T607" s="10" t="s">
        <v>22</v>
      </c>
      <c r="U607" s="10" t="s">
        <v>22</v>
      </c>
      <c r="V607" s="10" t="s">
        <v>22</v>
      </c>
      <c r="W607" s="10" t="s">
        <v>22</v>
      </c>
      <c r="X607" s="10" t="s">
        <v>22</v>
      </c>
      <c r="Y607" s="10" t="s">
        <v>22</v>
      </c>
      <c r="Z607" s="10" t="s">
        <v>22</v>
      </c>
    </row>
    <row r="608" spans="1:26" ht="24" customHeight="1" x14ac:dyDescent="0.2">
      <c r="A608" s="9" t="s">
        <v>17886</v>
      </c>
      <c r="B608" s="9" t="s">
        <v>14</v>
      </c>
      <c r="C608" s="9" t="s">
        <v>2871</v>
      </c>
      <c r="D608" s="6" t="s">
        <v>2872</v>
      </c>
      <c r="E608" s="22">
        <v>45760</v>
      </c>
      <c r="F608" s="22">
        <v>47585</v>
      </c>
      <c r="G608" s="6" t="s">
        <v>2873</v>
      </c>
      <c r="H608" s="6" t="s">
        <v>2029</v>
      </c>
      <c r="I608" s="6" t="s">
        <v>2874</v>
      </c>
      <c r="J608" s="6" t="s">
        <v>2875</v>
      </c>
      <c r="K608" s="9" t="s">
        <v>2876</v>
      </c>
      <c r="L608" s="10" t="s">
        <v>22</v>
      </c>
      <c r="M608" s="10" t="s">
        <v>22</v>
      </c>
      <c r="N608" s="10" t="s">
        <v>22</v>
      </c>
      <c r="O608" s="10" t="s">
        <v>22</v>
      </c>
      <c r="P608" s="10" t="s">
        <v>22</v>
      </c>
      <c r="Q608" s="10" t="s">
        <v>22</v>
      </c>
      <c r="R608" s="10" t="s">
        <v>22</v>
      </c>
      <c r="S608" s="10" t="s">
        <v>22</v>
      </c>
      <c r="T608" s="10" t="s">
        <v>22</v>
      </c>
      <c r="U608" s="10" t="s">
        <v>22</v>
      </c>
      <c r="V608" s="10" t="s">
        <v>22</v>
      </c>
      <c r="W608" s="10" t="s">
        <v>22</v>
      </c>
      <c r="X608" s="10" t="s">
        <v>22</v>
      </c>
      <c r="Y608" s="10" t="s">
        <v>22</v>
      </c>
      <c r="Z608" s="10" t="s">
        <v>22</v>
      </c>
    </row>
    <row r="609" spans="1:26" ht="24" customHeight="1" x14ac:dyDescent="0.2">
      <c r="A609" s="9" t="s">
        <v>17887</v>
      </c>
      <c r="B609" s="9" t="s">
        <v>14</v>
      </c>
      <c r="C609" s="9" t="s">
        <v>2877</v>
      </c>
      <c r="D609" s="6" t="s">
        <v>2878</v>
      </c>
      <c r="E609" s="22">
        <v>43958</v>
      </c>
      <c r="F609" s="22">
        <v>45783</v>
      </c>
      <c r="G609" s="6" t="s">
        <v>2879</v>
      </c>
      <c r="H609" s="6" t="s">
        <v>202</v>
      </c>
      <c r="I609" s="6" t="s">
        <v>336</v>
      </c>
      <c r="J609" s="6" t="s">
        <v>2880</v>
      </c>
      <c r="K609" s="9" t="s">
        <v>2881</v>
      </c>
      <c r="L609" s="10" t="s">
        <v>22</v>
      </c>
      <c r="M609" s="10" t="s">
        <v>22</v>
      </c>
      <c r="N609" s="10" t="s">
        <v>22</v>
      </c>
      <c r="O609" s="10" t="s">
        <v>22</v>
      </c>
      <c r="P609" s="10" t="s">
        <v>22</v>
      </c>
      <c r="Q609" s="10" t="s">
        <v>22</v>
      </c>
      <c r="R609" s="10" t="s">
        <v>22</v>
      </c>
      <c r="S609" s="10" t="s">
        <v>22</v>
      </c>
      <c r="T609" s="10" t="s">
        <v>22</v>
      </c>
      <c r="V609" s="10" t="s">
        <v>22</v>
      </c>
      <c r="W609" s="10" t="s">
        <v>22</v>
      </c>
      <c r="Y609" s="10" t="s">
        <v>22</v>
      </c>
      <c r="Z609" s="10" t="s">
        <v>22</v>
      </c>
    </row>
    <row r="610" spans="1:26" ht="24" customHeight="1" x14ac:dyDescent="0.2">
      <c r="A610" s="9" t="s">
        <v>17888</v>
      </c>
      <c r="B610" s="9" t="s">
        <v>14</v>
      </c>
      <c r="C610" s="9" t="s">
        <v>2882</v>
      </c>
      <c r="D610" s="6" t="s">
        <v>2883</v>
      </c>
      <c r="E610" s="22">
        <v>43958</v>
      </c>
      <c r="F610" s="22">
        <v>45783</v>
      </c>
      <c r="G610" s="6" t="s">
        <v>2884</v>
      </c>
      <c r="H610" s="6" t="s">
        <v>62</v>
      </c>
      <c r="I610" s="6" t="s">
        <v>236</v>
      </c>
      <c r="J610" s="6" t="s">
        <v>2885</v>
      </c>
      <c r="K610" s="9" t="s">
        <v>2886</v>
      </c>
      <c r="L610" s="10" t="s">
        <v>22</v>
      </c>
      <c r="M610" s="10" t="s">
        <v>22</v>
      </c>
      <c r="N610" s="10" t="s">
        <v>22</v>
      </c>
      <c r="O610" s="10" t="s">
        <v>22</v>
      </c>
      <c r="P610" s="10" t="s">
        <v>22</v>
      </c>
      <c r="Q610" s="10" t="s">
        <v>22</v>
      </c>
      <c r="S610" s="10" t="s">
        <v>22</v>
      </c>
      <c r="U610" s="10" t="s">
        <v>22</v>
      </c>
      <c r="V610" s="10" t="s">
        <v>22</v>
      </c>
      <c r="W610" s="10" t="s">
        <v>22</v>
      </c>
      <c r="X610" s="10" t="s">
        <v>22</v>
      </c>
      <c r="Y610" s="10" t="s">
        <v>22</v>
      </c>
      <c r="Z610" s="10" t="s">
        <v>22</v>
      </c>
    </row>
    <row r="611" spans="1:26" ht="24" customHeight="1" x14ac:dyDescent="0.2">
      <c r="A611" s="9" t="s">
        <v>17889</v>
      </c>
      <c r="B611" s="9" t="s">
        <v>14</v>
      </c>
      <c r="C611" s="9" t="s">
        <v>2887</v>
      </c>
      <c r="D611" s="6" t="s">
        <v>2888</v>
      </c>
      <c r="E611" s="22">
        <v>43962</v>
      </c>
      <c r="F611" s="22">
        <v>45787</v>
      </c>
      <c r="G611" s="6" t="s">
        <v>2889</v>
      </c>
      <c r="H611" s="6" t="s">
        <v>62</v>
      </c>
      <c r="I611" s="6" t="s">
        <v>842</v>
      </c>
      <c r="J611" s="6" t="s">
        <v>2890</v>
      </c>
      <c r="K611" s="9" t="s">
        <v>2891</v>
      </c>
      <c r="L611" s="10" t="s">
        <v>22</v>
      </c>
      <c r="M611" s="10" t="s">
        <v>22</v>
      </c>
      <c r="N611" s="10" t="s">
        <v>22</v>
      </c>
      <c r="O611" s="10" t="s">
        <v>22</v>
      </c>
      <c r="P611" s="10" t="s">
        <v>22</v>
      </c>
      <c r="Q611" s="10" t="s">
        <v>22</v>
      </c>
      <c r="R611" s="10" t="s">
        <v>22</v>
      </c>
      <c r="S611" s="10" t="s">
        <v>22</v>
      </c>
      <c r="T611" s="10" t="s">
        <v>22</v>
      </c>
      <c r="U611" s="10" t="s">
        <v>22</v>
      </c>
      <c r="V611" s="10" t="s">
        <v>22</v>
      </c>
      <c r="W611" s="10" t="s">
        <v>22</v>
      </c>
      <c r="X611" s="10" t="s">
        <v>22</v>
      </c>
      <c r="Y611" s="10" t="s">
        <v>22</v>
      </c>
      <c r="Z611" s="10" t="s">
        <v>22</v>
      </c>
    </row>
    <row r="612" spans="1:26" ht="24" customHeight="1" x14ac:dyDescent="0.2">
      <c r="A612" s="9" t="s">
        <v>17890</v>
      </c>
      <c r="B612" s="9" t="s">
        <v>14</v>
      </c>
      <c r="C612" s="9" t="s">
        <v>2887</v>
      </c>
      <c r="D612" s="6" t="s">
        <v>2888</v>
      </c>
      <c r="E612" s="22">
        <v>43962</v>
      </c>
      <c r="F612" s="22">
        <v>45787</v>
      </c>
      <c r="G612" s="6" t="s">
        <v>2892</v>
      </c>
      <c r="H612" s="6" t="s">
        <v>562</v>
      </c>
      <c r="I612" s="6" t="s">
        <v>2504</v>
      </c>
      <c r="J612" s="6" t="s">
        <v>2893</v>
      </c>
      <c r="K612" s="9" t="s">
        <v>2894</v>
      </c>
      <c r="L612" s="10" t="s">
        <v>22</v>
      </c>
      <c r="M612" s="10" t="s">
        <v>22</v>
      </c>
      <c r="N612" s="10" t="s">
        <v>22</v>
      </c>
      <c r="O612" s="10" t="s">
        <v>22</v>
      </c>
      <c r="P612" s="10" t="s">
        <v>22</v>
      </c>
      <c r="Q612" s="10" t="s">
        <v>22</v>
      </c>
      <c r="R612" s="10" t="s">
        <v>22</v>
      </c>
      <c r="S612" s="10" t="s">
        <v>22</v>
      </c>
      <c r="T612" s="10" t="s">
        <v>22</v>
      </c>
      <c r="U612" s="10" t="s">
        <v>22</v>
      </c>
      <c r="V612" s="10" t="s">
        <v>22</v>
      </c>
      <c r="W612" s="10" t="s">
        <v>22</v>
      </c>
      <c r="X612" s="10" t="s">
        <v>22</v>
      </c>
      <c r="Y612" s="10" t="s">
        <v>22</v>
      </c>
      <c r="Z612" s="10" t="s">
        <v>22</v>
      </c>
    </row>
    <row r="613" spans="1:26" ht="24" customHeight="1" x14ac:dyDescent="0.2">
      <c r="A613" s="9" t="s">
        <v>17891</v>
      </c>
      <c r="B613" s="9" t="s">
        <v>14</v>
      </c>
      <c r="C613" s="9" t="s">
        <v>2887</v>
      </c>
      <c r="D613" s="6" t="s">
        <v>2888</v>
      </c>
      <c r="E613" s="22">
        <v>43962</v>
      </c>
      <c r="F613" s="22">
        <v>45787</v>
      </c>
      <c r="G613" s="6" t="s">
        <v>2895</v>
      </c>
      <c r="H613" s="6" t="s">
        <v>18</v>
      </c>
      <c r="I613" s="6" t="s">
        <v>19</v>
      </c>
      <c r="J613" s="6" t="s">
        <v>2896</v>
      </c>
      <c r="K613" s="9" t="s">
        <v>2897</v>
      </c>
      <c r="L613" s="10" t="s">
        <v>22</v>
      </c>
      <c r="M613" s="10" t="s">
        <v>22</v>
      </c>
      <c r="N613" s="10" t="s">
        <v>22</v>
      </c>
      <c r="O613" s="10" t="s">
        <v>22</v>
      </c>
      <c r="P613" s="10" t="s">
        <v>22</v>
      </c>
      <c r="Q613" s="10" t="s">
        <v>22</v>
      </c>
      <c r="R613" s="10" t="s">
        <v>22</v>
      </c>
      <c r="S613" s="10" t="s">
        <v>22</v>
      </c>
      <c r="T613" s="10" t="s">
        <v>22</v>
      </c>
      <c r="U613" s="10" t="s">
        <v>22</v>
      </c>
      <c r="V613" s="10" t="s">
        <v>22</v>
      </c>
      <c r="W613" s="10" t="s">
        <v>22</v>
      </c>
      <c r="X613" s="10" t="s">
        <v>22</v>
      </c>
      <c r="Y613" s="10" t="s">
        <v>22</v>
      </c>
      <c r="Z613" s="10" t="s">
        <v>22</v>
      </c>
    </row>
    <row r="614" spans="1:26" ht="24" customHeight="1" x14ac:dyDescent="0.2">
      <c r="A614" s="9" t="s">
        <v>17892</v>
      </c>
      <c r="B614" s="9" t="s">
        <v>14</v>
      </c>
      <c r="C614" s="9" t="s">
        <v>2887</v>
      </c>
      <c r="D614" s="6" t="s">
        <v>2888</v>
      </c>
      <c r="E614" s="22">
        <v>43962</v>
      </c>
      <c r="F614" s="22">
        <v>45787</v>
      </c>
      <c r="G614" s="6" t="s">
        <v>2898</v>
      </c>
      <c r="H614" s="6" t="s">
        <v>202</v>
      </c>
      <c r="I614" s="6" t="s">
        <v>863</v>
      </c>
      <c r="J614" s="6" t="s">
        <v>2899</v>
      </c>
      <c r="K614" s="9" t="s">
        <v>2900</v>
      </c>
      <c r="L614" s="10" t="s">
        <v>22</v>
      </c>
      <c r="M614" s="10" t="s">
        <v>22</v>
      </c>
      <c r="N614" s="10" t="s">
        <v>22</v>
      </c>
      <c r="O614" s="10" t="s">
        <v>22</v>
      </c>
      <c r="P614" s="10" t="s">
        <v>22</v>
      </c>
      <c r="Q614" s="10" t="s">
        <v>22</v>
      </c>
      <c r="R614" s="10" t="s">
        <v>22</v>
      </c>
      <c r="S614" s="10" t="s">
        <v>22</v>
      </c>
      <c r="T614" s="10" t="s">
        <v>22</v>
      </c>
      <c r="U614" s="10" t="s">
        <v>22</v>
      </c>
      <c r="V614" s="10" t="s">
        <v>22</v>
      </c>
      <c r="W614" s="10" t="s">
        <v>22</v>
      </c>
      <c r="X614" s="10" t="s">
        <v>22</v>
      </c>
      <c r="Y614" s="10" t="s">
        <v>22</v>
      </c>
      <c r="Z614" s="10" t="s">
        <v>22</v>
      </c>
    </row>
    <row r="615" spans="1:26" ht="24" customHeight="1" x14ac:dyDescent="0.2">
      <c r="A615" s="9" t="s">
        <v>17893</v>
      </c>
      <c r="B615" s="9" t="s">
        <v>14</v>
      </c>
      <c r="C615" s="9" t="s">
        <v>2901</v>
      </c>
      <c r="D615" s="6" t="s">
        <v>2902</v>
      </c>
      <c r="E615" s="22">
        <v>43971</v>
      </c>
      <c r="F615" s="22">
        <v>45796</v>
      </c>
      <c r="G615" s="6" t="s">
        <v>2903</v>
      </c>
      <c r="H615" s="6" t="s">
        <v>18</v>
      </c>
      <c r="I615" s="6" t="s">
        <v>1194</v>
      </c>
      <c r="J615" s="6" t="s">
        <v>2904</v>
      </c>
      <c r="K615" s="9" t="s">
        <v>2905</v>
      </c>
      <c r="L615" s="10" t="s">
        <v>22</v>
      </c>
      <c r="M615" s="10" t="s">
        <v>22</v>
      </c>
      <c r="N615" s="10" t="s">
        <v>22</v>
      </c>
      <c r="O615" s="10" t="s">
        <v>22</v>
      </c>
      <c r="P615" s="10" t="s">
        <v>22</v>
      </c>
      <c r="Q615" s="10" t="s">
        <v>22</v>
      </c>
    </row>
    <row r="616" spans="1:26" ht="24" customHeight="1" x14ac:dyDescent="0.2">
      <c r="A616" s="9" t="s">
        <v>17894</v>
      </c>
      <c r="B616" s="9" t="s">
        <v>14</v>
      </c>
      <c r="C616" s="9" t="s">
        <v>2906</v>
      </c>
      <c r="D616" s="6" t="s">
        <v>2907</v>
      </c>
      <c r="E616" s="22">
        <v>43977</v>
      </c>
      <c r="F616" s="22">
        <v>45802</v>
      </c>
      <c r="G616" s="6" t="s">
        <v>2908</v>
      </c>
      <c r="H616" s="6" t="s">
        <v>18</v>
      </c>
      <c r="I616" s="6" t="s">
        <v>19</v>
      </c>
      <c r="J616" s="6" t="s">
        <v>2909</v>
      </c>
      <c r="K616" s="9" t="s">
        <v>2910</v>
      </c>
      <c r="L616" s="10" t="s">
        <v>22</v>
      </c>
      <c r="M616" s="10" t="s">
        <v>22</v>
      </c>
      <c r="N616" s="10" t="s">
        <v>22</v>
      </c>
      <c r="O616" s="10" t="s">
        <v>22</v>
      </c>
      <c r="P616" s="10" t="s">
        <v>22</v>
      </c>
      <c r="Q616" s="10" t="s">
        <v>22</v>
      </c>
      <c r="R616" s="10" t="s">
        <v>22</v>
      </c>
      <c r="S616" s="10" t="s">
        <v>22</v>
      </c>
      <c r="T616" s="10" t="s">
        <v>22</v>
      </c>
      <c r="V616" s="10" t="s">
        <v>22</v>
      </c>
      <c r="W616" s="10" t="s">
        <v>22</v>
      </c>
      <c r="Y616" s="10" t="s">
        <v>22</v>
      </c>
      <c r="Z616" s="10" t="s">
        <v>22</v>
      </c>
    </row>
    <row r="617" spans="1:26" ht="24" customHeight="1" x14ac:dyDescent="0.2">
      <c r="A617" s="9" t="s">
        <v>17895</v>
      </c>
      <c r="B617" s="9" t="s">
        <v>14</v>
      </c>
      <c r="C617" s="9" t="s">
        <v>2911</v>
      </c>
      <c r="D617" s="6" t="s">
        <v>2912</v>
      </c>
      <c r="E617" s="22">
        <v>44054</v>
      </c>
      <c r="F617" s="22">
        <v>45879</v>
      </c>
      <c r="G617" s="6" t="s">
        <v>2913</v>
      </c>
      <c r="H617" s="6" t="s">
        <v>18</v>
      </c>
      <c r="I617" s="6" t="s">
        <v>19</v>
      </c>
      <c r="J617" s="6" t="s">
        <v>2914</v>
      </c>
      <c r="K617" s="9" t="s">
        <v>2915</v>
      </c>
      <c r="L617" s="10" t="s">
        <v>22</v>
      </c>
      <c r="M617" s="10" t="s">
        <v>22</v>
      </c>
      <c r="N617" s="10" t="s">
        <v>22</v>
      </c>
      <c r="O617" s="10" t="s">
        <v>22</v>
      </c>
      <c r="P617" s="10" t="s">
        <v>22</v>
      </c>
      <c r="Q617" s="10" t="s">
        <v>22</v>
      </c>
      <c r="U617" s="10" t="s">
        <v>22</v>
      </c>
      <c r="V617" s="10" t="s">
        <v>22</v>
      </c>
      <c r="W617" s="10" t="s">
        <v>22</v>
      </c>
      <c r="X617" s="10" t="s">
        <v>22</v>
      </c>
      <c r="Y617" s="10" t="s">
        <v>22</v>
      </c>
      <c r="Z617" s="10" t="s">
        <v>22</v>
      </c>
    </row>
    <row r="618" spans="1:26" ht="24" customHeight="1" x14ac:dyDescent="0.2">
      <c r="A618" s="9" t="s">
        <v>17896</v>
      </c>
      <c r="B618" s="9" t="s">
        <v>14</v>
      </c>
      <c r="C618" s="9" t="s">
        <v>2916</v>
      </c>
      <c r="D618" s="6" t="s">
        <v>2917</v>
      </c>
      <c r="E618" s="22">
        <v>44060</v>
      </c>
      <c r="F618" s="22">
        <v>45885</v>
      </c>
      <c r="G618" s="6" t="s">
        <v>2918</v>
      </c>
      <c r="H618" s="6" t="s">
        <v>18</v>
      </c>
      <c r="I618" s="6" t="s">
        <v>19</v>
      </c>
      <c r="J618" s="6" t="s">
        <v>2919</v>
      </c>
      <c r="L618" s="10" t="s">
        <v>22</v>
      </c>
      <c r="M618" s="10" t="s">
        <v>22</v>
      </c>
      <c r="N618" s="10" t="s">
        <v>22</v>
      </c>
      <c r="O618" s="10" t="s">
        <v>22</v>
      </c>
      <c r="P618" s="10" t="s">
        <v>22</v>
      </c>
      <c r="Q618" s="10" t="s">
        <v>22</v>
      </c>
      <c r="U618" s="10" t="s">
        <v>22</v>
      </c>
      <c r="V618" s="10" t="s">
        <v>22</v>
      </c>
      <c r="W618" s="10" t="s">
        <v>22</v>
      </c>
      <c r="X618" s="10" t="s">
        <v>22</v>
      </c>
      <c r="Y618" s="10" t="s">
        <v>22</v>
      </c>
      <c r="Z618" s="10" t="s">
        <v>22</v>
      </c>
    </row>
    <row r="619" spans="1:26" ht="24" customHeight="1" x14ac:dyDescent="0.2">
      <c r="A619" s="9" t="s">
        <v>17897</v>
      </c>
      <c r="B619" s="9" t="s">
        <v>14</v>
      </c>
      <c r="C619" s="9" t="s">
        <v>2920</v>
      </c>
      <c r="D619" s="6" t="s">
        <v>2921</v>
      </c>
      <c r="E619" s="22">
        <v>44075</v>
      </c>
      <c r="F619" s="22">
        <v>45900</v>
      </c>
      <c r="G619" s="6" t="s">
        <v>2922</v>
      </c>
      <c r="H619" s="6" t="s">
        <v>18</v>
      </c>
      <c r="I619" s="6" t="s">
        <v>1194</v>
      </c>
      <c r="J619" s="6" t="s">
        <v>2923</v>
      </c>
      <c r="K619" s="9" t="s">
        <v>2924</v>
      </c>
      <c r="L619" s="10" t="s">
        <v>22</v>
      </c>
      <c r="M619" s="10" t="s">
        <v>22</v>
      </c>
      <c r="N619" s="10" t="s">
        <v>22</v>
      </c>
      <c r="O619" s="10" t="s">
        <v>22</v>
      </c>
      <c r="P619" s="10" t="s">
        <v>22</v>
      </c>
      <c r="Q619" s="10" t="s">
        <v>22</v>
      </c>
      <c r="U619" s="10" t="s">
        <v>22</v>
      </c>
      <c r="V619" s="10" t="s">
        <v>22</v>
      </c>
      <c r="W619" s="10" t="s">
        <v>22</v>
      </c>
      <c r="X619" s="10" t="s">
        <v>22</v>
      </c>
      <c r="Y619" s="10" t="s">
        <v>22</v>
      </c>
      <c r="Z619" s="10" t="s">
        <v>22</v>
      </c>
    </row>
    <row r="620" spans="1:26" ht="24" customHeight="1" x14ac:dyDescent="0.2">
      <c r="A620" s="9" t="s">
        <v>17898</v>
      </c>
      <c r="B620" s="9" t="s">
        <v>14</v>
      </c>
      <c r="C620" s="9" t="s">
        <v>2925</v>
      </c>
      <c r="D620" s="6" t="s">
        <v>2926</v>
      </c>
      <c r="E620" s="22">
        <v>44091</v>
      </c>
      <c r="F620" s="22">
        <v>45916</v>
      </c>
      <c r="G620" s="6" t="s">
        <v>2927</v>
      </c>
      <c r="H620" s="6" t="s">
        <v>562</v>
      </c>
      <c r="I620" s="6" t="s">
        <v>2928</v>
      </c>
      <c r="J620" s="6" t="s">
        <v>2929</v>
      </c>
      <c r="K620" s="9" t="s">
        <v>2930</v>
      </c>
      <c r="L620" s="10" t="s">
        <v>22</v>
      </c>
      <c r="M620" s="10" t="s">
        <v>22</v>
      </c>
      <c r="N620" s="10" t="s">
        <v>22</v>
      </c>
      <c r="O620" s="10" t="s">
        <v>22</v>
      </c>
      <c r="P620" s="10" t="s">
        <v>22</v>
      </c>
      <c r="Q620" s="10" t="s">
        <v>22</v>
      </c>
      <c r="R620" s="10" t="s">
        <v>22</v>
      </c>
      <c r="S620" s="10" t="s">
        <v>22</v>
      </c>
      <c r="T620" s="10" t="s">
        <v>22</v>
      </c>
      <c r="U620" s="10" t="s">
        <v>22</v>
      </c>
      <c r="V620" s="10" t="s">
        <v>22</v>
      </c>
      <c r="W620" s="10" t="s">
        <v>22</v>
      </c>
      <c r="X620" s="10" t="s">
        <v>22</v>
      </c>
      <c r="Y620" s="10" t="s">
        <v>22</v>
      </c>
      <c r="Z620" s="10" t="s">
        <v>22</v>
      </c>
    </row>
    <row r="621" spans="1:26" ht="24" customHeight="1" x14ac:dyDescent="0.2">
      <c r="A621" s="9" t="s">
        <v>17899</v>
      </c>
      <c r="B621" s="9" t="s">
        <v>14</v>
      </c>
      <c r="C621" s="9" t="s">
        <v>2925</v>
      </c>
      <c r="D621" s="6" t="s">
        <v>2926</v>
      </c>
      <c r="E621" s="22">
        <v>44091</v>
      </c>
      <c r="F621" s="22">
        <v>45916</v>
      </c>
      <c r="G621" s="6" t="s">
        <v>2931</v>
      </c>
      <c r="H621" s="6" t="s">
        <v>62</v>
      </c>
      <c r="I621" s="6" t="s">
        <v>264</v>
      </c>
      <c r="J621" s="6" t="s">
        <v>2932</v>
      </c>
      <c r="K621" s="9" t="s">
        <v>2933</v>
      </c>
      <c r="L621" s="10" t="s">
        <v>22</v>
      </c>
      <c r="M621" s="10" t="s">
        <v>22</v>
      </c>
      <c r="N621" s="10" t="s">
        <v>22</v>
      </c>
      <c r="O621" s="10" t="s">
        <v>22</v>
      </c>
      <c r="P621" s="10" t="s">
        <v>22</v>
      </c>
      <c r="Q621" s="10" t="s">
        <v>22</v>
      </c>
      <c r="R621" s="10" t="s">
        <v>22</v>
      </c>
      <c r="S621" s="10" t="s">
        <v>22</v>
      </c>
      <c r="T621" s="10" t="s">
        <v>22</v>
      </c>
      <c r="U621" s="10" t="s">
        <v>22</v>
      </c>
      <c r="V621" s="10" t="s">
        <v>22</v>
      </c>
      <c r="W621" s="10" t="s">
        <v>22</v>
      </c>
      <c r="X621" s="10" t="s">
        <v>22</v>
      </c>
      <c r="Y621" s="10" t="s">
        <v>22</v>
      </c>
      <c r="Z621" s="10" t="s">
        <v>22</v>
      </c>
    </row>
    <row r="622" spans="1:26" ht="24" customHeight="1" x14ac:dyDescent="0.2">
      <c r="A622" s="9" t="s">
        <v>17900</v>
      </c>
      <c r="B622" s="9" t="s">
        <v>14</v>
      </c>
      <c r="C622" s="9" t="s">
        <v>2934</v>
      </c>
      <c r="D622" s="6" t="s">
        <v>2935</v>
      </c>
      <c r="E622" s="22">
        <v>44102</v>
      </c>
      <c r="F622" s="22">
        <v>45927</v>
      </c>
      <c r="G622" s="6" t="s">
        <v>2936</v>
      </c>
      <c r="H622" s="6" t="s">
        <v>18</v>
      </c>
      <c r="I622" s="6" t="s">
        <v>1194</v>
      </c>
      <c r="J622" s="6" t="s">
        <v>2937</v>
      </c>
      <c r="K622" s="9" t="s">
        <v>2938</v>
      </c>
      <c r="O622" s="10" t="s">
        <v>22</v>
      </c>
      <c r="P622" s="10" t="s">
        <v>22</v>
      </c>
      <c r="Q622" s="10" t="s">
        <v>22</v>
      </c>
    </row>
    <row r="623" spans="1:26" ht="24" customHeight="1" x14ac:dyDescent="0.2">
      <c r="A623" s="9" t="s">
        <v>17901</v>
      </c>
      <c r="B623" s="9" t="s">
        <v>14</v>
      </c>
      <c r="C623" s="9" t="s">
        <v>2939</v>
      </c>
      <c r="D623" s="6" t="s">
        <v>2940</v>
      </c>
      <c r="E623" s="22">
        <v>44108</v>
      </c>
      <c r="F623" s="22">
        <v>45933</v>
      </c>
      <c r="G623" s="6" t="s">
        <v>2941</v>
      </c>
      <c r="H623" s="6" t="s">
        <v>18</v>
      </c>
      <c r="I623" s="6" t="s">
        <v>19</v>
      </c>
      <c r="J623" s="6" t="s">
        <v>2942</v>
      </c>
      <c r="K623" s="9" t="s">
        <v>2943</v>
      </c>
      <c r="L623" s="10" t="s">
        <v>22</v>
      </c>
      <c r="M623" s="10" t="s">
        <v>22</v>
      </c>
      <c r="N623" s="10" t="s">
        <v>22</v>
      </c>
      <c r="O623" s="10" t="s">
        <v>22</v>
      </c>
      <c r="P623" s="10" t="s">
        <v>22</v>
      </c>
      <c r="Q623" s="10" t="s">
        <v>22</v>
      </c>
      <c r="U623" s="10" t="s">
        <v>22</v>
      </c>
      <c r="V623" s="10" t="s">
        <v>22</v>
      </c>
      <c r="W623" s="10" t="s">
        <v>22</v>
      </c>
      <c r="X623" s="10" t="s">
        <v>22</v>
      </c>
      <c r="Y623" s="10" t="s">
        <v>22</v>
      </c>
      <c r="Z623" s="10" t="s">
        <v>22</v>
      </c>
    </row>
    <row r="624" spans="1:26" ht="24" customHeight="1" x14ac:dyDescent="0.2">
      <c r="A624" s="9" t="s">
        <v>17902</v>
      </c>
      <c r="B624" s="9" t="s">
        <v>14</v>
      </c>
      <c r="C624" s="9" t="s">
        <v>2944</v>
      </c>
      <c r="D624" s="6" t="s">
        <v>2945</v>
      </c>
      <c r="E624" s="22">
        <v>44111</v>
      </c>
      <c r="F624" s="22">
        <v>45936</v>
      </c>
      <c r="G624" s="6" t="s">
        <v>2946</v>
      </c>
      <c r="H624" s="6" t="s">
        <v>363</v>
      </c>
      <c r="I624" s="6" t="s">
        <v>597</v>
      </c>
      <c r="J624" s="6" t="s">
        <v>2947</v>
      </c>
      <c r="K624" s="9" t="s">
        <v>2948</v>
      </c>
      <c r="L624" s="10" t="s">
        <v>22</v>
      </c>
      <c r="M624" s="10" t="s">
        <v>22</v>
      </c>
      <c r="N624" s="10" t="s">
        <v>22</v>
      </c>
      <c r="O624" s="10" t="s">
        <v>22</v>
      </c>
      <c r="P624" s="10" t="s">
        <v>22</v>
      </c>
      <c r="Q624" s="10" t="s">
        <v>22</v>
      </c>
      <c r="R624" s="10" t="s">
        <v>22</v>
      </c>
      <c r="S624" s="10" t="s">
        <v>22</v>
      </c>
      <c r="T624" s="10" t="s">
        <v>22</v>
      </c>
      <c r="U624" s="10" t="s">
        <v>22</v>
      </c>
      <c r="V624" s="10" t="s">
        <v>22</v>
      </c>
      <c r="W624" s="10" t="s">
        <v>22</v>
      </c>
      <c r="X624" s="10" t="s">
        <v>22</v>
      </c>
      <c r="Y624" s="10" t="s">
        <v>22</v>
      </c>
      <c r="Z624" s="10" t="s">
        <v>22</v>
      </c>
    </row>
    <row r="625" spans="1:26" ht="24" customHeight="1" x14ac:dyDescent="0.2">
      <c r="A625" s="9" t="s">
        <v>17903</v>
      </c>
      <c r="B625" s="9" t="s">
        <v>14</v>
      </c>
      <c r="C625" s="9" t="s">
        <v>2949</v>
      </c>
      <c r="D625" s="6" t="s">
        <v>2950</v>
      </c>
      <c r="E625" s="22">
        <v>44119</v>
      </c>
      <c r="F625" s="22">
        <v>45944</v>
      </c>
      <c r="G625" s="6" t="s">
        <v>2951</v>
      </c>
      <c r="H625" s="6" t="s">
        <v>62</v>
      </c>
      <c r="I625" s="6" t="s">
        <v>379</v>
      </c>
      <c r="J625" s="6" t="s">
        <v>2952</v>
      </c>
      <c r="L625" s="10" t="s">
        <v>22</v>
      </c>
      <c r="M625" s="10" t="s">
        <v>22</v>
      </c>
      <c r="N625" s="10" t="s">
        <v>22</v>
      </c>
      <c r="U625" s="10" t="s">
        <v>22</v>
      </c>
      <c r="V625" s="10" t="s">
        <v>22</v>
      </c>
      <c r="W625" s="10" t="s">
        <v>22</v>
      </c>
      <c r="X625" s="10" t="s">
        <v>22</v>
      </c>
      <c r="Y625" s="10" t="s">
        <v>22</v>
      </c>
      <c r="Z625" s="10" t="s">
        <v>22</v>
      </c>
    </row>
    <row r="626" spans="1:26" ht="34" customHeight="1" x14ac:dyDescent="0.2">
      <c r="A626" s="9" t="s">
        <v>17904</v>
      </c>
      <c r="B626" s="9" t="s">
        <v>14</v>
      </c>
      <c r="C626" s="9" t="s">
        <v>2949</v>
      </c>
      <c r="D626" s="6" t="s">
        <v>2950</v>
      </c>
      <c r="E626" s="22">
        <v>44119</v>
      </c>
      <c r="F626" s="22">
        <v>45944</v>
      </c>
      <c r="G626" s="6" t="s">
        <v>2953</v>
      </c>
      <c r="H626" s="6" t="s">
        <v>18</v>
      </c>
      <c r="I626" s="6" t="s">
        <v>19</v>
      </c>
      <c r="J626" s="6" t="s">
        <v>2954</v>
      </c>
      <c r="L626" s="10" t="s">
        <v>22</v>
      </c>
      <c r="M626" s="10" t="s">
        <v>22</v>
      </c>
      <c r="N626" s="10" t="s">
        <v>22</v>
      </c>
      <c r="U626" s="10" t="s">
        <v>22</v>
      </c>
      <c r="V626" s="10" t="s">
        <v>22</v>
      </c>
      <c r="W626" s="10" t="s">
        <v>22</v>
      </c>
      <c r="X626" s="10" t="s">
        <v>22</v>
      </c>
      <c r="Y626" s="10" t="s">
        <v>22</v>
      </c>
      <c r="Z626" s="10" t="s">
        <v>22</v>
      </c>
    </row>
    <row r="627" spans="1:26" ht="24" customHeight="1" x14ac:dyDescent="0.2">
      <c r="A627" s="9" t="s">
        <v>17905</v>
      </c>
      <c r="B627" s="9" t="s">
        <v>14</v>
      </c>
      <c r="C627" s="9" t="s">
        <v>2955</v>
      </c>
      <c r="D627" s="6" t="s">
        <v>2956</v>
      </c>
      <c r="E627" s="22">
        <v>44126</v>
      </c>
      <c r="F627" s="22">
        <v>45951</v>
      </c>
      <c r="G627" s="6" t="s">
        <v>2957</v>
      </c>
      <c r="H627" s="6" t="s">
        <v>62</v>
      </c>
      <c r="I627" s="6" t="s">
        <v>477</v>
      </c>
      <c r="J627" s="6" t="s">
        <v>2958</v>
      </c>
      <c r="K627" s="9" t="s">
        <v>2959</v>
      </c>
      <c r="L627" s="10" t="s">
        <v>22</v>
      </c>
      <c r="M627" s="10" t="s">
        <v>22</v>
      </c>
      <c r="N627" s="10" t="s">
        <v>22</v>
      </c>
      <c r="O627" s="10" t="s">
        <v>22</v>
      </c>
      <c r="P627" s="10" t="s">
        <v>22</v>
      </c>
      <c r="Q627" s="10" t="s">
        <v>22</v>
      </c>
      <c r="R627" s="10" t="s">
        <v>22</v>
      </c>
      <c r="S627" s="10" t="s">
        <v>22</v>
      </c>
      <c r="T627" s="10" t="s">
        <v>22</v>
      </c>
      <c r="U627" s="10" t="s">
        <v>22</v>
      </c>
      <c r="V627" s="10" t="s">
        <v>22</v>
      </c>
      <c r="W627" s="10" t="s">
        <v>22</v>
      </c>
      <c r="X627" s="10" t="s">
        <v>22</v>
      </c>
      <c r="Y627" s="10" t="s">
        <v>22</v>
      </c>
      <c r="Z627" s="10" t="s">
        <v>22</v>
      </c>
    </row>
    <row r="628" spans="1:26" ht="24" customHeight="1" x14ac:dyDescent="0.2">
      <c r="A628" s="9" t="s">
        <v>17906</v>
      </c>
      <c r="B628" s="9" t="s">
        <v>14</v>
      </c>
      <c r="C628" s="9" t="s">
        <v>2960</v>
      </c>
      <c r="D628" s="6" t="s">
        <v>2961</v>
      </c>
      <c r="E628" s="22">
        <v>44210</v>
      </c>
      <c r="F628" s="22">
        <v>46035</v>
      </c>
      <c r="G628" s="6" t="s">
        <v>2962</v>
      </c>
      <c r="H628" s="6" t="s">
        <v>363</v>
      </c>
      <c r="I628" s="6" t="s">
        <v>597</v>
      </c>
      <c r="J628" s="6" t="s">
        <v>2963</v>
      </c>
      <c r="K628" s="9" t="s">
        <v>2964</v>
      </c>
      <c r="L628" s="10" t="s">
        <v>22</v>
      </c>
      <c r="M628" s="10" t="s">
        <v>22</v>
      </c>
      <c r="N628" s="10" t="s">
        <v>22</v>
      </c>
      <c r="O628" s="10" t="s">
        <v>22</v>
      </c>
      <c r="P628" s="10" t="s">
        <v>22</v>
      </c>
      <c r="Q628" s="10" t="s">
        <v>22</v>
      </c>
      <c r="R628" s="10" t="s">
        <v>22</v>
      </c>
      <c r="S628" s="10" t="s">
        <v>22</v>
      </c>
      <c r="T628" s="10" t="s">
        <v>22</v>
      </c>
      <c r="U628" s="10" t="s">
        <v>22</v>
      </c>
      <c r="V628" s="10" t="s">
        <v>22</v>
      </c>
      <c r="W628" s="10" t="s">
        <v>22</v>
      </c>
      <c r="X628" s="10" t="s">
        <v>22</v>
      </c>
      <c r="Y628" s="10" t="s">
        <v>22</v>
      </c>
      <c r="Z628" s="10" t="s">
        <v>22</v>
      </c>
    </row>
    <row r="629" spans="1:26" ht="24" customHeight="1" x14ac:dyDescent="0.2">
      <c r="A629" s="9" t="s">
        <v>17907</v>
      </c>
      <c r="B629" s="9" t="s">
        <v>14</v>
      </c>
      <c r="C629" s="9" t="s">
        <v>2965</v>
      </c>
      <c r="D629" s="6" t="s">
        <v>2966</v>
      </c>
      <c r="E629" s="22">
        <v>44242</v>
      </c>
      <c r="F629" s="22">
        <v>46067</v>
      </c>
      <c r="G629" s="6" t="s">
        <v>2967</v>
      </c>
      <c r="H629" s="6" t="s">
        <v>62</v>
      </c>
      <c r="I629" s="6" t="s">
        <v>186</v>
      </c>
      <c r="J629" s="6" t="s">
        <v>2968</v>
      </c>
      <c r="L629" s="10" t="s">
        <v>22</v>
      </c>
      <c r="M629" s="10" t="s">
        <v>22</v>
      </c>
      <c r="N629" s="10" t="s">
        <v>22</v>
      </c>
      <c r="O629" s="10" t="s">
        <v>22</v>
      </c>
      <c r="P629" s="10" t="s">
        <v>22</v>
      </c>
      <c r="Q629" s="10" t="s">
        <v>22</v>
      </c>
      <c r="R629" s="10" t="s">
        <v>22</v>
      </c>
      <c r="S629" s="10" t="s">
        <v>22</v>
      </c>
      <c r="T629" s="10" t="s">
        <v>22</v>
      </c>
      <c r="U629" s="10" t="s">
        <v>22</v>
      </c>
      <c r="V629" s="10" t="s">
        <v>22</v>
      </c>
      <c r="W629" s="10" t="s">
        <v>22</v>
      </c>
      <c r="X629" s="10" t="s">
        <v>22</v>
      </c>
      <c r="Y629" s="10" t="s">
        <v>22</v>
      </c>
      <c r="Z629" s="10" t="s">
        <v>22</v>
      </c>
    </row>
    <row r="630" spans="1:26" ht="24" customHeight="1" x14ac:dyDescent="0.2">
      <c r="A630" s="9" t="s">
        <v>17908</v>
      </c>
      <c r="B630" s="9" t="s">
        <v>14</v>
      </c>
      <c r="C630" s="9" t="s">
        <v>2969</v>
      </c>
      <c r="D630" s="6" t="s">
        <v>2970</v>
      </c>
      <c r="E630" s="22">
        <v>44256</v>
      </c>
      <c r="F630" s="22">
        <v>46081</v>
      </c>
      <c r="G630" s="6" t="s">
        <v>2971</v>
      </c>
      <c r="H630" s="6" t="s">
        <v>202</v>
      </c>
      <c r="I630" s="6" t="s">
        <v>873</v>
      </c>
      <c r="J630" s="6" t="s">
        <v>2972</v>
      </c>
      <c r="L630" s="10" t="s">
        <v>22</v>
      </c>
      <c r="M630" s="10" t="s">
        <v>22</v>
      </c>
      <c r="N630" s="10" t="s">
        <v>22</v>
      </c>
      <c r="O630" s="10" t="s">
        <v>22</v>
      </c>
      <c r="P630" s="10" t="s">
        <v>22</v>
      </c>
      <c r="Q630" s="10" t="s">
        <v>22</v>
      </c>
      <c r="R630" s="10" t="s">
        <v>22</v>
      </c>
      <c r="S630" s="10" t="s">
        <v>22</v>
      </c>
      <c r="T630" s="10" t="s">
        <v>22</v>
      </c>
      <c r="U630" s="10" t="s">
        <v>22</v>
      </c>
      <c r="V630" s="10" t="s">
        <v>22</v>
      </c>
      <c r="W630" s="10" t="s">
        <v>22</v>
      </c>
      <c r="X630" s="10" t="s">
        <v>22</v>
      </c>
      <c r="Y630" s="10" t="s">
        <v>22</v>
      </c>
      <c r="Z630" s="10" t="s">
        <v>22</v>
      </c>
    </row>
    <row r="631" spans="1:26" ht="24" customHeight="1" x14ac:dyDescent="0.2">
      <c r="A631" s="9" t="s">
        <v>17909</v>
      </c>
      <c r="B631" s="9" t="s">
        <v>14</v>
      </c>
      <c r="C631" s="9" t="s">
        <v>2973</v>
      </c>
      <c r="D631" s="6" t="s">
        <v>2974</v>
      </c>
      <c r="E631" s="22">
        <v>44272</v>
      </c>
      <c r="F631" s="22">
        <v>46097</v>
      </c>
      <c r="G631" s="6" t="s">
        <v>2975</v>
      </c>
      <c r="H631" s="6" t="s">
        <v>62</v>
      </c>
      <c r="I631" s="6" t="s">
        <v>414</v>
      </c>
      <c r="J631" s="6" t="s">
        <v>2976</v>
      </c>
      <c r="K631" s="9" t="s">
        <v>2977</v>
      </c>
      <c r="L631" s="10" t="s">
        <v>22</v>
      </c>
      <c r="M631" s="10" t="s">
        <v>22</v>
      </c>
      <c r="N631" s="10" t="s">
        <v>22</v>
      </c>
      <c r="O631" s="10" t="s">
        <v>22</v>
      </c>
      <c r="P631" s="10" t="s">
        <v>22</v>
      </c>
      <c r="Q631" s="10" t="s">
        <v>22</v>
      </c>
      <c r="R631" s="10" t="s">
        <v>22</v>
      </c>
      <c r="S631" s="10" t="s">
        <v>22</v>
      </c>
      <c r="T631" s="10" t="s">
        <v>22</v>
      </c>
      <c r="U631" s="10" t="s">
        <v>22</v>
      </c>
      <c r="V631" s="10" t="s">
        <v>22</v>
      </c>
      <c r="W631" s="10" t="s">
        <v>22</v>
      </c>
      <c r="X631" s="10" t="s">
        <v>22</v>
      </c>
      <c r="Y631" s="10" t="s">
        <v>22</v>
      </c>
      <c r="Z631" s="10" t="s">
        <v>22</v>
      </c>
    </row>
    <row r="632" spans="1:26" ht="24" customHeight="1" x14ac:dyDescent="0.2">
      <c r="A632" s="9" t="s">
        <v>17910</v>
      </c>
      <c r="B632" s="9" t="s">
        <v>14</v>
      </c>
      <c r="C632" s="9" t="s">
        <v>2978</v>
      </c>
      <c r="D632" s="6" t="s">
        <v>2979</v>
      </c>
      <c r="E632" s="22">
        <v>44273</v>
      </c>
      <c r="F632" s="22">
        <v>46098</v>
      </c>
      <c r="G632" s="6" t="s">
        <v>2980</v>
      </c>
      <c r="H632" s="6" t="s">
        <v>18</v>
      </c>
      <c r="I632" s="6" t="s">
        <v>19</v>
      </c>
      <c r="J632" s="6" t="s">
        <v>2981</v>
      </c>
      <c r="K632" s="9" t="s">
        <v>2982</v>
      </c>
      <c r="L632" s="10" t="s">
        <v>22</v>
      </c>
      <c r="M632" s="10" t="s">
        <v>22</v>
      </c>
      <c r="N632" s="10" t="s">
        <v>22</v>
      </c>
      <c r="O632" s="10" t="s">
        <v>22</v>
      </c>
      <c r="P632" s="10" t="s">
        <v>22</v>
      </c>
      <c r="Q632" s="10" t="s">
        <v>22</v>
      </c>
      <c r="R632" s="10" t="s">
        <v>22</v>
      </c>
      <c r="S632" s="10" t="s">
        <v>22</v>
      </c>
      <c r="T632" s="10" t="s">
        <v>22</v>
      </c>
      <c r="U632" s="10" t="s">
        <v>22</v>
      </c>
      <c r="V632" s="10" t="s">
        <v>22</v>
      </c>
      <c r="W632" s="10" t="s">
        <v>22</v>
      </c>
      <c r="X632" s="10" t="s">
        <v>22</v>
      </c>
      <c r="Y632" s="10" t="s">
        <v>22</v>
      </c>
      <c r="Z632" s="10" t="s">
        <v>22</v>
      </c>
    </row>
    <row r="633" spans="1:26" ht="24" customHeight="1" x14ac:dyDescent="0.2">
      <c r="A633" s="9" t="s">
        <v>17911</v>
      </c>
      <c r="B633" s="9" t="s">
        <v>14</v>
      </c>
      <c r="C633" s="9" t="s">
        <v>2983</v>
      </c>
      <c r="D633" s="6" t="s">
        <v>2984</v>
      </c>
      <c r="E633" s="22">
        <v>44299</v>
      </c>
      <c r="F633" s="22">
        <v>46124</v>
      </c>
      <c r="G633" s="6" t="s">
        <v>2985</v>
      </c>
      <c r="H633" s="6" t="s">
        <v>62</v>
      </c>
      <c r="I633" s="6" t="s">
        <v>994</v>
      </c>
      <c r="J633" s="6" t="s">
        <v>2986</v>
      </c>
      <c r="K633" s="9" t="s">
        <v>2987</v>
      </c>
      <c r="L633" s="10" t="s">
        <v>22</v>
      </c>
      <c r="M633" s="10" t="s">
        <v>22</v>
      </c>
      <c r="N633" s="10" t="s">
        <v>22</v>
      </c>
      <c r="O633" s="10" t="s">
        <v>22</v>
      </c>
      <c r="P633" s="10" t="s">
        <v>22</v>
      </c>
      <c r="Q633" s="10" t="s">
        <v>22</v>
      </c>
      <c r="R633" s="10" t="s">
        <v>22</v>
      </c>
      <c r="S633" s="10" t="s">
        <v>22</v>
      </c>
      <c r="T633" s="10" t="s">
        <v>22</v>
      </c>
      <c r="U633" s="10" t="s">
        <v>22</v>
      </c>
      <c r="V633" s="10" t="s">
        <v>22</v>
      </c>
      <c r="W633" s="10" t="s">
        <v>22</v>
      </c>
      <c r="X633" s="10" t="s">
        <v>22</v>
      </c>
      <c r="Y633" s="10" t="s">
        <v>22</v>
      </c>
      <c r="Z633" s="10" t="s">
        <v>22</v>
      </c>
    </row>
    <row r="634" spans="1:26" ht="24" customHeight="1" x14ac:dyDescent="0.2">
      <c r="A634" s="9" t="s">
        <v>17912</v>
      </c>
      <c r="B634" s="9" t="s">
        <v>14</v>
      </c>
      <c r="C634" s="9" t="s">
        <v>2983</v>
      </c>
      <c r="D634" s="6" t="s">
        <v>2984</v>
      </c>
      <c r="E634" s="22">
        <v>44299</v>
      </c>
      <c r="F634" s="22">
        <v>46124</v>
      </c>
      <c r="G634" s="6" t="s">
        <v>2988</v>
      </c>
      <c r="H634" s="6" t="s">
        <v>62</v>
      </c>
      <c r="I634" s="6" t="s">
        <v>1186</v>
      </c>
      <c r="J634" s="6" t="s">
        <v>2989</v>
      </c>
      <c r="K634" s="9" t="s">
        <v>2990</v>
      </c>
      <c r="L634" s="10" t="s">
        <v>22</v>
      </c>
      <c r="M634" s="10" t="s">
        <v>22</v>
      </c>
      <c r="N634" s="10" t="s">
        <v>22</v>
      </c>
      <c r="O634" s="10" t="s">
        <v>22</v>
      </c>
      <c r="P634" s="10" t="s">
        <v>22</v>
      </c>
      <c r="Q634" s="10" t="s">
        <v>22</v>
      </c>
      <c r="R634" s="10" t="s">
        <v>22</v>
      </c>
      <c r="S634" s="10" t="s">
        <v>22</v>
      </c>
      <c r="T634" s="10" t="s">
        <v>22</v>
      </c>
      <c r="U634" s="10" t="s">
        <v>22</v>
      </c>
      <c r="V634" s="10" t="s">
        <v>22</v>
      </c>
      <c r="W634" s="10" t="s">
        <v>22</v>
      </c>
      <c r="X634" s="10" t="s">
        <v>22</v>
      </c>
      <c r="Y634" s="10" t="s">
        <v>22</v>
      </c>
      <c r="Z634" s="10" t="s">
        <v>22</v>
      </c>
    </row>
    <row r="635" spans="1:26" ht="24" customHeight="1" x14ac:dyDescent="0.2">
      <c r="A635" s="9" t="s">
        <v>17913</v>
      </c>
      <c r="B635" s="9" t="s">
        <v>14</v>
      </c>
      <c r="C635" s="9" t="s">
        <v>2983</v>
      </c>
      <c r="D635" s="6" t="s">
        <v>2984</v>
      </c>
      <c r="E635" s="22">
        <v>44299</v>
      </c>
      <c r="F635" s="22">
        <v>46124</v>
      </c>
      <c r="G635" s="6" t="s">
        <v>2991</v>
      </c>
      <c r="H635" s="6" t="s">
        <v>202</v>
      </c>
      <c r="I635" s="6" t="s">
        <v>2992</v>
      </c>
      <c r="J635" s="6" t="s">
        <v>2993</v>
      </c>
      <c r="K635" s="9" t="s">
        <v>2994</v>
      </c>
      <c r="L635" s="10" t="s">
        <v>22</v>
      </c>
      <c r="M635" s="10" t="s">
        <v>22</v>
      </c>
      <c r="N635" s="10" t="s">
        <v>22</v>
      </c>
      <c r="O635" s="10" t="s">
        <v>22</v>
      </c>
      <c r="P635" s="10" t="s">
        <v>22</v>
      </c>
      <c r="Q635" s="10" t="s">
        <v>22</v>
      </c>
      <c r="R635" s="10" t="s">
        <v>22</v>
      </c>
      <c r="S635" s="10" t="s">
        <v>22</v>
      </c>
      <c r="T635" s="10" t="s">
        <v>22</v>
      </c>
      <c r="U635" s="10" t="s">
        <v>22</v>
      </c>
      <c r="V635" s="10" t="s">
        <v>22</v>
      </c>
      <c r="W635" s="10" t="s">
        <v>22</v>
      </c>
      <c r="X635" s="10" t="s">
        <v>22</v>
      </c>
      <c r="Y635" s="10" t="s">
        <v>22</v>
      </c>
      <c r="Z635" s="10" t="s">
        <v>22</v>
      </c>
    </row>
    <row r="636" spans="1:26" ht="24" customHeight="1" x14ac:dyDescent="0.2">
      <c r="A636" s="9" t="s">
        <v>17914</v>
      </c>
      <c r="B636" s="9" t="s">
        <v>14</v>
      </c>
      <c r="C636" s="9" t="s">
        <v>2983</v>
      </c>
      <c r="D636" s="6" t="s">
        <v>2984</v>
      </c>
      <c r="E636" s="22">
        <v>44299</v>
      </c>
      <c r="F636" s="22">
        <v>46124</v>
      </c>
      <c r="G636" s="6" t="s">
        <v>2995</v>
      </c>
      <c r="H636" s="6" t="s">
        <v>18</v>
      </c>
      <c r="I636" s="6" t="s">
        <v>19</v>
      </c>
      <c r="J636" s="6" t="s">
        <v>2996</v>
      </c>
      <c r="K636" s="9" t="s">
        <v>2997</v>
      </c>
      <c r="L636" s="10" t="s">
        <v>22</v>
      </c>
      <c r="M636" s="10" t="s">
        <v>22</v>
      </c>
      <c r="N636" s="10" t="s">
        <v>22</v>
      </c>
      <c r="O636" s="10" t="s">
        <v>22</v>
      </c>
      <c r="P636" s="10" t="s">
        <v>22</v>
      </c>
      <c r="Q636" s="10" t="s">
        <v>22</v>
      </c>
      <c r="R636" s="10" t="s">
        <v>22</v>
      </c>
      <c r="S636" s="10" t="s">
        <v>22</v>
      </c>
      <c r="T636" s="10" t="s">
        <v>22</v>
      </c>
      <c r="U636" s="10" t="s">
        <v>22</v>
      </c>
      <c r="V636" s="10" t="s">
        <v>22</v>
      </c>
      <c r="W636" s="10" t="s">
        <v>22</v>
      </c>
      <c r="X636" s="10" t="s">
        <v>22</v>
      </c>
      <c r="Y636" s="10" t="s">
        <v>22</v>
      </c>
      <c r="Z636" s="10" t="s">
        <v>22</v>
      </c>
    </row>
    <row r="637" spans="1:26" ht="24" customHeight="1" x14ac:dyDescent="0.2">
      <c r="A637" s="9" t="s">
        <v>17915</v>
      </c>
      <c r="B637" s="9" t="s">
        <v>14</v>
      </c>
      <c r="C637" s="9" t="s">
        <v>2998</v>
      </c>
      <c r="D637" s="6" t="s">
        <v>2999</v>
      </c>
      <c r="E637" s="22">
        <v>44304</v>
      </c>
      <c r="F637" s="22">
        <v>46129</v>
      </c>
      <c r="G637" s="6" t="s">
        <v>3000</v>
      </c>
      <c r="H637" s="6" t="s">
        <v>62</v>
      </c>
      <c r="I637" s="6" t="s">
        <v>186</v>
      </c>
      <c r="J637" s="6" t="s">
        <v>3001</v>
      </c>
      <c r="K637" s="9" t="s">
        <v>3002</v>
      </c>
      <c r="L637" s="10" t="s">
        <v>22</v>
      </c>
      <c r="M637" s="10" t="s">
        <v>22</v>
      </c>
      <c r="N637" s="10" t="s">
        <v>22</v>
      </c>
      <c r="O637" s="10" t="s">
        <v>22</v>
      </c>
      <c r="P637" s="10" t="s">
        <v>22</v>
      </c>
      <c r="Q637" s="10" t="s">
        <v>22</v>
      </c>
      <c r="U637" s="10" t="s">
        <v>22</v>
      </c>
      <c r="V637" s="10" t="s">
        <v>22</v>
      </c>
      <c r="W637" s="10" t="s">
        <v>22</v>
      </c>
      <c r="X637" s="10" t="s">
        <v>22</v>
      </c>
      <c r="Y637" s="10" t="s">
        <v>22</v>
      </c>
      <c r="Z637" s="10" t="s">
        <v>22</v>
      </c>
    </row>
    <row r="638" spans="1:26" ht="24" customHeight="1" x14ac:dyDescent="0.2">
      <c r="A638" s="9" t="s">
        <v>17916</v>
      </c>
      <c r="B638" s="9" t="s">
        <v>14</v>
      </c>
      <c r="C638" s="9" t="s">
        <v>3003</v>
      </c>
      <c r="D638" s="6" t="s">
        <v>3004</v>
      </c>
      <c r="E638" s="22">
        <v>44360</v>
      </c>
      <c r="F638" s="22">
        <v>46185</v>
      </c>
      <c r="G638" s="6" t="s">
        <v>3005</v>
      </c>
      <c r="H638" s="6" t="s">
        <v>363</v>
      </c>
      <c r="I638" s="6" t="s">
        <v>1966</v>
      </c>
      <c r="J638" s="6" t="s">
        <v>3006</v>
      </c>
      <c r="K638" s="9" t="s">
        <v>3007</v>
      </c>
      <c r="L638" s="10" t="s">
        <v>22</v>
      </c>
      <c r="M638" s="10" t="s">
        <v>22</v>
      </c>
      <c r="N638" s="10" t="s">
        <v>22</v>
      </c>
      <c r="O638" s="10" t="s">
        <v>22</v>
      </c>
      <c r="P638" s="10" t="s">
        <v>22</v>
      </c>
      <c r="Q638" s="10" t="s">
        <v>22</v>
      </c>
      <c r="R638" s="10" t="s">
        <v>22</v>
      </c>
      <c r="S638" s="10" t="s">
        <v>22</v>
      </c>
      <c r="T638" s="10" t="s">
        <v>22</v>
      </c>
      <c r="U638" s="10" t="s">
        <v>22</v>
      </c>
      <c r="V638" s="10" t="s">
        <v>22</v>
      </c>
      <c r="W638" s="10" t="s">
        <v>22</v>
      </c>
      <c r="X638" s="10" t="s">
        <v>22</v>
      </c>
      <c r="Y638" s="10" t="s">
        <v>22</v>
      </c>
      <c r="Z638" s="10" t="s">
        <v>22</v>
      </c>
    </row>
    <row r="639" spans="1:26" ht="24" customHeight="1" x14ac:dyDescent="0.2">
      <c r="A639" s="9" t="s">
        <v>17917</v>
      </c>
      <c r="B639" s="9" t="s">
        <v>14</v>
      </c>
      <c r="C639" s="9" t="s">
        <v>3008</v>
      </c>
      <c r="D639" s="6" t="s">
        <v>3009</v>
      </c>
      <c r="E639" s="22">
        <v>44360</v>
      </c>
      <c r="F639" s="22">
        <v>46185</v>
      </c>
      <c r="G639" s="6" t="s">
        <v>3010</v>
      </c>
      <c r="H639" s="6" t="s">
        <v>18</v>
      </c>
      <c r="I639" s="6" t="s">
        <v>26</v>
      </c>
      <c r="J639" s="6" t="s">
        <v>3011</v>
      </c>
      <c r="K639" s="9" t="s">
        <v>3012</v>
      </c>
      <c r="L639" s="10" t="s">
        <v>22</v>
      </c>
      <c r="M639" s="10" t="s">
        <v>22</v>
      </c>
      <c r="N639" s="10" t="s">
        <v>22</v>
      </c>
      <c r="O639" s="10" t="s">
        <v>22</v>
      </c>
      <c r="P639" s="10" t="s">
        <v>22</v>
      </c>
      <c r="Q639" s="10" t="s">
        <v>22</v>
      </c>
      <c r="U639" s="10" t="s">
        <v>22</v>
      </c>
      <c r="V639" s="10" t="s">
        <v>22</v>
      </c>
      <c r="W639" s="10" t="s">
        <v>22</v>
      </c>
      <c r="X639" s="10" t="s">
        <v>22</v>
      </c>
      <c r="Y639" s="10" t="s">
        <v>22</v>
      </c>
      <c r="Z639" s="10" t="s">
        <v>22</v>
      </c>
    </row>
    <row r="640" spans="1:26" ht="24" customHeight="1" x14ac:dyDescent="0.2">
      <c r="A640" s="9" t="s">
        <v>17918</v>
      </c>
      <c r="B640" s="9" t="s">
        <v>14</v>
      </c>
      <c r="C640" s="9" t="s">
        <v>3013</v>
      </c>
      <c r="D640" s="6" t="s">
        <v>3014</v>
      </c>
      <c r="E640" s="22">
        <v>44377</v>
      </c>
      <c r="F640" s="22">
        <v>46202</v>
      </c>
      <c r="G640" s="6" t="s">
        <v>3015</v>
      </c>
      <c r="H640" s="6" t="s">
        <v>202</v>
      </c>
      <c r="I640" s="6" t="s">
        <v>2117</v>
      </c>
      <c r="J640" s="6" t="s">
        <v>3016</v>
      </c>
      <c r="K640" s="9" t="s">
        <v>3017</v>
      </c>
      <c r="L640" s="10" t="s">
        <v>22</v>
      </c>
      <c r="M640" s="10" t="s">
        <v>22</v>
      </c>
      <c r="N640" s="10" t="s">
        <v>22</v>
      </c>
      <c r="O640" s="10" t="s">
        <v>22</v>
      </c>
      <c r="P640" s="10" t="s">
        <v>22</v>
      </c>
      <c r="Q640" s="10" t="s">
        <v>22</v>
      </c>
      <c r="R640" s="10" t="s">
        <v>22</v>
      </c>
      <c r="S640" s="10" t="s">
        <v>22</v>
      </c>
      <c r="T640" s="10" t="s">
        <v>22</v>
      </c>
      <c r="U640" s="10" t="s">
        <v>22</v>
      </c>
      <c r="V640" s="10" t="s">
        <v>22</v>
      </c>
      <c r="W640" s="10" t="s">
        <v>22</v>
      </c>
      <c r="X640" s="10" t="s">
        <v>22</v>
      </c>
      <c r="Y640" s="10" t="s">
        <v>22</v>
      </c>
      <c r="Z640" s="10" t="s">
        <v>22</v>
      </c>
    </row>
    <row r="641" spans="1:26" ht="24" customHeight="1" x14ac:dyDescent="0.2">
      <c r="A641" s="9" t="s">
        <v>17919</v>
      </c>
      <c r="B641" s="9" t="s">
        <v>14</v>
      </c>
      <c r="C641" s="9" t="s">
        <v>3018</v>
      </c>
      <c r="D641" s="6" t="s">
        <v>3019</v>
      </c>
      <c r="E641" s="22">
        <v>44377</v>
      </c>
      <c r="F641" s="22">
        <v>46202</v>
      </c>
      <c r="G641" s="6" t="s">
        <v>3020</v>
      </c>
      <c r="H641" s="6" t="s">
        <v>18</v>
      </c>
      <c r="I641" s="6" t="s">
        <v>19</v>
      </c>
      <c r="J641" s="6" t="s">
        <v>3021</v>
      </c>
      <c r="K641" s="9" t="s">
        <v>3022</v>
      </c>
      <c r="L641" s="10" t="s">
        <v>22</v>
      </c>
      <c r="M641" s="10" t="s">
        <v>22</v>
      </c>
      <c r="N641" s="10" t="s">
        <v>22</v>
      </c>
      <c r="O641" s="10" t="s">
        <v>22</v>
      </c>
      <c r="P641" s="10" t="s">
        <v>22</v>
      </c>
      <c r="Q641" s="10" t="s">
        <v>22</v>
      </c>
      <c r="R641" s="10" t="s">
        <v>22</v>
      </c>
      <c r="S641" s="10" t="s">
        <v>22</v>
      </c>
      <c r="T641" s="10" t="s">
        <v>22</v>
      </c>
    </row>
    <row r="642" spans="1:26" ht="24" customHeight="1" x14ac:dyDescent="0.2">
      <c r="A642" s="9" t="s">
        <v>17920</v>
      </c>
      <c r="B642" s="9" t="s">
        <v>14</v>
      </c>
      <c r="C642" s="9" t="s">
        <v>3023</v>
      </c>
      <c r="D642" s="6" t="s">
        <v>3024</v>
      </c>
      <c r="E642" s="22">
        <v>44398</v>
      </c>
      <c r="F642" s="22">
        <v>46223</v>
      </c>
      <c r="G642" s="6" t="s">
        <v>3025</v>
      </c>
      <c r="H642" s="6" t="s">
        <v>202</v>
      </c>
      <c r="I642" s="6" t="s">
        <v>3026</v>
      </c>
      <c r="J642" s="6" t="s">
        <v>3027</v>
      </c>
      <c r="K642" s="9" t="s">
        <v>3028</v>
      </c>
      <c r="L642" s="10" t="s">
        <v>22</v>
      </c>
      <c r="M642" s="10" t="s">
        <v>22</v>
      </c>
      <c r="N642" s="10" t="s">
        <v>22</v>
      </c>
      <c r="O642" s="10" t="s">
        <v>22</v>
      </c>
      <c r="P642" s="10" t="s">
        <v>22</v>
      </c>
      <c r="Q642" s="10" t="s">
        <v>22</v>
      </c>
      <c r="R642" s="10" t="s">
        <v>22</v>
      </c>
      <c r="S642" s="10" t="s">
        <v>22</v>
      </c>
      <c r="T642" s="10" t="s">
        <v>22</v>
      </c>
      <c r="U642" s="10" t="s">
        <v>22</v>
      </c>
      <c r="V642" s="10" t="s">
        <v>22</v>
      </c>
      <c r="W642" s="10" t="s">
        <v>22</v>
      </c>
      <c r="X642" s="10" t="s">
        <v>22</v>
      </c>
      <c r="Y642" s="10" t="s">
        <v>22</v>
      </c>
      <c r="Z642" s="10" t="s">
        <v>22</v>
      </c>
    </row>
    <row r="643" spans="1:26" ht="24" customHeight="1" x14ac:dyDescent="0.2">
      <c r="A643" s="9" t="s">
        <v>17921</v>
      </c>
      <c r="B643" s="9" t="s">
        <v>14</v>
      </c>
      <c r="C643" s="9" t="s">
        <v>3029</v>
      </c>
      <c r="D643" s="6" t="s">
        <v>3030</v>
      </c>
      <c r="E643" s="22">
        <v>44424</v>
      </c>
      <c r="F643" s="22">
        <v>46249</v>
      </c>
      <c r="G643" s="6" t="s">
        <v>3031</v>
      </c>
      <c r="H643" s="6" t="s">
        <v>18</v>
      </c>
      <c r="I643" s="6" t="s">
        <v>19</v>
      </c>
      <c r="J643" s="6" t="s">
        <v>3032</v>
      </c>
      <c r="K643" s="9" t="s">
        <v>3033</v>
      </c>
      <c r="L643" s="10" t="s">
        <v>22</v>
      </c>
      <c r="M643" s="10" t="s">
        <v>22</v>
      </c>
      <c r="N643" s="10" t="s">
        <v>22</v>
      </c>
      <c r="O643" s="10" t="s">
        <v>22</v>
      </c>
      <c r="P643" s="10" t="s">
        <v>22</v>
      </c>
      <c r="Q643" s="10" t="s">
        <v>22</v>
      </c>
      <c r="R643" s="10" t="s">
        <v>22</v>
      </c>
      <c r="S643" s="10" t="s">
        <v>22</v>
      </c>
      <c r="T643" s="10" t="s">
        <v>22</v>
      </c>
      <c r="U643" s="10" t="s">
        <v>22</v>
      </c>
      <c r="V643" s="10" t="s">
        <v>22</v>
      </c>
      <c r="W643" s="10" t="s">
        <v>22</v>
      </c>
      <c r="X643" s="10" t="s">
        <v>22</v>
      </c>
      <c r="Y643" s="10" t="s">
        <v>22</v>
      </c>
      <c r="Z643" s="10" t="s">
        <v>22</v>
      </c>
    </row>
    <row r="644" spans="1:26" ht="24" customHeight="1" x14ac:dyDescent="0.2">
      <c r="A644" s="9" t="s">
        <v>17922</v>
      </c>
      <c r="B644" s="9" t="s">
        <v>14</v>
      </c>
      <c r="C644" s="9" t="s">
        <v>3034</v>
      </c>
      <c r="D644" s="6" t="s">
        <v>3035</v>
      </c>
      <c r="E644" s="22">
        <v>44462</v>
      </c>
      <c r="F644" s="22">
        <v>46287</v>
      </c>
      <c r="G644" s="6" t="s">
        <v>3036</v>
      </c>
      <c r="H644" s="6" t="s">
        <v>18</v>
      </c>
      <c r="I644" s="6" t="s">
        <v>26</v>
      </c>
      <c r="J644" s="6" t="s">
        <v>3037</v>
      </c>
      <c r="L644" s="10" t="s">
        <v>22</v>
      </c>
      <c r="M644" s="10" t="s">
        <v>22</v>
      </c>
      <c r="N644" s="10" t="s">
        <v>22</v>
      </c>
      <c r="O644" s="10" t="s">
        <v>22</v>
      </c>
      <c r="P644" s="10" t="s">
        <v>22</v>
      </c>
      <c r="Q644" s="10" t="s">
        <v>22</v>
      </c>
      <c r="R644" s="10" t="s">
        <v>22</v>
      </c>
      <c r="S644" s="10" t="s">
        <v>22</v>
      </c>
      <c r="T644" s="10" t="s">
        <v>22</v>
      </c>
      <c r="U644" s="10" t="s">
        <v>22</v>
      </c>
      <c r="V644" s="10" t="s">
        <v>22</v>
      </c>
      <c r="W644" s="10" t="s">
        <v>22</v>
      </c>
      <c r="X644" s="10" t="s">
        <v>22</v>
      </c>
      <c r="Y644" s="10" t="s">
        <v>22</v>
      </c>
      <c r="Z644" s="10" t="s">
        <v>22</v>
      </c>
    </row>
    <row r="645" spans="1:26" ht="24" customHeight="1" x14ac:dyDescent="0.2">
      <c r="A645" s="9" t="s">
        <v>17923</v>
      </c>
      <c r="B645" s="9" t="s">
        <v>14</v>
      </c>
      <c r="C645" s="9" t="s">
        <v>3038</v>
      </c>
      <c r="D645" s="6" t="s">
        <v>3039</v>
      </c>
      <c r="E645" s="22">
        <v>44469</v>
      </c>
      <c r="F645" s="22">
        <v>46294</v>
      </c>
      <c r="G645" s="6" t="s">
        <v>3040</v>
      </c>
      <c r="H645" s="6" t="s">
        <v>18</v>
      </c>
      <c r="I645" s="6" t="s">
        <v>19</v>
      </c>
      <c r="J645" s="6" t="s">
        <v>3041</v>
      </c>
      <c r="K645" s="9" t="s">
        <v>3042</v>
      </c>
      <c r="L645" s="10" t="s">
        <v>22</v>
      </c>
      <c r="M645" s="10" t="s">
        <v>22</v>
      </c>
      <c r="N645" s="10" t="s">
        <v>22</v>
      </c>
      <c r="U645" s="10" t="s">
        <v>22</v>
      </c>
      <c r="V645" s="10" t="s">
        <v>22</v>
      </c>
      <c r="W645" s="10" t="s">
        <v>22</v>
      </c>
    </row>
    <row r="646" spans="1:26" ht="24" customHeight="1" x14ac:dyDescent="0.2">
      <c r="A646" s="9" t="s">
        <v>17924</v>
      </c>
      <c r="B646" s="9" t="s">
        <v>14</v>
      </c>
      <c r="C646" s="9" t="s">
        <v>3043</v>
      </c>
      <c r="D646" s="6" t="s">
        <v>3044</v>
      </c>
      <c r="E646" s="22">
        <v>44474</v>
      </c>
      <c r="F646" s="22">
        <v>46299</v>
      </c>
      <c r="G646" s="6" t="s">
        <v>3045</v>
      </c>
      <c r="H646" s="6" t="s">
        <v>62</v>
      </c>
      <c r="I646" s="6" t="s">
        <v>842</v>
      </c>
      <c r="J646" s="6" t="s">
        <v>3046</v>
      </c>
      <c r="L646" s="10" t="s">
        <v>22</v>
      </c>
      <c r="M646" s="10" t="s">
        <v>22</v>
      </c>
      <c r="N646" s="10" t="s">
        <v>22</v>
      </c>
      <c r="O646" s="10" t="s">
        <v>22</v>
      </c>
      <c r="P646" s="10" t="s">
        <v>22</v>
      </c>
      <c r="Q646" s="10" t="s">
        <v>22</v>
      </c>
      <c r="R646" s="10" t="s">
        <v>22</v>
      </c>
      <c r="S646" s="10" t="s">
        <v>22</v>
      </c>
      <c r="T646" s="10" t="s">
        <v>22</v>
      </c>
      <c r="U646" s="10" t="s">
        <v>22</v>
      </c>
      <c r="V646" s="10" t="s">
        <v>22</v>
      </c>
      <c r="W646" s="10" t="s">
        <v>22</v>
      </c>
      <c r="X646" s="10" t="s">
        <v>22</v>
      </c>
      <c r="Y646" s="10" t="s">
        <v>22</v>
      </c>
      <c r="Z646" s="10" t="s">
        <v>22</v>
      </c>
    </row>
    <row r="647" spans="1:26" ht="24" customHeight="1" x14ac:dyDescent="0.2">
      <c r="A647" s="9" t="s">
        <v>17925</v>
      </c>
      <c r="B647" s="9" t="s">
        <v>14</v>
      </c>
      <c r="C647" s="9" t="s">
        <v>3047</v>
      </c>
      <c r="D647" s="6" t="s">
        <v>3048</v>
      </c>
      <c r="E647" s="22">
        <v>44482</v>
      </c>
      <c r="F647" s="22">
        <v>46307</v>
      </c>
      <c r="G647" s="6" t="s">
        <v>3049</v>
      </c>
      <c r="H647" s="6" t="s">
        <v>202</v>
      </c>
      <c r="I647" s="6" t="s">
        <v>3050</v>
      </c>
      <c r="J647" s="6" t="s">
        <v>3051</v>
      </c>
      <c r="K647" s="9" t="s">
        <v>3052</v>
      </c>
      <c r="L647" s="10" t="s">
        <v>22</v>
      </c>
      <c r="M647" s="10" t="s">
        <v>22</v>
      </c>
      <c r="N647" s="10" t="s">
        <v>22</v>
      </c>
      <c r="O647" s="10" t="s">
        <v>22</v>
      </c>
      <c r="P647" s="10" t="s">
        <v>22</v>
      </c>
      <c r="Q647" s="10" t="s">
        <v>22</v>
      </c>
      <c r="R647" s="10" t="s">
        <v>22</v>
      </c>
      <c r="S647" s="10" t="s">
        <v>22</v>
      </c>
      <c r="T647" s="10" t="s">
        <v>22</v>
      </c>
      <c r="U647" s="10" t="s">
        <v>22</v>
      </c>
      <c r="V647" s="10" t="s">
        <v>22</v>
      </c>
      <c r="W647" s="10" t="s">
        <v>22</v>
      </c>
      <c r="X647" s="10" t="s">
        <v>22</v>
      </c>
      <c r="Y647" s="10" t="s">
        <v>22</v>
      </c>
      <c r="Z647" s="10" t="s">
        <v>22</v>
      </c>
    </row>
    <row r="648" spans="1:26" ht="24" customHeight="1" x14ac:dyDescent="0.2">
      <c r="A648" s="9" t="s">
        <v>17926</v>
      </c>
      <c r="B648" s="9" t="s">
        <v>14</v>
      </c>
      <c r="C648" s="9" t="s">
        <v>3053</v>
      </c>
      <c r="D648" s="6" t="s">
        <v>3054</v>
      </c>
      <c r="E648" s="22">
        <v>44487</v>
      </c>
      <c r="F648" s="22">
        <v>46312</v>
      </c>
      <c r="G648" s="6" t="s">
        <v>3055</v>
      </c>
      <c r="H648" s="6" t="s">
        <v>62</v>
      </c>
      <c r="I648" s="6" t="s">
        <v>312</v>
      </c>
      <c r="J648" s="6" t="s">
        <v>3056</v>
      </c>
      <c r="K648" s="9" t="s">
        <v>3057</v>
      </c>
      <c r="L648" s="10" t="s">
        <v>22</v>
      </c>
      <c r="M648" s="10" t="s">
        <v>22</v>
      </c>
      <c r="N648" s="10" t="s">
        <v>22</v>
      </c>
      <c r="O648" s="10" t="s">
        <v>22</v>
      </c>
      <c r="P648" s="10" t="s">
        <v>22</v>
      </c>
      <c r="Q648" s="10" t="s">
        <v>22</v>
      </c>
      <c r="R648" s="10" t="s">
        <v>22</v>
      </c>
      <c r="S648" s="10" t="s">
        <v>22</v>
      </c>
      <c r="T648" s="10" t="s">
        <v>22</v>
      </c>
      <c r="U648" s="10" t="s">
        <v>22</v>
      </c>
      <c r="V648" s="10" t="s">
        <v>22</v>
      </c>
      <c r="W648" s="10" t="s">
        <v>22</v>
      </c>
      <c r="X648" s="10" t="s">
        <v>22</v>
      </c>
      <c r="Y648" s="10" t="s">
        <v>22</v>
      </c>
      <c r="Z648" s="10" t="s">
        <v>22</v>
      </c>
    </row>
    <row r="649" spans="1:26" ht="24" customHeight="1" x14ac:dyDescent="0.2">
      <c r="A649" s="9" t="s">
        <v>17927</v>
      </c>
      <c r="B649" s="9" t="s">
        <v>14</v>
      </c>
      <c r="C649" s="9" t="s">
        <v>3058</v>
      </c>
      <c r="D649" s="6" t="s">
        <v>3059</v>
      </c>
      <c r="E649" s="22">
        <v>44499</v>
      </c>
      <c r="F649" s="22">
        <v>46324</v>
      </c>
      <c r="G649" s="6" t="s">
        <v>3060</v>
      </c>
      <c r="H649" s="6" t="s">
        <v>18</v>
      </c>
      <c r="I649" s="6" t="s">
        <v>19</v>
      </c>
      <c r="J649" s="6" t="s">
        <v>3061</v>
      </c>
      <c r="K649" s="9" t="s">
        <v>3062</v>
      </c>
      <c r="L649" s="10" t="s">
        <v>22</v>
      </c>
      <c r="M649" s="10" t="s">
        <v>22</v>
      </c>
      <c r="N649" s="10" t="s">
        <v>22</v>
      </c>
      <c r="O649" s="10" t="s">
        <v>22</v>
      </c>
      <c r="P649" s="10" t="s">
        <v>22</v>
      </c>
      <c r="Q649" s="10" t="s">
        <v>22</v>
      </c>
      <c r="R649" s="10" t="s">
        <v>22</v>
      </c>
      <c r="S649" s="10" t="s">
        <v>22</v>
      </c>
      <c r="T649" s="10" t="s">
        <v>22</v>
      </c>
      <c r="U649" s="10" t="s">
        <v>22</v>
      </c>
      <c r="V649" s="10" t="s">
        <v>22</v>
      </c>
      <c r="W649" s="10" t="s">
        <v>22</v>
      </c>
      <c r="X649" s="10" t="s">
        <v>22</v>
      </c>
      <c r="Y649" s="10" t="s">
        <v>22</v>
      </c>
      <c r="Z649" s="10" t="s">
        <v>22</v>
      </c>
    </row>
    <row r="650" spans="1:26" ht="24" customHeight="1" x14ac:dyDescent="0.2">
      <c r="A650" s="9" t="s">
        <v>17928</v>
      </c>
      <c r="B650" s="9" t="s">
        <v>14</v>
      </c>
      <c r="C650" s="9" t="s">
        <v>3063</v>
      </c>
      <c r="D650" s="6" t="s">
        <v>3064</v>
      </c>
      <c r="E650" s="22">
        <v>44520</v>
      </c>
      <c r="F650" s="22">
        <v>46345</v>
      </c>
      <c r="G650" s="6" t="s">
        <v>3065</v>
      </c>
      <c r="H650" s="6" t="s">
        <v>18</v>
      </c>
      <c r="I650" s="6" t="s">
        <v>19</v>
      </c>
      <c r="J650" s="6" t="s">
        <v>3066</v>
      </c>
      <c r="K650" s="9" t="s">
        <v>3067</v>
      </c>
      <c r="L650" s="10" t="s">
        <v>22</v>
      </c>
      <c r="M650" s="10" t="s">
        <v>22</v>
      </c>
      <c r="N650" s="10" t="s">
        <v>22</v>
      </c>
      <c r="O650" s="10" t="s">
        <v>22</v>
      </c>
      <c r="P650" s="10" t="s">
        <v>22</v>
      </c>
      <c r="Q650" s="10" t="s">
        <v>22</v>
      </c>
      <c r="R650" s="10" t="s">
        <v>22</v>
      </c>
      <c r="S650" s="10" t="s">
        <v>22</v>
      </c>
      <c r="T650" s="10" t="s">
        <v>22</v>
      </c>
      <c r="U650" s="10" t="s">
        <v>22</v>
      </c>
      <c r="V650" s="10" t="s">
        <v>22</v>
      </c>
      <c r="W650" s="10" t="s">
        <v>22</v>
      </c>
    </row>
    <row r="651" spans="1:26" ht="24" customHeight="1" x14ac:dyDescent="0.2">
      <c r="A651" s="9" t="s">
        <v>17929</v>
      </c>
      <c r="B651" s="9" t="s">
        <v>14</v>
      </c>
      <c r="C651" s="9" t="s">
        <v>3068</v>
      </c>
      <c r="D651" s="6" t="s">
        <v>3069</v>
      </c>
      <c r="E651" s="22">
        <v>44529</v>
      </c>
      <c r="F651" s="22">
        <v>46354</v>
      </c>
      <c r="G651" s="6" t="s">
        <v>3070</v>
      </c>
      <c r="H651" s="6" t="s">
        <v>62</v>
      </c>
      <c r="I651" s="6" t="s">
        <v>306</v>
      </c>
      <c r="J651" s="6" t="s">
        <v>3071</v>
      </c>
      <c r="K651" s="9" t="s">
        <v>3072</v>
      </c>
      <c r="L651" s="10" t="s">
        <v>22</v>
      </c>
      <c r="M651" s="10" t="s">
        <v>22</v>
      </c>
      <c r="N651" s="10" t="s">
        <v>22</v>
      </c>
      <c r="O651" s="10" t="s">
        <v>22</v>
      </c>
      <c r="P651" s="10" t="s">
        <v>22</v>
      </c>
      <c r="Q651" s="10" t="s">
        <v>22</v>
      </c>
      <c r="U651" s="10" t="s">
        <v>22</v>
      </c>
      <c r="V651" s="10" t="s">
        <v>22</v>
      </c>
      <c r="W651" s="10" t="s">
        <v>22</v>
      </c>
      <c r="X651" s="10" t="s">
        <v>22</v>
      </c>
      <c r="Y651" s="10" t="s">
        <v>22</v>
      </c>
      <c r="Z651" s="10" t="s">
        <v>22</v>
      </c>
    </row>
    <row r="652" spans="1:26" ht="24" customHeight="1" x14ac:dyDescent="0.2">
      <c r="A652" s="9" t="s">
        <v>17930</v>
      </c>
      <c r="B652" s="9" t="s">
        <v>14</v>
      </c>
      <c r="C652" s="9" t="s">
        <v>3073</v>
      </c>
      <c r="D652" s="6" t="s">
        <v>3074</v>
      </c>
      <c r="E652" s="22">
        <v>44531</v>
      </c>
      <c r="F652" s="22">
        <v>46356</v>
      </c>
      <c r="G652" s="6" t="s">
        <v>3075</v>
      </c>
      <c r="H652" s="6" t="s">
        <v>18</v>
      </c>
      <c r="I652" s="6" t="s">
        <v>19</v>
      </c>
      <c r="J652" s="6" t="s">
        <v>3076</v>
      </c>
      <c r="K652" s="9" t="s">
        <v>3077</v>
      </c>
      <c r="L652" s="10" t="s">
        <v>22</v>
      </c>
      <c r="M652" s="10" t="s">
        <v>22</v>
      </c>
      <c r="N652" s="10" t="s">
        <v>22</v>
      </c>
      <c r="O652" s="10" t="s">
        <v>22</v>
      </c>
      <c r="P652" s="10" t="s">
        <v>22</v>
      </c>
      <c r="Q652" s="10" t="s">
        <v>22</v>
      </c>
      <c r="R652" s="10" t="s">
        <v>22</v>
      </c>
      <c r="S652" s="10" t="s">
        <v>22</v>
      </c>
      <c r="T652" s="10" t="s">
        <v>22</v>
      </c>
      <c r="U652" s="10" t="s">
        <v>22</v>
      </c>
      <c r="V652" s="10" t="s">
        <v>22</v>
      </c>
      <c r="W652" s="10" t="s">
        <v>22</v>
      </c>
      <c r="X652" s="10" t="s">
        <v>22</v>
      </c>
      <c r="Y652" s="10" t="s">
        <v>22</v>
      </c>
      <c r="Z652" s="10" t="s">
        <v>22</v>
      </c>
    </row>
    <row r="653" spans="1:26" ht="24" customHeight="1" x14ac:dyDescent="0.2">
      <c r="A653" s="9" t="s">
        <v>17931</v>
      </c>
      <c r="B653" s="9" t="s">
        <v>14</v>
      </c>
      <c r="C653" s="9" t="s">
        <v>3078</v>
      </c>
      <c r="D653" s="6" t="s">
        <v>3079</v>
      </c>
      <c r="E653" s="22">
        <v>44542</v>
      </c>
      <c r="F653" s="22">
        <v>46367</v>
      </c>
      <c r="G653" s="6" t="s">
        <v>3080</v>
      </c>
      <c r="H653" s="6" t="s">
        <v>202</v>
      </c>
      <c r="I653" s="6" t="s">
        <v>873</v>
      </c>
      <c r="J653" s="6" t="s">
        <v>3081</v>
      </c>
      <c r="K653" s="9" t="s">
        <v>3082</v>
      </c>
      <c r="L653" s="10" t="s">
        <v>22</v>
      </c>
      <c r="M653" s="10" t="s">
        <v>22</v>
      </c>
      <c r="N653" s="10" t="s">
        <v>22</v>
      </c>
      <c r="O653" s="10" t="s">
        <v>22</v>
      </c>
      <c r="P653" s="10" t="s">
        <v>22</v>
      </c>
      <c r="Q653" s="10" t="s">
        <v>22</v>
      </c>
      <c r="U653" s="10" t="s">
        <v>22</v>
      </c>
      <c r="V653" s="10" t="s">
        <v>22</v>
      </c>
      <c r="W653" s="10" t="s">
        <v>22</v>
      </c>
      <c r="X653" s="10" t="s">
        <v>22</v>
      </c>
      <c r="Y653" s="10" t="s">
        <v>22</v>
      </c>
      <c r="Z653" s="10" t="s">
        <v>22</v>
      </c>
    </row>
    <row r="654" spans="1:26" ht="24" customHeight="1" x14ac:dyDescent="0.2">
      <c r="A654" s="9" t="s">
        <v>17932</v>
      </c>
      <c r="B654" s="9" t="s">
        <v>14</v>
      </c>
      <c r="C654" s="9" t="s">
        <v>3078</v>
      </c>
      <c r="D654" s="6" t="s">
        <v>3079</v>
      </c>
      <c r="E654" s="22">
        <v>44542</v>
      </c>
      <c r="F654" s="22">
        <v>46367</v>
      </c>
      <c r="G654" s="6" t="s">
        <v>3083</v>
      </c>
      <c r="H654" s="6" t="s">
        <v>18</v>
      </c>
      <c r="I654" s="6" t="s">
        <v>522</v>
      </c>
      <c r="J654" s="6" t="s">
        <v>3084</v>
      </c>
      <c r="K654" s="9" t="s">
        <v>3085</v>
      </c>
      <c r="L654" s="10" t="s">
        <v>22</v>
      </c>
      <c r="M654" s="10" t="s">
        <v>22</v>
      </c>
      <c r="N654" s="10" t="s">
        <v>22</v>
      </c>
      <c r="O654" s="10" t="s">
        <v>22</v>
      </c>
      <c r="P654" s="10" t="s">
        <v>22</v>
      </c>
      <c r="Q654" s="10" t="s">
        <v>22</v>
      </c>
      <c r="U654" s="10" t="s">
        <v>22</v>
      </c>
      <c r="V654" s="10" t="s">
        <v>22</v>
      </c>
      <c r="W654" s="10" t="s">
        <v>22</v>
      </c>
      <c r="X654" s="10" t="s">
        <v>22</v>
      </c>
      <c r="Y654" s="10" t="s">
        <v>22</v>
      </c>
      <c r="Z654" s="10" t="s">
        <v>22</v>
      </c>
    </row>
    <row r="655" spans="1:26" ht="24" customHeight="1" x14ac:dyDescent="0.2">
      <c r="A655" s="9" t="s">
        <v>17933</v>
      </c>
      <c r="B655" s="9" t="s">
        <v>14</v>
      </c>
      <c r="C655" s="9" t="s">
        <v>3086</v>
      </c>
      <c r="D655" s="6" t="s">
        <v>3087</v>
      </c>
      <c r="E655" s="22">
        <v>44543</v>
      </c>
      <c r="F655" s="22">
        <v>46368</v>
      </c>
      <c r="G655" s="6" t="s">
        <v>3088</v>
      </c>
      <c r="H655" s="6" t="s">
        <v>62</v>
      </c>
      <c r="I655" s="6" t="s">
        <v>435</v>
      </c>
      <c r="J655" s="6" t="s">
        <v>3089</v>
      </c>
      <c r="K655" s="9" t="s">
        <v>3090</v>
      </c>
      <c r="L655" s="10" t="s">
        <v>22</v>
      </c>
      <c r="M655" s="10" t="s">
        <v>22</v>
      </c>
      <c r="N655" s="10" t="s">
        <v>22</v>
      </c>
      <c r="O655" s="10" t="s">
        <v>22</v>
      </c>
      <c r="P655" s="10" t="s">
        <v>22</v>
      </c>
      <c r="Q655" s="10" t="s">
        <v>22</v>
      </c>
      <c r="U655" s="10" t="s">
        <v>22</v>
      </c>
      <c r="V655" s="10" t="s">
        <v>22</v>
      </c>
      <c r="W655" s="10" t="s">
        <v>22</v>
      </c>
      <c r="X655" s="10" t="s">
        <v>22</v>
      </c>
      <c r="Y655" s="10" t="s">
        <v>22</v>
      </c>
      <c r="Z655" s="10" t="s">
        <v>22</v>
      </c>
    </row>
    <row r="656" spans="1:26" ht="24" customHeight="1" x14ac:dyDescent="0.2">
      <c r="A656" s="9" t="s">
        <v>17934</v>
      </c>
      <c r="B656" s="9" t="s">
        <v>14</v>
      </c>
      <c r="C656" s="9" t="s">
        <v>3091</v>
      </c>
      <c r="D656" s="6" t="s">
        <v>3092</v>
      </c>
      <c r="E656" s="22">
        <v>44549</v>
      </c>
      <c r="F656" s="22">
        <v>46374</v>
      </c>
      <c r="G656" s="6" t="s">
        <v>3093</v>
      </c>
      <c r="H656" s="6" t="s">
        <v>229</v>
      </c>
      <c r="I656" s="6" t="s">
        <v>3094</v>
      </c>
      <c r="J656" s="6" t="s">
        <v>3095</v>
      </c>
      <c r="K656" s="9" t="s">
        <v>3096</v>
      </c>
      <c r="L656" s="10" t="s">
        <v>22</v>
      </c>
      <c r="M656" s="10" t="s">
        <v>22</v>
      </c>
      <c r="N656" s="10" t="s">
        <v>22</v>
      </c>
      <c r="O656" s="10" t="s">
        <v>22</v>
      </c>
      <c r="P656" s="10" t="s">
        <v>22</v>
      </c>
      <c r="Q656" s="10" t="s">
        <v>22</v>
      </c>
      <c r="R656" s="10" t="s">
        <v>22</v>
      </c>
      <c r="S656" s="10" t="s">
        <v>22</v>
      </c>
      <c r="T656" s="10" t="s">
        <v>22</v>
      </c>
      <c r="U656" s="10" t="s">
        <v>22</v>
      </c>
      <c r="V656" s="10" t="s">
        <v>22</v>
      </c>
      <c r="W656" s="10" t="s">
        <v>22</v>
      </c>
      <c r="X656" s="10" t="s">
        <v>22</v>
      </c>
      <c r="Y656" s="10" t="s">
        <v>22</v>
      </c>
      <c r="Z656" s="10" t="s">
        <v>22</v>
      </c>
    </row>
    <row r="657" spans="1:26" ht="24" customHeight="1" x14ac:dyDescent="0.2">
      <c r="A657" s="9" t="s">
        <v>17935</v>
      </c>
      <c r="B657" s="9" t="s">
        <v>14</v>
      </c>
      <c r="C657" s="9" t="s">
        <v>3097</v>
      </c>
      <c r="D657" s="6" t="s">
        <v>3098</v>
      </c>
      <c r="E657" s="22">
        <v>44552</v>
      </c>
      <c r="F657" s="22">
        <v>46377</v>
      </c>
      <c r="G657" s="6" t="s">
        <v>3099</v>
      </c>
      <c r="H657" s="6" t="s">
        <v>18</v>
      </c>
      <c r="I657" s="6" t="s">
        <v>19</v>
      </c>
      <c r="J657" s="6" t="s">
        <v>3100</v>
      </c>
      <c r="K657" s="9" t="s">
        <v>3101</v>
      </c>
      <c r="L657" s="10" t="s">
        <v>22</v>
      </c>
      <c r="M657" s="10" t="s">
        <v>22</v>
      </c>
      <c r="N657" s="10" t="s">
        <v>22</v>
      </c>
      <c r="O657" s="10" t="s">
        <v>22</v>
      </c>
      <c r="P657" s="10" t="s">
        <v>22</v>
      </c>
      <c r="Q657" s="10" t="s">
        <v>22</v>
      </c>
      <c r="R657" s="10" t="s">
        <v>22</v>
      </c>
      <c r="S657" s="10" t="s">
        <v>22</v>
      </c>
      <c r="T657" s="10" t="s">
        <v>22</v>
      </c>
      <c r="U657" s="10" t="s">
        <v>22</v>
      </c>
      <c r="V657" s="10" t="s">
        <v>22</v>
      </c>
      <c r="W657" s="10" t="s">
        <v>22</v>
      </c>
      <c r="X657" s="10" t="s">
        <v>22</v>
      </c>
      <c r="Y657" s="10" t="s">
        <v>22</v>
      </c>
      <c r="Z657" s="10" t="s">
        <v>22</v>
      </c>
    </row>
    <row r="658" spans="1:26" ht="24" customHeight="1" x14ac:dyDescent="0.2">
      <c r="A658" s="9" t="s">
        <v>17936</v>
      </c>
      <c r="B658" s="9" t="s">
        <v>14</v>
      </c>
      <c r="C658" s="9" t="s">
        <v>3102</v>
      </c>
      <c r="D658" s="6" t="s">
        <v>3103</v>
      </c>
      <c r="E658" s="22">
        <v>44555</v>
      </c>
      <c r="F658" s="22">
        <v>46380</v>
      </c>
      <c r="G658" s="6" t="s">
        <v>3104</v>
      </c>
      <c r="H658" s="6" t="s">
        <v>62</v>
      </c>
      <c r="I658" s="6" t="s">
        <v>1816</v>
      </c>
      <c r="J658" s="6" t="s">
        <v>3105</v>
      </c>
      <c r="K658" s="9" t="s">
        <v>3106</v>
      </c>
      <c r="L658" s="10" t="s">
        <v>22</v>
      </c>
      <c r="M658" s="10" t="s">
        <v>22</v>
      </c>
      <c r="N658" s="10" t="s">
        <v>22</v>
      </c>
      <c r="O658" s="10" t="s">
        <v>22</v>
      </c>
      <c r="P658" s="10" t="s">
        <v>22</v>
      </c>
      <c r="Q658" s="10" t="s">
        <v>22</v>
      </c>
      <c r="V658" s="10" t="s">
        <v>22</v>
      </c>
      <c r="W658" s="10" t="s">
        <v>22</v>
      </c>
      <c r="Y658" s="10" t="s">
        <v>22</v>
      </c>
      <c r="Z658" s="10" t="s">
        <v>22</v>
      </c>
    </row>
    <row r="659" spans="1:26" ht="24" customHeight="1" x14ac:dyDescent="0.2">
      <c r="A659" s="9" t="s">
        <v>17937</v>
      </c>
      <c r="B659" s="9" t="s">
        <v>14</v>
      </c>
      <c r="C659" s="9" t="s">
        <v>3107</v>
      </c>
      <c r="D659" s="6" t="s">
        <v>3108</v>
      </c>
      <c r="E659" s="22">
        <v>44558</v>
      </c>
      <c r="F659" s="22">
        <v>46383</v>
      </c>
      <c r="G659" s="6" t="s">
        <v>3109</v>
      </c>
      <c r="H659" s="6" t="s">
        <v>2069</v>
      </c>
      <c r="I659" s="6" t="s">
        <v>2070</v>
      </c>
      <c r="J659" s="6" t="s">
        <v>3110</v>
      </c>
      <c r="K659" s="9" t="s">
        <v>3111</v>
      </c>
      <c r="P659" s="10" t="s">
        <v>22</v>
      </c>
      <c r="Q659" s="10" t="s">
        <v>22</v>
      </c>
      <c r="Y659" s="10" t="s">
        <v>22</v>
      </c>
      <c r="Z659" s="10" t="s">
        <v>22</v>
      </c>
    </row>
    <row r="660" spans="1:26" ht="24" customHeight="1" x14ac:dyDescent="0.2">
      <c r="A660" s="9" t="s">
        <v>17938</v>
      </c>
      <c r="B660" s="9" t="s">
        <v>14</v>
      </c>
      <c r="C660" s="9" t="s">
        <v>3112</v>
      </c>
      <c r="D660" s="6" t="s">
        <v>3113</v>
      </c>
      <c r="E660" s="22">
        <v>44558</v>
      </c>
      <c r="F660" s="22">
        <v>46383</v>
      </c>
      <c r="G660" s="6" t="s">
        <v>3114</v>
      </c>
      <c r="H660" s="6" t="s">
        <v>18</v>
      </c>
      <c r="I660" s="6" t="s">
        <v>19</v>
      </c>
      <c r="J660" s="6" t="s">
        <v>3115</v>
      </c>
      <c r="K660" s="9" t="s">
        <v>3116</v>
      </c>
      <c r="L660" s="10" t="s">
        <v>22</v>
      </c>
      <c r="M660" s="10" t="s">
        <v>22</v>
      </c>
      <c r="N660" s="10" t="s">
        <v>22</v>
      </c>
      <c r="O660" s="10" t="s">
        <v>22</v>
      </c>
      <c r="P660" s="10" t="s">
        <v>22</v>
      </c>
      <c r="Q660" s="10" t="s">
        <v>22</v>
      </c>
      <c r="R660" s="10" t="s">
        <v>22</v>
      </c>
      <c r="S660" s="10" t="s">
        <v>22</v>
      </c>
      <c r="T660" s="10" t="s">
        <v>22</v>
      </c>
    </row>
    <row r="661" spans="1:26" ht="24" customHeight="1" x14ac:dyDescent="0.2">
      <c r="A661" s="9" t="s">
        <v>17939</v>
      </c>
      <c r="B661" s="9" t="s">
        <v>14</v>
      </c>
      <c r="C661" s="9" t="s">
        <v>3117</v>
      </c>
      <c r="D661" s="6" t="s">
        <v>3118</v>
      </c>
      <c r="E661" s="22">
        <v>44579</v>
      </c>
      <c r="F661" s="22">
        <v>46404</v>
      </c>
      <c r="G661" s="6" t="s">
        <v>3119</v>
      </c>
      <c r="H661" s="6" t="s">
        <v>18</v>
      </c>
      <c r="I661" s="6" t="s">
        <v>19</v>
      </c>
      <c r="J661" s="6" t="s">
        <v>3120</v>
      </c>
      <c r="L661" s="10" t="s">
        <v>22</v>
      </c>
      <c r="M661" s="10" t="s">
        <v>22</v>
      </c>
      <c r="N661" s="10" t="s">
        <v>22</v>
      </c>
      <c r="O661" s="10" t="s">
        <v>22</v>
      </c>
      <c r="P661" s="10" t="s">
        <v>22</v>
      </c>
      <c r="Q661" s="10" t="s">
        <v>22</v>
      </c>
      <c r="U661" s="10" t="s">
        <v>22</v>
      </c>
      <c r="V661" s="10" t="s">
        <v>22</v>
      </c>
      <c r="W661" s="10" t="s">
        <v>22</v>
      </c>
      <c r="X661" s="10" t="s">
        <v>22</v>
      </c>
      <c r="Y661" s="10" t="s">
        <v>22</v>
      </c>
      <c r="Z661" s="10" t="s">
        <v>22</v>
      </c>
    </row>
    <row r="662" spans="1:26" ht="24" customHeight="1" x14ac:dyDescent="0.2">
      <c r="A662" s="9" t="s">
        <v>17940</v>
      </c>
      <c r="B662" s="9" t="s">
        <v>14</v>
      </c>
      <c r="C662" s="9" t="s">
        <v>3121</v>
      </c>
      <c r="D662" s="6" t="s">
        <v>3122</v>
      </c>
      <c r="E662" s="22">
        <v>44580</v>
      </c>
      <c r="F662" s="22">
        <v>46405</v>
      </c>
      <c r="G662" s="6" t="s">
        <v>3123</v>
      </c>
      <c r="H662" s="6" t="s">
        <v>18</v>
      </c>
      <c r="I662" s="6" t="s">
        <v>19</v>
      </c>
      <c r="J662" s="6" t="s">
        <v>3124</v>
      </c>
      <c r="K662" s="9" t="s">
        <v>3125</v>
      </c>
      <c r="L662" s="10" t="s">
        <v>22</v>
      </c>
      <c r="M662" s="10" t="s">
        <v>22</v>
      </c>
      <c r="N662" s="10" t="s">
        <v>22</v>
      </c>
      <c r="O662" s="10" t="s">
        <v>22</v>
      </c>
      <c r="P662" s="10" t="s">
        <v>22</v>
      </c>
      <c r="Q662" s="10" t="s">
        <v>22</v>
      </c>
      <c r="R662" s="10" t="s">
        <v>22</v>
      </c>
      <c r="S662" s="10" t="s">
        <v>22</v>
      </c>
      <c r="T662" s="10" t="s">
        <v>22</v>
      </c>
      <c r="U662" s="10" t="s">
        <v>22</v>
      </c>
      <c r="V662" s="10" t="s">
        <v>22</v>
      </c>
      <c r="W662" s="10" t="s">
        <v>22</v>
      </c>
      <c r="X662" s="10" t="s">
        <v>22</v>
      </c>
      <c r="Y662" s="10" t="s">
        <v>22</v>
      </c>
      <c r="Z662" s="10" t="s">
        <v>22</v>
      </c>
    </row>
    <row r="663" spans="1:26" ht="24" customHeight="1" x14ac:dyDescent="0.2">
      <c r="A663" s="9" t="s">
        <v>17941</v>
      </c>
      <c r="B663" s="9" t="s">
        <v>14</v>
      </c>
      <c r="C663" s="9" t="s">
        <v>3126</v>
      </c>
      <c r="D663" s="6" t="s">
        <v>3127</v>
      </c>
      <c r="E663" s="22">
        <v>44590</v>
      </c>
      <c r="F663" s="22">
        <v>46415</v>
      </c>
      <c r="G663" s="6" t="s">
        <v>3128</v>
      </c>
      <c r="H663" s="6" t="s">
        <v>363</v>
      </c>
      <c r="I663" s="6" t="s">
        <v>364</v>
      </c>
      <c r="J663" s="6" t="s">
        <v>3129</v>
      </c>
      <c r="K663" s="9" t="s">
        <v>3130</v>
      </c>
      <c r="L663" s="10" t="s">
        <v>22</v>
      </c>
      <c r="M663" s="10" t="s">
        <v>22</v>
      </c>
      <c r="N663" s="10" t="s">
        <v>22</v>
      </c>
      <c r="O663" s="10" t="s">
        <v>22</v>
      </c>
      <c r="P663" s="10" t="s">
        <v>22</v>
      </c>
      <c r="Q663" s="10" t="s">
        <v>22</v>
      </c>
      <c r="R663" s="10" t="s">
        <v>22</v>
      </c>
      <c r="S663" s="10" t="s">
        <v>22</v>
      </c>
      <c r="T663" s="10" t="s">
        <v>22</v>
      </c>
      <c r="U663" s="10" t="s">
        <v>22</v>
      </c>
      <c r="V663" s="10" t="s">
        <v>22</v>
      </c>
      <c r="W663" s="10" t="s">
        <v>22</v>
      </c>
      <c r="X663" s="10" t="s">
        <v>22</v>
      </c>
      <c r="Y663" s="10" t="s">
        <v>22</v>
      </c>
      <c r="Z663" s="10" t="s">
        <v>22</v>
      </c>
    </row>
    <row r="664" spans="1:26" ht="24" customHeight="1" x14ac:dyDescent="0.2">
      <c r="A664" s="9" t="s">
        <v>17942</v>
      </c>
      <c r="B664" s="9" t="s">
        <v>14</v>
      </c>
      <c r="C664" s="9" t="s">
        <v>3131</v>
      </c>
      <c r="D664" s="6" t="s">
        <v>3132</v>
      </c>
      <c r="E664" s="22">
        <v>44600</v>
      </c>
      <c r="F664" s="22">
        <v>46425</v>
      </c>
      <c r="G664" s="6" t="s">
        <v>3133</v>
      </c>
      <c r="H664" s="6" t="s">
        <v>62</v>
      </c>
      <c r="I664" s="6" t="s">
        <v>435</v>
      </c>
      <c r="J664" s="6" t="s">
        <v>3134</v>
      </c>
      <c r="K664" s="9" t="s">
        <v>3135</v>
      </c>
      <c r="L664" s="10" t="s">
        <v>22</v>
      </c>
      <c r="M664" s="10" t="s">
        <v>22</v>
      </c>
      <c r="N664" s="10" t="s">
        <v>22</v>
      </c>
      <c r="O664" s="10" t="s">
        <v>22</v>
      </c>
      <c r="P664" s="10" t="s">
        <v>22</v>
      </c>
      <c r="Q664" s="10" t="s">
        <v>22</v>
      </c>
      <c r="R664" s="10" t="s">
        <v>22</v>
      </c>
      <c r="S664" s="10" t="s">
        <v>22</v>
      </c>
      <c r="T664" s="10" t="s">
        <v>22</v>
      </c>
      <c r="U664" s="10" t="s">
        <v>22</v>
      </c>
      <c r="V664" s="10" t="s">
        <v>22</v>
      </c>
      <c r="W664" s="10" t="s">
        <v>22</v>
      </c>
      <c r="X664" s="10" t="s">
        <v>22</v>
      </c>
      <c r="Y664" s="10" t="s">
        <v>22</v>
      </c>
      <c r="Z664" s="10" t="s">
        <v>22</v>
      </c>
    </row>
    <row r="665" spans="1:26" ht="24" customHeight="1" x14ac:dyDescent="0.2">
      <c r="A665" s="9" t="s">
        <v>17943</v>
      </c>
      <c r="B665" s="9" t="s">
        <v>14</v>
      </c>
      <c r="C665" s="9" t="s">
        <v>3136</v>
      </c>
      <c r="D665" s="6" t="s">
        <v>3137</v>
      </c>
      <c r="E665" s="22">
        <v>44600</v>
      </c>
      <c r="F665" s="22">
        <v>46425</v>
      </c>
      <c r="G665" s="6" t="s">
        <v>3138</v>
      </c>
      <c r="H665" s="6" t="s">
        <v>62</v>
      </c>
      <c r="I665" s="6" t="s">
        <v>1225</v>
      </c>
      <c r="J665" s="6" t="s">
        <v>3139</v>
      </c>
      <c r="K665" s="9" t="s">
        <v>3140</v>
      </c>
      <c r="L665" s="10" t="s">
        <v>22</v>
      </c>
      <c r="M665" s="10" t="s">
        <v>22</v>
      </c>
      <c r="N665" s="10" t="s">
        <v>22</v>
      </c>
      <c r="O665" s="10" t="s">
        <v>22</v>
      </c>
      <c r="P665" s="10" t="s">
        <v>22</v>
      </c>
      <c r="Q665" s="10" t="s">
        <v>22</v>
      </c>
      <c r="R665" s="10" t="s">
        <v>22</v>
      </c>
      <c r="S665" s="10" t="s">
        <v>22</v>
      </c>
      <c r="T665" s="10" t="s">
        <v>22</v>
      </c>
      <c r="U665" s="10" t="s">
        <v>22</v>
      </c>
      <c r="V665" s="10" t="s">
        <v>22</v>
      </c>
      <c r="W665" s="10" t="s">
        <v>22</v>
      </c>
      <c r="X665" s="10" t="s">
        <v>22</v>
      </c>
      <c r="Y665" s="10" t="s">
        <v>22</v>
      </c>
      <c r="Z665" s="10" t="s">
        <v>22</v>
      </c>
    </row>
    <row r="666" spans="1:26" ht="24" customHeight="1" x14ac:dyDescent="0.2">
      <c r="A666" s="9" t="s">
        <v>17944</v>
      </c>
      <c r="B666" s="9" t="s">
        <v>14</v>
      </c>
      <c r="C666" s="9" t="s">
        <v>3141</v>
      </c>
      <c r="D666" s="6" t="s">
        <v>3142</v>
      </c>
      <c r="E666" s="22">
        <v>44601</v>
      </c>
      <c r="F666" s="22">
        <v>46426</v>
      </c>
      <c r="G666" s="6" t="s">
        <v>3143</v>
      </c>
      <c r="H666" s="6" t="s">
        <v>363</v>
      </c>
      <c r="I666" s="6" t="s">
        <v>2113</v>
      </c>
      <c r="J666" s="6" t="s">
        <v>3144</v>
      </c>
      <c r="K666" s="9" t="s">
        <v>3145</v>
      </c>
      <c r="L666" s="10" t="s">
        <v>22</v>
      </c>
      <c r="M666" s="10" t="s">
        <v>22</v>
      </c>
      <c r="N666" s="10" t="s">
        <v>22</v>
      </c>
      <c r="U666" s="10" t="s">
        <v>22</v>
      </c>
      <c r="V666" s="10" t="s">
        <v>22</v>
      </c>
      <c r="W666" s="10" t="s">
        <v>22</v>
      </c>
    </row>
    <row r="667" spans="1:26" ht="24" customHeight="1" x14ac:dyDescent="0.2">
      <c r="A667" s="9" t="s">
        <v>17945</v>
      </c>
      <c r="B667" s="9" t="s">
        <v>14</v>
      </c>
      <c r="C667" s="9" t="s">
        <v>3146</v>
      </c>
      <c r="D667" s="6" t="s">
        <v>3147</v>
      </c>
      <c r="E667" s="22">
        <v>44621</v>
      </c>
      <c r="F667" s="22">
        <v>46446</v>
      </c>
      <c r="G667" s="6" t="s">
        <v>3148</v>
      </c>
      <c r="H667" s="6" t="s">
        <v>18</v>
      </c>
      <c r="I667" s="6" t="s">
        <v>19</v>
      </c>
      <c r="J667" s="6" t="s">
        <v>3149</v>
      </c>
      <c r="K667" s="9" t="s">
        <v>3150</v>
      </c>
      <c r="L667" s="10" t="s">
        <v>22</v>
      </c>
      <c r="M667" s="10" t="s">
        <v>22</v>
      </c>
      <c r="N667" s="10" t="s">
        <v>22</v>
      </c>
      <c r="O667" s="10" t="s">
        <v>22</v>
      </c>
      <c r="P667" s="10" t="s">
        <v>22</v>
      </c>
      <c r="Q667" s="10" t="s">
        <v>22</v>
      </c>
      <c r="U667" s="10" t="s">
        <v>22</v>
      </c>
      <c r="V667" s="10" t="s">
        <v>22</v>
      </c>
      <c r="W667" s="10" t="s">
        <v>22</v>
      </c>
      <c r="X667" s="10" t="s">
        <v>22</v>
      </c>
      <c r="Y667" s="10" t="s">
        <v>22</v>
      </c>
      <c r="Z667" s="10" t="s">
        <v>22</v>
      </c>
    </row>
    <row r="668" spans="1:26" ht="24" customHeight="1" x14ac:dyDescent="0.2">
      <c r="A668" s="9" t="s">
        <v>17946</v>
      </c>
      <c r="B668" s="9" t="s">
        <v>14</v>
      </c>
      <c r="C668" s="9" t="s">
        <v>3151</v>
      </c>
      <c r="D668" s="6" t="s">
        <v>3152</v>
      </c>
      <c r="E668" s="22">
        <v>44622</v>
      </c>
      <c r="F668" s="22">
        <v>46447</v>
      </c>
      <c r="G668" s="6" t="s">
        <v>3153</v>
      </c>
      <c r="H668" s="6" t="s">
        <v>202</v>
      </c>
      <c r="I668" s="6" t="s">
        <v>3154</v>
      </c>
      <c r="J668" s="6" t="s">
        <v>3155</v>
      </c>
      <c r="K668" s="9" t="s">
        <v>3156</v>
      </c>
      <c r="L668" s="10" t="s">
        <v>22</v>
      </c>
      <c r="M668" s="10" t="s">
        <v>22</v>
      </c>
      <c r="N668" s="10" t="s">
        <v>22</v>
      </c>
      <c r="O668" s="10" t="s">
        <v>22</v>
      </c>
      <c r="P668" s="10" t="s">
        <v>22</v>
      </c>
      <c r="Q668" s="10" t="s">
        <v>22</v>
      </c>
      <c r="R668" s="10" t="s">
        <v>22</v>
      </c>
      <c r="S668" s="10" t="s">
        <v>22</v>
      </c>
      <c r="T668" s="10" t="s">
        <v>22</v>
      </c>
      <c r="U668" s="10" t="s">
        <v>22</v>
      </c>
      <c r="V668" s="10" t="s">
        <v>22</v>
      </c>
      <c r="W668" s="10" t="s">
        <v>22</v>
      </c>
      <c r="X668" s="10" t="s">
        <v>22</v>
      </c>
      <c r="Y668" s="10" t="s">
        <v>22</v>
      </c>
      <c r="Z668" s="10" t="s">
        <v>22</v>
      </c>
    </row>
    <row r="669" spans="1:26" ht="24" customHeight="1" x14ac:dyDescent="0.2">
      <c r="A669" s="9" t="s">
        <v>17947</v>
      </c>
      <c r="B669" s="9" t="s">
        <v>14</v>
      </c>
      <c r="C669" s="9" t="s">
        <v>3157</v>
      </c>
      <c r="D669" s="6" t="s">
        <v>3158</v>
      </c>
      <c r="E669" s="22">
        <v>44622</v>
      </c>
      <c r="F669" s="22">
        <v>46447</v>
      </c>
      <c r="G669" s="6" t="s">
        <v>3159</v>
      </c>
      <c r="H669" s="6" t="s">
        <v>1625</v>
      </c>
      <c r="I669" s="6" t="s">
        <v>3160</v>
      </c>
      <c r="J669" s="6" t="s">
        <v>3161</v>
      </c>
      <c r="K669" s="9" t="s">
        <v>3162</v>
      </c>
      <c r="L669" s="10" t="s">
        <v>22</v>
      </c>
      <c r="M669" s="10" t="s">
        <v>22</v>
      </c>
      <c r="N669" s="10" t="s">
        <v>22</v>
      </c>
      <c r="O669" s="10" t="s">
        <v>22</v>
      </c>
      <c r="P669" s="10" t="s">
        <v>22</v>
      </c>
      <c r="Q669" s="10" t="s">
        <v>22</v>
      </c>
      <c r="R669" s="10" t="s">
        <v>22</v>
      </c>
      <c r="S669" s="10" t="s">
        <v>22</v>
      </c>
      <c r="T669" s="10" t="s">
        <v>22</v>
      </c>
      <c r="U669" s="10" t="s">
        <v>22</v>
      </c>
      <c r="V669" s="10" t="s">
        <v>22</v>
      </c>
      <c r="W669" s="10" t="s">
        <v>22</v>
      </c>
      <c r="X669" s="10" t="s">
        <v>22</v>
      </c>
      <c r="Y669" s="10" t="s">
        <v>22</v>
      </c>
      <c r="Z669" s="10" t="s">
        <v>22</v>
      </c>
    </row>
    <row r="670" spans="1:26" ht="24" customHeight="1" x14ac:dyDescent="0.2">
      <c r="A670" s="9" t="s">
        <v>17948</v>
      </c>
      <c r="B670" s="9" t="s">
        <v>14</v>
      </c>
      <c r="C670" s="9" t="s">
        <v>3157</v>
      </c>
      <c r="D670" s="6" t="s">
        <v>3158</v>
      </c>
      <c r="E670" s="22">
        <v>44622</v>
      </c>
      <c r="F670" s="22">
        <v>46447</v>
      </c>
      <c r="G670" s="6" t="s">
        <v>3163</v>
      </c>
      <c r="H670" s="6" t="s">
        <v>1625</v>
      </c>
      <c r="I670" s="6" t="s">
        <v>1626</v>
      </c>
      <c r="J670" s="6" t="s">
        <v>3164</v>
      </c>
      <c r="K670" s="9" t="s">
        <v>3165</v>
      </c>
      <c r="L670" s="10" t="s">
        <v>22</v>
      </c>
      <c r="M670" s="10" t="s">
        <v>22</v>
      </c>
      <c r="N670" s="10" t="s">
        <v>22</v>
      </c>
      <c r="O670" s="10" t="s">
        <v>22</v>
      </c>
      <c r="P670" s="10" t="s">
        <v>22</v>
      </c>
      <c r="Q670" s="10" t="s">
        <v>22</v>
      </c>
      <c r="R670" s="10" t="s">
        <v>22</v>
      </c>
      <c r="S670" s="10" t="s">
        <v>22</v>
      </c>
      <c r="T670" s="10" t="s">
        <v>22</v>
      </c>
      <c r="U670" s="10" t="s">
        <v>22</v>
      </c>
      <c r="V670" s="10" t="s">
        <v>22</v>
      </c>
      <c r="W670" s="10" t="s">
        <v>22</v>
      </c>
      <c r="X670" s="10" t="s">
        <v>22</v>
      </c>
      <c r="Y670" s="10" t="s">
        <v>22</v>
      </c>
      <c r="Z670" s="10" t="s">
        <v>22</v>
      </c>
    </row>
    <row r="671" spans="1:26" ht="24" customHeight="1" x14ac:dyDescent="0.2">
      <c r="A671" s="9" t="s">
        <v>17949</v>
      </c>
      <c r="B671" s="9" t="s">
        <v>14</v>
      </c>
      <c r="C671" s="9" t="s">
        <v>3157</v>
      </c>
      <c r="D671" s="6" t="s">
        <v>3158</v>
      </c>
      <c r="E671" s="22">
        <v>44622</v>
      </c>
      <c r="F671" s="22">
        <v>46447</v>
      </c>
      <c r="G671" s="6" t="s">
        <v>3166</v>
      </c>
      <c r="H671" s="6" t="s">
        <v>202</v>
      </c>
      <c r="I671" s="6" t="s">
        <v>3167</v>
      </c>
      <c r="J671" s="6" t="s">
        <v>3168</v>
      </c>
      <c r="K671" s="9" t="s">
        <v>3169</v>
      </c>
      <c r="L671" s="10" t="s">
        <v>22</v>
      </c>
      <c r="M671" s="10" t="s">
        <v>22</v>
      </c>
      <c r="N671" s="10" t="s">
        <v>22</v>
      </c>
      <c r="O671" s="10" t="s">
        <v>22</v>
      </c>
      <c r="P671" s="10" t="s">
        <v>22</v>
      </c>
      <c r="Q671" s="10" t="s">
        <v>22</v>
      </c>
      <c r="R671" s="10" t="s">
        <v>22</v>
      </c>
      <c r="S671" s="10" t="s">
        <v>22</v>
      </c>
      <c r="T671" s="10" t="s">
        <v>22</v>
      </c>
      <c r="U671" s="10" t="s">
        <v>22</v>
      </c>
      <c r="V671" s="10" t="s">
        <v>22</v>
      </c>
      <c r="W671" s="10" t="s">
        <v>22</v>
      </c>
      <c r="X671" s="10" t="s">
        <v>22</v>
      </c>
      <c r="Y671" s="10" t="s">
        <v>22</v>
      </c>
      <c r="Z671" s="10" t="s">
        <v>22</v>
      </c>
    </row>
    <row r="672" spans="1:26" ht="24" customHeight="1" x14ac:dyDescent="0.2">
      <c r="A672" s="9" t="s">
        <v>17950</v>
      </c>
      <c r="B672" s="9" t="s">
        <v>14</v>
      </c>
      <c r="C672" s="9" t="s">
        <v>3170</v>
      </c>
      <c r="D672" s="6" t="s">
        <v>3171</v>
      </c>
      <c r="E672" s="22">
        <v>44622</v>
      </c>
      <c r="F672" s="22">
        <v>46447</v>
      </c>
      <c r="G672" s="6" t="s">
        <v>3172</v>
      </c>
      <c r="H672" s="6" t="s">
        <v>62</v>
      </c>
      <c r="I672" s="6" t="s">
        <v>994</v>
      </c>
      <c r="J672" s="6" t="s">
        <v>3173</v>
      </c>
      <c r="K672" s="9" t="s">
        <v>3174</v>
      </c>
      <c r="L672" s="10" t="s">
        <v>22</v>
      </c>
      <c r="M672" s="10" t="s">
        <v>22</v>
      </c>
      <c r="N672" s="10" t="s">
        <v>22</v>
      </c>
      <c r="O672" s="10" t="s">
        <v>22</v>
      </c>
      <c r="P672" s="10" t="s">
        <v>22</v>
      </c>
      <c r="Q672" s="10" t="s">
        <v>22</v>
      </c>
      <c r="R672" s="10" t="s">
        <v>22</v>
      </c>
      <c r="S672" s="10" t="s">
        <v>22</v>
      </c>
      <c r="T672" s="10" t="s">
        <v>22</v>
      </c>
      <c r="U672" s="10" t="s">
        <v>22</v>
      </c>
      <c r="V672" s="10" t="s">
        <v>22</v>
      </c>
      <c r="W672" s="10" t="s">
        <v>22</v>
      </c>
      <c r="X672" s="10" t="s">
        <v>22</v>
      </c>
      <c r="Y672" s="10" t="s">
        <v>22</v>
      </c>
      <c r="Z672" s="10" t="s">
        <v>22</v>
      </c>
    </row>
    <row r="673" spans="1:26" ht="24" customHeight="1" x14ac:dyDescent="0.2">
      <c r="A673" s="9" t="s">
        <v>17951</v>
      </c>
      <c r="B673" s="9" t="s">
        <v>14</v>
      </c>
      <c r="C673" s="9" t="s">
        <v>3175</v>
      </c>
      <c r="D673" s="6" t="s">
        <v>3176</v>
      </c>
      <c r="E673" s="22">
        <v>44627</v>
      </c>
      <c r="F673" s="22">
        <v>46452</v>
      </c>
      <c r="G673" s="6" t="s">
        <v>3177</v>
      </c>
      <c r="H673" s="6" t="s">
        <v>62</v>
      </c>
      <c r="I673" s="6" t="s">
        <v>551</v>
      </c>
      <c r="J673" s="6" t="s">
        <v>3178</v>
      </c>
      <c r="L673" s="10" t="s">
        <v>22</v>
      </c>
      <c r="M673" s="10" t="s">
        <v>22</v>
      </c>
      <c r="N673" s="10" t="s">
        <v>22</v>
      </c>
      <c r="O673" s="10" t="s">
        <v>22</v>
      </c>
      <c r="P673" s="10" t="s">
        <v>22</v>
      </c>
      <c r="Q673" s="10" t="s">
        <v>22</v>
      </c>
      <c r="R673" s="10" t="s">
        <v>22</v>
      </c>
      <c r="S673" s="10" t="s">
        <v>22</v>
      </c>
      <c r="T673" s="10" t="s">
        <v>22</v>
      </c>
      <c r="U673" s="10" t="s">
        <v>22</v>
      </c>
      <c r="V673" s="10" t="s">
        <v>22</v>
      </c>
      <c r="W673" s="10" t="s">
        <v>22</v>
      </c>
      <c r="X673" s="10" t="s">
        <v>22</v>
      </c>
      <c r="Y673" s="10" t="s">
        <v>22</v>
      </c>
      <c r="Z673" s="10" t="s">
        <v>22</v>
      </c>
    </row>
    <row r="674" spans="1:26" ht="24" customHeight="1" x14ac:dyDescent="0.2">
      <c r="A674" s="9" t="s">
        <v>17952</v>
      </c>
      <c r="B674" s="9" t="s">
        <v>14</v>
      </c>
      <c r="C674" s="9" t="s">
        <v>3179</v>
      </c>
      <c r="D674" s="6" t="s">
        <v>3180</v>
      </c>
      <c r="E674" s="22">
        <v>44627</v>
      </c>
      <c r="F674" s="22">
        <v>46452</v>
      </c>
      <c r="G674" s="6" t="s">
        <v>3181</v>
      </c>
      <c r="H674" s="6" t="s">
        <v>229</v>
      </c>
      <c r="I674" s="6" t="s">
        <v>1885</v>
      </c>
      <c r="J674" s="6" t="s">
        <v>3182</v>
      </c>
      <c r="K674" s="9" t="s">
        <v>3183</v>
      </c>
      <c r="L674" s="10" t="s">
        <v>22</v>
      </c>
      <c r="M674" s="10" t="s">
        <v>22</v>
      </c>
      <c r="N674" s="10" t="s">
        <v>22</v>
      </c>
      <c r="O674" s="10" t="s">
        <v>22</v>
      </c>
      <c r="P674" s="10" t="s">
        <v>22</v>
      </c>
      <c r="Q674" s="10" t="s">
        <v>22</v>
      </c>
      <c r="R674" s="10" t="s">
        <v>22</v>
      </c>
      <c r="S674" s="10" t="s">
        <v>22</v>
      </c>
      <c r="T674" s="10" t="s">
        <v>22</v>
      </c>
      <c r="U674" s="10" t="s">
        <v>22</v>
      </c>
      <c r="V674" s="10" t="s">
        <v>22</v>
      </c>
      <c r="W674" s="10" t="s">
        <v>22</v>
      </c>
      <c r="X674" s="10" t="s">
        <v>22</v>
      </c>
      <c r="Y674" s="10" t="s">
        <v>22</v>
      </c>
      <c r="Z674" s="10" t="s">
        <v>22</v>
      </c>
    </row>
    <row r="675" spans="1:26" ht="24" customHeight="1" x14ac:dyDescent="0.2">
      <c r="A675" s="9" t="s">
        <v>17953</v>
      </c>
      <c r="B675" s="9" t="s">
        <v>14</v>
      </c>
      <c r="C675" s="9" t="s">
        <v>3184</v>
      </c>
      <c r="D675" s="6" t="s">
        <v>3185</v>
      </c>
      <c r="E675" s="22">
        <v>44656</v>
      </c>
      <c r="F675" s="22">
        <v>46481</v>
      </c>
      <c r="G675" s="6" t="s">
        <v>3186</v>
      </c>
      <c r="H675" s="6" t="s">
        <v>62</v>
      </c>
      <c r="I675" s="6" t="s">
        <v>493</v>
      </c>
      <c r="J675" s="6" t="s">
        <v>3187</v>
      </c>
      <c r="L675" s="10" t="s">
        <v>22</v>
      </c>
      <c r="M675" s="10" t="s">
        <v>22</v>
      </c>
      <c r="N675" s="10" t="s">
        <v>22</v>
      </c>
      <c r="O675" s="10" t="s">
        <v>22</v>
      </c>
      <c r="P675" s="10" t="s">
        <v>22</v>
      </c>
      <c r="Q675" s="10" t="s">
        <v>22</v>
      </c>
      <c r="U675" s="10" t="s">
        <v>22</v>
      </c>
      <c r="V675" s="10" t="s">
        <v>22</v>
      </c>
      <c r="W675" s="10" t="s">
        <v>22</v>
      </c>
      <c r="X675" s="10" t="s">
        <v>22</v>
      </c>
      <c r="Y675" s="10" t="s">
        <v>22</v>
      </c>
      <c r="Z675" s="10" t="s">
        <v>22</v>
      </c>
    </row>
    <row r="676" spans="1:26" ht="24" customHeight="1" x14ac:dyDescent="0.2">
      <c r="A676" s="9" t="s">
        <v>17954</v>
      </c>
      <c r="B676" s="9" t="s">
        <v>14</v>
      </c>
      <c r="C676" s="9" t="s">
        <v>3188</v>
      </c>
      <c r="D676" s="6" t="s">
        <v>3189</v>
      </c>
      <c r="E676" s="22">
        <v>44662</v>
      </c>
      <c r="F676" s="22">
        <v>46487</v>
      </c>
      <c r="G676" s="6" t="s">
        <v>3190</v>
      </c>
      <c r="H676" s="6" t="s">
        <v>202</v>
      </c>
      <c r="I676" s="6" t="s">
        <v>873</v>
      </c>
      <c r="J676" s="6" t="s">
        <v>3191</v>
      </c>
      <c r="K676" s="9" t="s">
        <v>3192</v>
      </c>
      <c r="L676" s="10" t="s">
        <v>22</v>
      </c>
      <c r="M676" s="10" t="s">
        <v>22</v>
      </c>
      <c r="N676" s="10" t="s">
        <v>22</v>
      </c>
      <c r="O676" s="10" t="s">
        <v>22</v>
      </c>
      <c r="P676" s="10" t="s">
        <v>22</v>
      </c>
      <c r="Q676" s="10" t="s">
        <v>22</v>
      </c>
      <c r="R676" s="10" t="s">
        <v>22</v>
      </c>
      <c r="S676" s="10" t="s">
        <v>22</v>
      </c>
      <c r="T676" s="10" t="s">
        <v>22</v>
      </c>
      <c r="U676" s="10" t="s">
        <v>22</v>
      </c>
      <c r="V676" s="10" t="s">
        <v>22</v>
      </c>
      <c r="W676" s="10" t="s">
        <v>22</v>
      </c>
      <c r="X676" s="10" t="s">
        <v>22</v>
      </c>
      <c r="Y676" s="10" t="s">
        <v>22</v>
      </c>
      <c r="Z676" s="10" t="s">
        <v>22</v>
      </c>
    </row>
    <row r="677" spans="1:26" ht="24" customHeight="1" x14ac:dyDescent="0.2">
      <c r="A677" s="9" t="s">
        <v>17955</v>
      </c>
      <c r="B677" s="9" t="s">
        <v>14</v>
      </c>
      <c r="C677" s="9" t="s">
        <v>3193</v>
      </c>
      <c r="D677" s="6" t="s">
        <v>3194</v>
      </c>
      <c r="E677" s="22">
        <v>44662</v>
      </c>
      <c r="F677" s="22">
        <v>46487</v>
      </c>
      <c r="G677" s="6" t="s">
        <v>3195</v>
      </c>
      <c r="H677" s="6" t="s">
        <v>18</v>
      </c>
      <c r="I677" s="6" t="s">
        <v>19</v>
      </c>
      <c r="J677" s="6" t="s">
        <v>3196</v>
      </c>
      <c r="K677" s="9" t="s">
        <v>3197</v>
      </c>
      <c r="L677" s="10" t="s">
        <v>22</v>
      </c>
      <c r="M677" s="10" t="s">
        <v>22</v>
      </c>
      <c r="N677" s="10" t="s">
        <v>22</v>
      </c>
      <c r="O677" s="10" t="s">
        <v>22</v>
      </c>
      <c r="P677" s="10" t="s">
        <v>22</v>
      </c>
      <c r="Q677" s="10" t="s">
        <v>22</v>
      </c>
      <c r="R677" s="10" t="s">
        <v>22</v>
      </c>
      <c r="S677" s="10" t="s">
        <v>22</v>
      </c>
      <c r="T677" s="10" t="s">
        <v>22</v>
      </c>
      <c r="U677" s="10" t="s">
        <v>22</v>
      </c>
      <c r="V677" s="10" t="s">
        <v>22</v>
      </c>
      <c r="W677" s="10" t="s">
        <v>22</v>
      </c>
      <c r="X677" s="10" t="s">
        <v>22</v>
      </c>
      <c r="Y677" s="10" t="s">
        <v>22</v>
      </c>
      <c r="Z677" s="10" t="s">
        <v>22</v>
      </c>
    </row>
    <row r="678" spans="1:26" ht="24" customHeight="1" x14ac:dyDescent="0.2">
      <c r="A678" s="9" t="s">
        <v>17956</v>
      </c>
      <c r="B678" s="9" t="s">
        <v>14</v>
      </c>
      <c r="C678" s="9" t="s">
        <v>3198</v>
      </c>
      <c r="D678" s="6" t="s">
        <v>3199</v>
      </c>
      <c r="E678" s="22">
        <v>44662</v>
      </c>
      <c r="F678" s="22">
        <v>46487</v>
      </c>
      <c r="G678" s="6" t="s">
        <v>3200</v>
      </c>
      <c r="H678" s="6" t="s">
        <v>18</v>
      </c>
      <c r="I678" s="6" t="s">
        <v>727</v>
      </c>
      <c r="J678" s="6" t="s">
        <v>3201</v>
      </c>
      <c r="K678" s="9" t="s">
        <v>3202</v>
      </c>
      <c r="O678" s="10" t="s">
        <v>22</v>
      </c>
      <c r="P678" s="10" t="s">
        <v>22</v>
      </c>
      <c r="Q678" s="10" t="s">
        <v>22</v>
      </c>
      <c r="X678" s="10" t="s">
        <v>22</v>
      </c>
      <c r="Y678" s="10" t="s">
        <v>22</v>
      </c>
      <c r="Z678" s="10" t="s">
        <v>22</v>
      </c>
    </row>
    <row r="679" spans="1:26" ht="24" customHeight="1" x14ac:dyDescent="0.2">
      <c r="A679" s="9" t="s">
        <v>17957</v>
      </c>
      <c r="B679" s="9" t="s">
        <v>14</v>
      </c>
      <c r="C679" s="9" t="s">
        <v>3203</v>
      </c>
      <c r="D679" s="6" t="s">
        <v>3204</v>
      </c>
      <c r="E679" s="22">
        <v>44662</v>
      </c>
      <c r="F679" s="22">
        <v>46487</v>
      </c>
      <c r="G679" s="6" t="s">
        <v>3205</v>
      </c>
      <c r="H679" s="6" t="s">
        <v>18</v>
      </c>
      <c r="I679" s="6" t="s">
        <v>19</v>
      </c>
      <c r="J679" s="6" t="s">
        <v>3206</v>
      </c>
      <c r="K679" s="9" t="s">
        <v>3207</v>
      </c>
      <c r="L679" s="10" t="s">
        <v>22</v>
      </c>
      <c r="M679" s="10" t="s">
        <v>22</v>
      </c>
      <c r="N679" s="10" t="s">
        <v>22</v>
      </c>
      <c r="O679" s="10" t="s">
        <v>22</v>
      </c>
      <c r="P679" s="10" t="s">
        <v>22</v>
      </c>
      <c r="Q679" s="10" t="s">
        <v>22</v>
      </c>
    </row>
    <row r="680" spans="1:26" ht="24" customHeight="1" x14ac:dyDescent="0.2">
      <c r="A680" s="9" t="s">
        <v>17958</v>
      </c>
      <c r="B680" s="9" t="s">
        <v>14</v>
      </c>
      <c r="C680" s="9" t="s">
        <v>3208</v>
      </c>
      <c r="D680" s="6" t="s">
        <v>3209</v>
      </c>
      <c r="E680" s="22">
        <v>44663</v>
      </c>
      <c r="F680" s="22">
        <v>46488</v>
      </c>
      <c r="G680" s="6" t="s">
        <v>3210</v>
      </c>
      <c r="H680" s="6" t="s">
        <v>18</v>
      </c>
      <c r="I680" s="6" t="s">
        <v>26</v>
      </c>
      <c r="J680" s="6" t="s">
        <v>3211</v>
      </c>
      <c r="K680" s="9" t="s">
        <v>3212</v>
      </c>
      <c r="L680" s="10" t="s">
        <v>22</v>
      </c>
      <c r="M680" s="10" t="s">
        <v>22</v>
      </c>
      <c r="N680" s="10" t="s">
        <v>22</v>
      </c>
      <c r="O680" s="10" t="s">
        <v>22</v>
      </c>
      <c r="P680" s="10" t="s">
        <v>22</v>
      </c>
      <c r="Q680" s="10" t="s">
        <v>22</v>
      </c>
      <c r="U680" s="10" t="s">
        <v>22</v>
      </c>
      <c r="V680" s="10" t="s">
        <v>22</v>
      </c>
      <c r="W680" s="10" t="s">
        <v>22</v>
      </c>
      <c r="X680" s="10" t="s">
        <v>22</v>
      </c>
      <c r="Y680" s="10" t="s">
        <v>22</v>
      </c>
      <c r="Z680" s="10" t="s">
        <v>22</v>
      </c>
    </row>
    <row r="681" spans="1:26" ht="24" customHeight="1" x14ac:dyDescent="0.2">
      <c r="A681" s="9" t="s">
        <v>17959</v>
      </c>
      <c r="B681" s="9" t="s">
        <v>14</v>
      </c>
      <c r="C681" s="9" t="s">
        <v>3213</v>
      </c>
      <c r="D681" s="6" t="s">
        <v>3214</v>
      </c>
      <c r="E681" s="22">
        <v>44663</v>
      </c>
      <c r="F681" s="22">
        <v>46488</v>
      </c>
      <c r="G681" s="6" t="s">
        <v>3215</v>
      </c>
      <c r="H681" s="6" t="s">
        <v>62</v>
      </c>
      <c r="I681" s="6" t="s">
        <v>73</v>
      </c>
      <c r="J681" s="6" t="s">
        <v>3216</v>
      </c>
      <c r="K681" s="9" t="s">
        <v>3217</v>
      </c>
      <c r="L681" s="10" t="s">
        <v>22</v>
      </c>
      <c r="M681" s="10" t="s">
        <v>22</v>
      </c>
      <c r="N681" s="10" t="s">
        <v>22</v>
      </c>
      <c r="O681" s="10" t="s">
        <v>22</v>
      </c>
      <c r="P681" s="10" t="s">
        <v>22</v>
      </c>
      <c r="Q681" s="10" t="s">
        <v>22</v>
      </c>
      <c r="R681" s="10" t="s">
        <v>22</v>
      </c>
      <c r="S681" s="10" t="s">
        <v>22</v>
      </c>
      <c r="T681" s="10" t="s">
        <v>22</v>
      </c>
      <c r="U681" s="10" t="s">
        <v>22</v>
      </c>
      <c r="V681" s="10" t="s">
        <v>22</v>
      </c>
      <c r="W681" s="10" t="s">
        <v>22</v>
      </c>
      <c r="X681" s="10" t="s">
        <v>22</v>
      </c>
      <c r="Y681" s="10" t="s">
        <v>22</v>
      </c>
      <c r="Z681" s="10" t="s">
        <v>22</v>
      </c>
    </row>
    <row r="682" spans="1:26" ht="24" customHeight="1" x14ac:dyDescent="0.2">
      <c r="A682" s="9" t="s">
        <v>17960</v>
      </c>
      <c r="B682" s="9" t="s">
        <v>14</v>
      </c>
      <c r="C682" s="9" t="s">
        <v>3218</v>
      </c>
      <c r="D682" s="6" t="s">
        <v>3219</v>
      </c>
      <c r="E682" s="22">
        <v>44663</v>
      </c>
      <c r="F682" s="22">
        <v>46488</v>
      </c>
      <c r="G682" s="6" t="s">
        <v>3220</v>
      </c>
      <c r="H682" s="6" t="s">
        <v>62</v>
      </c>
      <c r="I682" s="6" t="s">
        <v>73</v>
      </c>
      <c r="J682" s="6" t="s">
        <v>3221</v>
      </c>
      <c r="K682" s="9" t="s">
        <v>3222</v>
      </c>
      <c r="L682" s="10" t="s">
        <v>22</v>
      </c>
      <c r="M682" s="10" t="s">
        <v>22</v>
      </c>
      <c r="N682" s="10" t="s">
        <v>22</v>
      </c>
      <c r="O682" s="10" t="s">
        <v>22</v>
      </c>
      <c r="P682" s="10" t="s">
        <v>22</v>
      </c>
      <c r="Q682" s="10" t="s">
        <v>22</v>
      </c>
      <c r="R682" s="10" t="s">
        <v>22</v>
      </c>
      <c r="S682" s="10" t="s">
        <v>22</v>
      </c>
      <c r="T682" s="10" t="s">
        <v>22</v>
      </c>
      <c r="U682" s="10" t="s">
        <v>22</v>
      </c>
      <c r="V682" s="10" t="s">
        <v>22</v>
      </c>
      <c r="W682" s="10" t="s">
        <v>22</v>
      </c>
      <c r="X682" s="10" t="s">
        <v>22</v>
      </c>
      <c r="Y682" s="10" t="s">
        <v>22</v>
      </c>
      <c r="Z682" s="10" t="s">
        <v>22</v>
      </c>
    </row>
    <row r="683" spans="1:26" ht="24" customHeight="1" x14ac:dyDescent="0.2">
      <c r="A683" s="9" t="s">
        <v>17961</v>
      </c>
      <c r="B683" s="9" t="s">
        <v>14</v>
      </c>
      <c r="C683" s="9" t="s">
        <v>3223</v>
      </c>
      <c r="D683" s="6" t="s">
        <v>3224</v>
      </c>
      <c r="E683" s="22">
        <v>44663</v>
      </c>
      <c r="F683" s="22">
        <v>46488</v>
      </c>
      <c r="G683" s="6" t="s">
        <v>3225</v>
      </c>
      <c r="H683" s="6" t="s">
        <v>202</v>
      </c>
      <c r="I683" s="6" t="s">
        <v>879</v>
      </c>
      <c r="J683" s="6" t="s">
        <v>3226</v>
      </c>
      <c r="K683" s="9" t="s">
        <v>3227</v>
      </c>
      <c r="L683" s="10" t="s">
        <v>22</v>
      </c>
      <c r="M683" s="10" t="s">
        <v>22</v>
      </c>
      <c r="N683" s="10" t="s">
        <v>22</v>
      </c>
      <c r="O683" s="10" t="s">
        <v>22</v>
      </c>
      <c r="P683" s="10" t="s">
        <v>22</v>
      </c>
      <c r="Q683" s="10" t="s">
        <v>22</v>
      </c>
      <c r="R683" s="10" t="s">
        <v>22</v>
      </c>
      <c r="S683" s="10" t="s">
        <v>22</v>
      </c>
      <c r="T683" s="10" t="s">
        <v>22</v>
      </c>
      <c r="U683" s="10" t="s">
        <v>22</v>
      </c>
      <c r="V683" s="10" t="s">
        <v>22</v>
      </c>
      <c r="W683" s="10" t="s">
        <v>22</v>
      </c>
      <c r="X683" s="10" t="s">
        <v>22</v>
      </c>
      <c r="Y683" s="10" t="s">
        <v>22</v>
      </c>
      <c r="Z683" s="10" t="s">
        <v>22</v>
      </c>
    </row>
    <row r="684" spans="1:26" ht="24" customHeight="1" x14ac:dyDescent="0.2">
      <c r="A684" s="9" t="s">
        <v>17962</v>
      </c>
      <c r="B684" s="9" t="s">
        <v>14</v>
      </c>
      <c r="C684" s="9" t="s">
        <v>3228</v>
      </c>
      <c r="D684" s="6" t="s">
        <v>3229</v>
      </c>
      <c r="E684" s="22">
        <v>44671</v>
      </c>
      <c r="F684" s="22">
        <v>46496</v>
      </c>
      <c r="G684" s="6" t="s">
        <v>3230</v>
      </c>
      <c r="H684" s="6" t="s">
        <v>62</v>
      </c>
      <c r="I684" s="6" t="s">
        <v>290</v>
      </c>
      <c r="J684" s="6" t="s">
        <v>3231</v>
      </c>
      <c r="K684" s="9" t="s">
        <v>3232</v>
      </c>
      <c r="L684" s="10" t="s">
        <v>22</v>
      </c>
      <c r="M684" s="10" t="s">
        <v>22</v>
      </c>
      <c r="N684" s="10" t="s">
        <v>22</v>
      </c>
      <c r="O684" s="10" t="s">
        <v>22</v>
      </c>
      <c r="P684" s="10" t="s">
        <v>22</v>
      </c>
      <c r="Q684" s="10" t="s">
        <v>22</v>
      </c>
      <c r="R684" s="10" t="s">
        <v>22</v>
      </c>
      <c r="S684" s="10" t="s">
        <v>22</v>
      </c>
      <c r="T684" s="10" t="s">
        <v>22</v>
      </c>
      <c r="U684" s="10" t="s">
        <v>22</v>
      </c>
      <c r="V684" s="10" t="s">
        <v>22</v>
      </c>
      <c r="W684" s="10" t="s">
        <v>22</v>
      </c>
      <c r="X684" s="10" t="s">
        <v>22</v>
      </c>
      <c r="Y684" s="10" t="s">
        <v>22</v>
      </c>
      <c r="Z684" s="10" t="s">
        <v>22</v>
      </c>
    </row>
    <row r="685" spans="1:26" ht="24" customHeight="1" x14ac:dyDescent="0.2">
      <c r="A685" s="9" t="s">
        <v>17963</v>
      </c>
      <c r="B685" s="9" t="s">
        <v>14</v>
      </c>
      <c r="C685" s="9" t="s">
        <v>3233</v>
      </c>
      <c r="D685" s="6" t="s">
        <v>3234</v>
      </c>
      <c r="E685" s="22">
        <v>44677</v>
      </c>
      <c r="F685" s="22">
        <v>46502</v>
      </c>
      <c r="G685" s="6" t="s">
        <v>3235</v>
      </c>
      <c r="H685" s="6" t="s">
        <v>18</v>
      </c>
      <c r="I685" s="6" t="s">
        <v>19</v>
      </c>
      <c r="J685" s="6" t="s">
        <v>3236</v>
      </c>
      <c r="K685" s="9" t="s">
        <v>3237</v>
      </c>
      <c r="L685" s="10" t="s">
        <v>22</v>
      </c>
      <c r="M685" s="10" t="s">
        <v>22</v>
      </c>
      <c r="N685" s="10" t="s">
        <v>22</v>
      </c>
      <c r="O685" s="10" t="s">
        <v>22</v>
      </c>
      <c r="P685" s="10" t="s">
        <v>22</v>
      </c>
      <c r="Q685" s="10" t="s">
        <v>22</v>
      </c>
      <c r="R685" s="10" t="s">
        <v>22</v>
      </c>
      <c r="S685" s="10" t="s">
        <v>22</v>
      </c>
      <c r="T685" s="10" t="s">
        <v>22</v>
      </c>
      <c r="U685" s="10" t="s">
        <v>22</v>
      </c>
      <c r="V685" s="10" t="s">
        <v>22</v>
      </c>
      <c r="W685" s="10" t="s">
        <v>22</v>
      </c>
      <c r="X685" s="10" t="s">
        <v>22</v>
      </c>
      <c r="Y685" s="10" t="s">
        <v>22</v>
      </c>
      <c r="Z685" s="10" t="s">
        <v>22</v>
      </c>
    </row>
    <row r="686" spans="1:26" ht="24" customHeight="1" x14ac:dyDescent="0.2">
      <c r="A686" s="9" t="s">
        <v>17964</v>
      </c>
      <c r="B686" s="9" t="s">
        <v>14</v>
      </c>
      <c r="C686" s="9" t="s">
        <v>3238</v>
      </c>
      <c r="D686" s="6" t="s">
        <v>3239</v>
      </c>
      <c r="E686" s="22">
        <v>44682</v>
      </c>
      <c r="F686" s="22">
        <v>46507</v>
      </c>
      <c r="G686" s="6" t="s">
        <v>3240</v>
      </c>
      <c r="H686" s="6" t="s">
        <v>229</v>
      </c>
      <c r="I686" s="6" t="s">
        <v>3241</v>
      </c>
      <c r="J686" s="6" t="s">
        <v>3242</v>
      </c>
      <c r="K686" s="9" t="s">
        <v>3243</v>
      </c>
      <c r="L686" s="10" t="s">
        <v>22</v>
      </c>
      <c r="M686" s="10" t="s">
        <v>22</v>
      </c>
      <c r="N686" s="10" t="s">
        <v>22</v>
      </c>
      <c r="O686" s="10" t="s">
        <v>22</v>
      </c>
      <c r="P686" s="10" t="s">
        <v>22</v>
      </c>
      <c r="Q686" s="10" t="s">
        <v>22</v>
      </c>
      <c r="U686" s="10" t="s">
        <v>22</v>
      </c>
      <c r="V686" s="10" t="s">
        <v>22</v>
      </c>
      <c r="W686" s="10" t="s">
        <v>22</v>
      </c>
      <c r="X686" s="10" t="s">
        <v>22</v>
      </c>
      <c r="Y686" s="10" t="s">
        <v>22</v>
      </c>
      <c r="Z686" s="10" t="s">
        <v>22</v>
      </c>
    </row>
    <row r="687" spans="1:26" ht="24" customHeight="1" x14ac:dyDescent="0.2">
      <c r="A687" s="9" t="s">
        <v>17965</v>
      </c>
      <c r="B687" s="9" t="s">
        <v>14</v>
      </c>
      <c r="C687" s="9" t="s">
        <v>3244</v>
      </c>
      <c r="D687" s="6" t="s">
        <v>3245</v>
      </c>
      <c r="E687" s="22">
        <v>44688</v>
      </c>
      <c r="F687" s="22">
        <v>46513</v>
      </c>
      <c r="G687" s="6" t="s">
        <v>3246</v>
      </c>
      <c r="H687" s="6" t="s">
        <v>202</v>
      </c>
      <c r="I687" s="6" t="s">
        <v>857</v>
      </c>
      <c r="J687" s="6" t="s">
        <v>3247</v>
      </c>
      <c r="K687" s="9" t="s">
        <v>3248</v>
      </c>
      <c r="L687" s="10" t="s">
        <v>22</v>
      </c>
      <c r="M687" s="10" t="s">
        <v>22</v>
      </c>
      <c r="N687" s="10" t="s">
        <v>22</v>
      </c>
      <c r="O687" s="10" t="s">
        <v>22</v>
      </c>
      <c r="P687" s="10" t="s">
        <v>22</v>
      </c>
      <c r="Q687" s="10" t="s">
        <v>22</v>
      </c>
      <c r="U687" s="10" t="s">
        <v>22</v>
      </c>
      <c r="V687" s="10" t="s">
        <v>22</v>
      </c>
      <c r="W687" s="10" t="s">
        <v>22</v>
      </c>
      <c r="X687" s="10" t="s">
        <v>22</v>
      </c>
      <c r="Y687" s="10" t="s">
        <v>22</v>
      </c>
      <c r="Z687" s="10" t="s">
        <v>22</v>
      </c>
    </row>
    <row r="688" spans="1:26" ht="24" customHeight="1" x14ac:dyDescent="0.2">
      <c r="A688" s="9" t="s">
        <v>17966</v>
      </c>
      <c r="B688" s="9" t="s">
        <v>14</v>
      </c>
      <c r="C688" s="9" t="s">
        <v>3249</v>
      </c>
      <c r="D688" s="6" t="s">
        <v>3250</v>
      </c>
      <c r="E688" s="22">
        <v>44690</v>
      </c>
      <c r="F688" s="22">
        <v>46515</v>
      </c>
      <c r="G688" s="6" t="s">
        <v>3251</v>
      </c>
      <c r="H688" s="6" t="s">
        <v>62</v>
      </c>
      <c r="I688" s="6" t="s">
        <v>258</v>
      </c>
      <c r="J688" s="6" t="s">
        <v>3252</v>
      </c>
      <c r="K688" s="9" t="s">
        <v>3253</v>
      </c>
      <c r="L688" s="10" t="s">
        <v>22</v>
      </c>
      <c r="M688" s="10" t="s">
        <v>22</v>
      </c>
      <c r="N688" s="10" t="s">
        <v>22</v>
      </c>
      <c r="O688" s="10" t="s">
        <v>22</v>
      </c>
      <c r="P688" s="10" t="s">
        <v>22</v>
      </c>
      <c r="Q688" s="10" t="s">
        <v>22</v>
      </c>
      <c r="R688" s="10" t="s">
        <v>22</v>
      </c>
      <c r="S688" s="10" t="s">
        <v>22</v>
      </c>
      <c r="T688" s="10" t="s">
        <v>22</v>
      </c>
      <c r="U688" s="10" t="s">
        <v>22</v>
      </c>
      <c r="V688" s="10" t="s">
        <v>22</v>
      </c>
      <c r="W688" s="10" t="s">
        <v>22</v>
      </c>
      <c r="X688" s="10" t="s">
        <v>22</v>
      </c>
      <c r="Y688" s="10" t="s">
        <v>22</v>
      </c>
      <c r="Z688" s="10" t="s">
        <v>22</v>
      </c>
    </row>
    <row r="689" spans="1:26" ht="24" customHeight="1" x14ac:dyDescent="0.2">
      <c r="A689" s="9" t="s">
        <v>17967</v>
      </c>
      <c r="B689" s="9" t="s">
        <v>14</v>
      </c>
      <c r="C689" s="9" t="s">
        <v>3254</v>
      </c>
      <c r="D689" s="6" t="s">
        <v>3255</v>
      </c>
      <c r="E689" s="22">
        <v>44690</v>
      </c>
      <c r="F689" s="22">
        <v>46515</v>
      </c>
      <c r="G689" s="6" t="s">
        <v>3256</v>
      </c>
      <c r="H689" s="6" t="s">
        <v>62</v>
      </c>
      <c r="I689" s="6" t="s">
        <v>186</v>
      </c>
      <c r="J689" s="6" t="s">
        <v>3257</v>
      </c>
      <c r="K689" s="9" t="s">
        <v>3258</v>
      </c>
      <c r="L689" s="10" t="s">
        <v>22</v>
      </c>
      <c r="M689" s="10" t="s">
        <v>22</v>
      </c>
      <c r="N689" s="10" t="s">
        <v>22</v>
      </c>
      <c r="O689" s="10" t="s">
        <v>22</v>
      </c>
      <c r="P689" s="10" t="s">
        <v>22</v>
      </c>
      <c r="Q689" s="10" t="s">
        <v>22</v>
      </c>
      <c r="R689" s="10" t="s">
        <v>22</v>
      </c>
      <c r="S689" s="10" t="s">
        <v>22</v>
      </c>
      <c r="T689" s="10" t="s">
        <v>22</v>
      </c>
      <c r="U689" s="10" t="s">
        <v>22</v>
      </c>
      <c r="V689" s="10" t="s">
        <v>22</v>
      </c>
      <c r="W689" s="10" t="s">
        <v>22</v>
      </c>
      <c r="X689" s="10" t="s">
        <v>22</v>
      </c>
      <c r="Y689" s="10" t="s">
        <v>22</v>
      </c>
      <c r="Z689" s="10" t="s">
        <v>22</v>
      </c>
    </row>
    <row r="690" spans="1:26" ht="24" customHeight="1" x14ac:dyDescent="0.2">
      <c r="A690" s="9" t="s">
        <v>17968</v>
      </c>
      <c r="B690" s="9" t="s">
        <v>14</v>
      </c>
      <c r="C690" s="9" t="s">
        <v>3259</v>
      </c>
      <c r="D690" s="6" t="s">
        <v>3260</v>
      </c>
      <c r="E690" s="22">
        <v>44702</v>
      </c>
      <c r="F690" s="22">
        <v>46527</v>
      </c>
      <c r="G690" s="6" t="s">
        <v>3261</v>
      </c>
      <c r="H690" s="6" t="s">
        <v>363</v>
      </c>
      <c r="I690" s="6" t="s">
        <v>646</v>
      </c>
      <c r="J690" s="6" t="s">
        <v>3262</v>
      </c>
      <c r="L690" s="10" t="s">
        <v>22</v>
      </c>
      <c r="M690" s="10" t="s">
        <v>22</v>
      </c>
      <c r="N690" s="10" t="s">
        <v>22</v>
      </c>
      <c r="O690" s="10" t="s">
        <v>22</v>
      </c>
      <c r="P690" s="10" t="s">
        <v>22</v>
      </c>
      <c r="Q690" s="10" t="s">
        <v>22</v>
      </c>
      <c r="R690" s="10" t="s">
        <v>22</v>
      </c>
      <c r="S690" s="10" t="s">
        <v>22</v>
      </c>
      <c r="T690" s="10" t="s">
        <v>22</v>
      </c>
      <c r="U690" s="10" t="s">
        <v>22</v>
      </c>
      <c r="V690" s="10" t="s">
        <v>22</v>
      </c>
      <c r="W690" s="10" t="s">
        <v>22</v>
      </c>
      <c r="X690" s="10" t="s">
        <v>22</v>
      </c>
      <c r="Y690" s="10" t="s">
        <v>22</v>
      </c>
      <c r="Z690" s="10" t="s">
        <v>22</v>
      </c>
    </row>
    <row r="691" spans="1:26" ht="24" customHeight="1" x14ac:dyDescent="0.2">
      <c r="A691" s="9" t="s">
        <v>17969</v>
      </c>
      <c r="B691" s="9" t="s">
        <v>14</v>
      </c>
      <c r="C691" s="9" t="s">
        <v>3263</v>
      </c>
      <c r="D691" s="6" t="s">
        <v>3264</v>
      </c>
      <c r="E691" s="22">
        <v>44702</v>
      </c>
      <c r="F691" s="22">
        <v>46527</v>
      </c>
      <c r="G691" s="6" t="s">
        <v>3265</v>
      </c>
      <c r="H691" s="6" t="s">
        <v>62</v>
      </c>
      <c r="I691" s="6" t="s">
        <v>435</v>
      </c>
      <c r="J691" s="6" t="s">
        <v>3266</v>
      </c>
      <c r="K691" s="9" t="s">
        <v>3267</v>
      </c>
      <c r="L691" s="10" t="s">
        <v>22</v>
      </c>
      <c r="M691" s="10" t="s">
        <v>22</v>
      </c>
      <c r="N691" s="10" t="s">
        <v>22</v>
      </c>
      <c r="O691" s="10" t="s">
        <v>22</v>
      </c>
      <c r="P691" s="10" t="s">
        <v>22</v>
      </c>
      <c r="Q691" s="10" t="s">
        <v>22</v>
      </c>
      <c r="R691" s="10" t="s">
        <v>22</v>
      </c>
      <c r="S691" s="10" t="s">
        <v>22</v>
      </c>
      <c r="T691" s="10" t="s">
        <v>22</v>
      </c>
      <c r="U691" s="10" t="s">
        <v>22</v>
      </c>
      <c r="V691" s="10" t="s">
        <v>22</v>
      </c>
      <c r="W691" s="10" t="s">
        <v>22</v>
      </c>
      <c r="X691" s="10" t="s">
        <v>22</v>
      </c>
      <c r="Y691" s="10" t="s">
        <v>22</v>
      </c>
      <c r="Z691" s="10" t="s">
        <v>22</v>
      </c>
    </row>
    <row r="692" spans="1:26" ht="24" customHeight="1" x14ac:dyDescent="0.2">
      <c r="A692" s="9" t="s">
        <v>17970</v>
      </c>
      <c r="B692" s="9" t="s">
        <v>14</v>
      </c>
      <c r="C692" s="9" t="s">
        <v>3268</v>
      </c>
      <c r="D692" s="6" t="s">
        <v>3269</v>
      </c>
      <c r="E692" s="22">
        <v>44723</v>
      </c>
      <c r="F692" s="22">
        <v>46548</v>
      </c>
      <c r="G692" s="6" t="s">
        <v>3270</v>
      </c>
      <c r="H692" s="6" t="s">
        <v>2368</v>
      </c>
      <c r="I692" s="6" t="s">
        <v>3271</v>
      </c>
      <c r="J692" s="6" t="s">
        <v>3272</v>
      </c>
      <c r="K692" s="9" t="s">
        <v>3273</v>
      </c>
      <c r="L692" s="10" t="s">
        <v>22</v>
      </c>
      <c r="M692" s="10" t="s">
        <v>22</v>
      </c>
      <c r="N692" s="10" t="s">
        <v>22</v>
      </c>
      <c r="O692" s="10" t="s">
        <v>22</v>
      </c>
      <c r="P692" s="10" t="s">
        <v>22</v>
      </c>
      <c r="Q692" s="10" t="s">
        <v>22</v>
      </c>
      <c r="R692" s="10" t="s">
        <v>22</v>
      </c>
      <c r="S692" s="10" t="s">
        <v>22</v>
      </c>
      <c r="T692" s="10" t="s">
        <v>22</v>
      </c>
    </row>
    <row r="693" spans="1:26" ht="24" customHeight="1" x14ac:dyDescent="0.2">
      <c r="A693" s="9" t="s">
        <v>17971</v>
      </c>
      <c r="B693" s="9" t="s">
        <v>14</v>
      </c>
      <c r="C693" s="9" t="s">
        <v>3268</v>
      </c>
      <c r="D693" s="6" t="s">
        <v>3269</v>
      </c>
      <c r="E693" s="22">
        <v>44723</v>
      </c>
      <c r="F693" s="22">
        <v>46548</v>
      </c>
      <c r="G693" s="6" t="s">
        <v>3274</v>
      </c>
      <c r="H693" s="6" t="s">
        <v>3275</v>
      </c>
      <c r="I693" s="6" t="s">
        <v>3276</v>
      </c>
      <c r="J693" s="6" t="s">
        <v>3277</v>
      </c>
      <c r="K693" s="9" t="s">
        <v>3278</v>
      </c>
      <c r="L693" s="10" t="s">
        <v>22</v>
      </c>
      <c r="M693" s="10" t="s">
        <v>22</v>
      </c>
      <c r="N693" s="10" t="s">
        <v>22</v>
      </c>
      <c r="O693" s="10" t="s">
        <v>22</v>
      </c>
      <c r="P693" s="10" t="s">
        <v>22</v>
      </c>
      <c r="Q693" s="10" t="s">
        <v>22</v>
      </c>
      <c r="R693" s="10" t="s">
        <v>22</v>
      </c>
      <c r="S693" s="10" t="s">
        <v>22</v>
      </c>
      <c r="T693" s="10" t="s">
        <v>22</v>
      </c>
    </row>
    <row r="694" spans="1:26" ht="24" customHeight="1" x14ac:dyDescent="0.2">
      <c r="A694" s="9" t="s">
        <v>17972</v>
      </c>
      <c r="B694" s="9" t="s">
        <v>14</v>
      </c>
      <c r="C694" s="9" t="s">
        <v>3268</v>
      </c>
      <c r="D694" s="6" t="s">
        <v>3269</v>
      </c>
      <c r="E694" s="22">
        <v>44723</v>
      </c>
      <c r="F694" s="22">
        <v>46548</v>
      </c>
      <c r="G694" s="6" t="s">
        <v>3279</v>
      </c>
      <c r="H694" s="6" t="s">
        <v>62</v>
      </c>
      <c r="I694" s="6" t="s">
        <v>73</v>
      </c>
      <c r="J694" s="6" t="s">
        <v>3280</v>
      </c>
      <c r="K694" s="9" t="s">
        <v>3281</v>
      </c>
      <c r="L694" s="10" t="s">
        <v>22</v>
      </c>
      <c r="M694" s="10" t="s">
        <v>22</v>
      </c>
      <c r="N694" s="10" t="s">
        <v>22</v>
      </c>
      <c r="O694" s="10" t="s">
        <v>22</v>
      </c>
      <c r="P694" s="10" t="s">
        <v>22</v>
      </c>
      <c r="Q694" s="10" t="s">
        <v>22</v>
      </c>
      <c r="R694" s="10" t="s">
        <v>22</v>
      </c>
      <c r="S694" s="10" t="s">
        <v>22</v>
      </c>
      <c r="T694" s="10" t="s">
        <v>22</v>
      </c>
    </row>
    <row r="695" spans="1:26" ht="24" customHeight="1" x14ac:dyDescent="0.2">
      <c r="A695" s="9" t="s">
        <v>17973</v>
      </c>
      <c r="B695" s="9" t="s">
        <v>14</v>
      </c>
      <c r="C695" s="9" t="s">
        <v>3268</v>
      </c>
      <c r="D695" s="6" t="s">
        <v>3269</v>
      </c>
      <c r="E695" s="22">
        <v>44723</v>
      </c>
      <c r="F695" s="22">
        <v>46548</v>
      </c>
      <c r="G695" s="6" t="s">
        <v>3282</v>
      </c>
      <c r="H695" s="6" t="s">
        <v>3283</v>
      </c>
      <c r="I695" s="6" t="s">
        <v>3284</v>
      </c>
      <c r="J695" s="6" t="s">
        <v>3285</v>
      </c>
      <c r="K695" s="9" t="s">
        <v>3286</v>
      </c>
      <c r="L695" s="10" t="s">
        <v>22</v>
      </c>
      <c r="M695" s="10" t="s">
        <v>22</v>
      </c>
      <c r="N695" s="10" t="s">
        <v>22</v>
      </c>
      <c r="O695" s="10" t="s">
        <v>22</v>
      </c>
      <c r="P695" s="10" t="s">
        <v>22</v>
      </c>
      <c r="Q695" s="10" t="s">
        <v>22</v>
      </c>
      <c r="R695" s="10" t="s">
        <v>22</v>
      </c>
      <c r="S695" s="10" t="s">
        <v>22</v>
      </c>
      <c r="T695" s="10" t="s">
        <v>22</v>
      </c>
    </row>
    <row r="696" spans="1:26" ht="24" customHeight="1" x14ac:dyDescent="0.2">
      <c r="A696" s="9" t="s">
        <v>17974</v>
      </c>
      <c r="B696" s="9" t="s">
        <v>14</v>
      </c>
      <c r="C696" s="9" t="s">
        <v>3268</v>
      </c>
      <c r="D696" s="6" t="s">
        <v>3269</v>
      </c>
      <c r="E696" s="22">
        <v>44723</v>
      </c>
      <c r="F696" s="22">
        <v>46548</v>
      </c>
      <c r="G696" s="6" t="s">
        <v>16196</v>
      </c>
      <c r="H696" s="6" t="s">
        <v>7487</v>
      </c>
      <c r="I696" s="6" t="s">
        <v>16197</v>
      </c>
      <c r="J696" s="6" t="s">
        <v>16198</v>
      </c>
      <c r="K696" s="9" t="s">
        <v>16199</v>
      </c>
      <c r="L696" s="10" t="s">
        <v>22</v>
      </c>
      <c r="M696" s="10" t="s">
        <v>22</v>
      </c>
      <c r="N696" s="10" t="s">
        <v>22</v>
      </c>
      <c r="O696" s="10" t="s">
        <v>22</v>
      </c>
      <c r="P696" s="10" t="s">
        <v>22</v>
      </c>
      <c r="Q696" s="10" t="s">
        <v>22</v>
      </c>
      <c r="R696" s="10" t="s">
        <v>22</v>
      </c>
      <c r="S696" s="10" t="s">
        <v>22</v>
      </c>
      <c r="T696" s="10" t="s">
        <v>22</v>
      </c>
    </row>
    <row r="697" spans="1:26" ht="24" customHeight="1" x14ac:dyDescent="0.2">
      <c r="A697" s="9" t="s">
        <v>17975</v>
      </c>
      <c r="B697" s="9" t="s">
        <v>14</v>
      </c>
      <c r="C697" s="9" t="s">
        <v>3287</v>
      </c>
      <c r="D697" s="6" t="s">
        <v>3288</v>
      </c>
      <c r="E697" s="22">
        <v>44723</v>
      </c>
      <c r="F697" s="22">
        <v>46548</v>
      </c>
      <c r="G697" s="6" t="s">
        <v>3289</v>
      </c>
      <c r="H697" s="6" t="s">
        <v>62</v>
      </c>
      <c r="I697" s="6" t="s">
        <v>1816</v>
      </c>
      <c r="J697" s="6" t="s">
        <v>3290</v>
      </c>
      <c r="K697" s="9" t="s">
        <v>3291</v>
      </c>
      <c r="L697" s="10" t="s">
        <v>22</v>
      </c>
      <c r="M697" s="10" t="s">
        <v>22</v>
      </c>
      <c r="N697" s="10" t="s">
        <v>22</v>
      </c>
      <c r="O697" s="10" t="s">
        <v>22</v>
      </c>
      <c r="P697" s="10" t="s">
        <v>22</v>
      </c>
      <c r="Q697" s="10" t="s">
        <v>22</v>
      </c>
      <c r="R697" s="10" t="s">
        <v>22</v>
      </c>
      <c r="S697" s="10" t="s">
        <v>22</v>
      </c>
      <c r="T697" s="10" t="s">
        <v>22</v>
      </c>
      <c r="U697" s="10" t="s">
        <v>22</v>
      </c>
      <c r="V697" s="10" t="s">
        <v>22</v>
      </c>
      <c r="W697" s="10" t="s">
        <v>22</v>
      </c>
      <c r="X697" s="10" t="s">
        <v>22</v>
      </c>
      <c r="Y697" s="10" t="s">
        <v>22</v>
      </c>
      <c r="Z697" s="10" t="s">
        <v>22</v>
      </c>
    </row>
    <row r="698" spans="1:26" ht="24" customHeight="1" x14ac:dyDescent="0.2">
      <c r="A698" s="9" t="s">
        <v>17976</v>
      </c>
      <c r="B698" s="9" t="s">
        <v>14</v>
      </c>
      <c r="C698" s="9" t="s">
        <v>3287</v>
      </c>
      <c r="D698" s="6" t="s">
        <v>3288</v>
      </c>
      <c r="E698" s="22">
        <v>44723</v>
      </c>
      <c r="F698" s="22">
        <v>46548</v>
      </c>
      <c r="G698" s="6" t="s">
        <v>3292</v>
      </c>
      <c r="H698" s="6" t="s">
        <v>701</v>
      </c>
      <c r="I698" s="6" t="s">
        <v>3293</v>
      </c>
      <c r="J698" s="6" t="s">
        <v>3294</v>
      </c>
      <c r="K698" s="9" t="s">
        <v>3295</v>
      </c>
      <c r="L698" s="10" t="s">
        <v>22</v>
      </c>
      <c r="M698" s="10" t="s">
        <v>22</v>
      </c>
      <c r="N698" s="10" t="s">
        <v>22</v>
      </c>
      <c r="O698" s="10" t="s">
        <v>22</v>
      </c>
      <c r="P698" s="10" t="s">
        <v>22</v>
      </c>
      <c r="Q698" s="10" t="s">
        <v>22</v>
      </c>
      <c r="R698" s="10" t="s">
        <v>22</v>
      </c>
      <c r="S698" s="10" t="s">
        <v>22</v>
      </c>
      <c r="T698" s="10" t="s">
        <v>22</v>
      </c>
      <c r="U698" s="10" t="s">
        <v>22</v>
      </c>
      <c r="V698" s="10" t="s">
        <v>22</v>
      </c>
      <c r="W698" s="10" t="s">
        <v>22</v>
      </c>
      <c r="X698" s="10" t="s">
        <v>22</v>
      </c>
      <c r="Y698" s="10" t="s">
        <v>22</v>
      </c>
      <c r="Z698" s="10" t="s">
        <v>22</v>
      </c>
    </row>
    <row r="699" spans="1:26" ht="24" customHeight="1" x14ac:dyDescent="0.2">
      <c r="A699" s="9" t="s">
        <v>17977</v>
      </c>
      <c r="B699" s="9" t="s">
        <v>14</v>
      </c>
      <c r="C699" s="9" t="s">
        <v>3296</v>
      </c>
      <c r="D699" s="6" t="s">
        <v>3297</v>
      </c>
      <c r="E699" s="22">
        <v>44723</v>
      </c>
      <c r="F699" s="22">
        <v>46548</v>
      </c>
      <c r="G699" s="6" t="s">
        <v>3298</v>
      </c>
      <c r="H699" s="6" t="s">
        <v>1625</v>
      </c>
      <c r="I699" s="6" t="s">
        <v>1626</v>
      </c>
      <c r="J699" s="6" t="s">
        <v>3299</v>
      </c>
      <c r="K699" s="9" t="s">
        <v>3300</v>
      </c>
      <c r="L699" s="10" t="s">
        <v>22</v>
      </c>
      <c r="M699" s="10" t="s">
        <v>22</v>
      </c>
      <c r="N699" s="10" t="s">
        <v>22</v>
      </c>
      <c r="O699" s="10" t="s">
        <v>22</v>
      </c>
      <c r="P699" s="10" t="s">
        <v>22</v>
      </c>
      <c r="Q699" s="10" t="s">
        <v>22</v>
      </c>
      <c r="U699" s="10" t="s">
        <v>22</v>
      </c>
      <c r="V699" s="10" t="s">
        <v>22</v>
      </c>
      <c r="W699" s="10" t="s">
        <v>22</v>
      </c>
      <c r="X699" s="10" t="s">
        <v>22</v>
      </c>
      <c r="Y699" s="10" t="s">
        <v>22</v>
      </c>
      <c r="Z699" s="10" t="s">
        <v>22</v>
      </c>
    </row>
    <row r="700" spans="1:26" ht="24" customHeight="1" x14ac:dyDescent="0.2">
      <c r="A700" s="9" t="s">
        <v>17978</v>
      </c>
      <c r="B700" s="9" t="s">
        <v>14</v>
      </c>
      <c r="C700" s="9" t="s">
        <v>3301</v>
      </c>
      <c r="D700" s="6" t="s">
        <v>3302</v>
      </c>
      <c r="E700" s="22">
        <v>44725</v>
      </c>
      <c r="F700" s="22">
        <v>46550</v>
      </c>
      <c r="G700" s="6" t="s">
        <v>3303</v>
      </c>
      <c r="H700" s="6" t="s">
        <v>62</v>
      </c>
      <c r="I700" s="6" t="s">
        <v>73</v>
      </c>
      <c r="J700" s="6" t="s">
        <v>3304</v>
      </c>
      <c r="K700" s="9" t="s">
        <v>3305</v>
      </c>
      <c r="L700" s="10" t="s">
        <v>22</v>
      </c>
      <c r="M700" s="10" t="s">
        <v>22</v>
      </c>
      <c r="N700" s="10" t="s">
        <v>22</v>
      </c>
      <c r="O700" s="10" t="s">
        <v>22</v>
      </c>
      <c r="P700" s="10" t="s">
        <v>22</v>
      </c>
      <c r="Q700" s="10" t="s">
        <v>22</v>
      </c>
      <c r="R700" s="10" t="s">
        <v>22</v>
      </c>
      <c r="S700" s="10" t="s">
        <v>22</v>
      </c>
      <c r="T700" s="10" t="s">
        <v>22</v>
      </c>
      <c r="U700" s="10" t="s">
        <v>22</v>
      </c>
      <c r="V700" s="10" t="s">
        <v>22</v>
      </c>
      <c r="W700" s="10" t="s">
        <v>22</v>
      </c>
      <c r="X700" s="10" t="s">
        <v>22</v>
      </c>
      <c r="Y700" s="10" t="s">
        <v>22</v>
      </c>
      <c r="Z700" s="10" t="s">
        <v>22</v>
      </c>
    </row>
    <row r="701" spans="1:26" ht="24" customHeight="1" x14ac:dyDescent="0.2">
      <c r="A701" s="9" t="s">
        <v>17979</v>
      </c>
      <c r="B701" s="9" t="s">
        <v>14</v>
      </c>
      <c r="C701" s="9" t="s">
        <v>3306</v>
      </c>
      <c r="D701" s="6" t="s">
        <v>3307</v>
      </c>
      <c r="E701" s="22">
        <v>44732</v>
      </c>
      <c r="F701" s="22">
        <v>46557</v>
      </c>
      <c r="G701" s="6" t="s">
        <v>3308</v>
      </c>
      <c r="H701" s="6" t="s">
        <v>62</v>
      </c>
      <c r="I701" s="6" t="s">
        <v>252</v>
      </c>
      <c r="J701" s="6" t="s">
        <v>3309</v>
      </c>
      <c r="K701" s="9" t="s">
        <v>3310</v>
      </c>
      <c r="L701" s="10" t="s">
        <v>22</v>
      </c>
      <c r="M701" s="10" t="s">
        <v>22</v>
      </c>
      <c r="N701" s="10" t="s">
        <v>22</v>
      </c>
      <c r="O701" s="10" t="s">
        <v>22</v>
      </c>
      <c r="P701" s="10" t="s">
        <v>22</v>
      </c>
      <c r="Q701" s="10" t="s">
        <v>22</v>
      </c>
      <c r="U701" s="10" t="s">
        <v>22</v>
      </c>
      <c r="V701" s="10" t="s">
        <v>22</v>
      </c>
      <c r="W701" s="10" t="s">
        <v>22</v>
      </c>
      <c r="X701" s="10" t="s">
        <v>22</v>
      </c>
      <c r="Y701" s="10" t="s">
        <v>22</v>
      </c>
      <c r="Z701" s="10" t="s">
        <v>22</v>
      </c>
    </row>
    <row r="702" spans="1:26" ht="24" customHeight="1" x14ac:dyDescent="0.2">
      <c r="A702" s="9" t="s">
        <v>17980</v>
      </c>
      <c r="B702" s="9" t="s">
        <v>14</v>
      </c>
      <c r="C702" s="9" t="s">
        <v>3311</v>
      </c>
      <c r="D702" s="6" t="s">
        <v>3312</v>
      </c>
      <c r="E702" s="22">
        <v>44732</v>
      </c>
      <c r="F702" s="22">
        <v>46557</v>
      </c>
      <c r="G702" s="6" t="s">
        <v>3313</v>
      </c>
      <c r="H702" s="6" t="s">
        <v>18</v>
      </c>
      <c r="I702" s="6" t="s">
        <v>26</v>
      </c>
      <c r="J702" s="6" t="s">
        <v>3314</v>
      </c>
      <c r="L702" s="10" t="s">
        <v>22</v>
      </c>
      <c r="M702" s="10" t="s">
        <v>22</v>
      </c>
      <c r="N702" s="10" t="s">
        <v>22</v>
      </c>
      <c r="O702" s="10" t="s">
        <v>22</v>
      </c>
      <c r="P702" s="10" t="s">
        <v>22</v>
      </c>
      <c r="Q702" s="10" t="s">
        <v>22</v>
      </c>
      <c r="R702" s="10" t="s">
        <v>22</v>
      </c>
      <c r="S702" s="10" t="s">
        <v>22</v>
      </c>
      <c r="T702" s="10" t="s">
        <v>22</v>
      </c>
      <c r="U702" s="10" t="s">
        <v>22</v>
      </c>
      <c r="V702" s="10" t="s">
        <v>22</v>
      </c>
      <c r="W702" s="10" t="s">
        <v>22</v>
      </c>
      <c r="X702" s="10" t="s">
        <v>22</v>
      </c>
      <c r="Y702" s="10" t="s">
        <v>22</v>
      </c>
      <c r="Z702" s="10" t="s">
        <v>22</v>
      </c>
    </row>
    <row r="703" spans="1:26" ht="24" customHeight="1" x14ac:dyDescent="0.2">
      <c r="A703" s="9" t="s">
        <v>17981</v>
      </c>
      <c r="B703" s="9" t="s">
        <v>14</v>
      </c>
      <c r="C703" s="9" t="s">
        <v>3315</v>
      </c>
      <c r="D703" s="6" t="s">
        <v>3316</v>
      </c>
      <c r="E703" s="22">
        <v>44732</v>
      </c>
      <c r="F703" s="22">
        <v>46557</v>
      </c>
      <c r="G703" s="6" t="s">
        <v>3317</v>
      </c>
      <c r="H703" s="6" t="s">
        <v>62</v>
      </c>
      <c r="I703" s="6" t="s">
        <v>2378</v>
      </c>
      <c r="J703" s="6" t="s">
        <v>3318</v>
      </c>
      <c r="K703" s="9" t="s">
        <v>3319</v>
      </c>
      <c r="L703" s="10" t="s">
        <v>22</v>
      </c>
      <c r="M703" s="10" t="s">
        <v>22</v>
      </c>
      <c r="N703" s="10" t="s">
        <v>22</v>
      </c>
      <c r="O703" s="10" t="s">
        <v>22</v>
      </c>
      <c r="P703" s="10" t="s">
        <v>22</v>
      </c>
      <c r="Q703" s="10" t="s">
        <v>22</v>
      </c>
      <c r="R703" s="10" t="s">
        <v>22</v>
      </c>
      <c r="S703" s="10" t="s">
        <v>22</v>
      </c>
      <c r="T703" s="10" t="s">
        <v>22</v>
      </c>
      <c r="U703" s="10" t="s">
        <v>22</v>
      </c>
      <c r="V703" s="10" t="s">
        <v>22</v>
      </c>
      <c r="W703" s="10" t="s">
        <v>22</v>
      </c>
      <c r="X703" s="10" t="s">
        <v>22</v>
      </c>
      <c r="Y703" s="10" t="s">
        <v>22</v>
      </c>
      <c r="Z703" s="10" t="s">
        <v>22</v>
      </c>
    </row>
    <row r="704" spans="1:26" ht="24" customHeight="1" x14ac:dyDescent="0.2">
      <c r="A704" s="9" t="s">
        <v>17982</v>
      </c>
      <c r="B704" s="9" t="s">
        <v>14</v>
      </c>
      <c r="C704" s="9" t="s">
        <v>3320</v>
      </c>
      <c r="D704" s="6" t="s">
        <v>3321</v>
      </c>
      <c r="E704" s="22">
        <v>44738</v>
      </c>
      <c r="F704" s="22">
        <v>46563</v>
      </c>
      <c r="G704" s="6" t="s">
        <v>3322</v>
      </c>
      <c r="H704" s="6" t="s">
        <v>62</v>
      </c>
      <c r="I704" s="6" t="s">
        <v>1141</v>
      </c>
      <c r="J704" s="6" t="s">
        <v>3323</v>
      </c>
      <c r="K704" s="9" t="s">
        <v>3324</v>
      </c>
      <c r="L704" s="10" t="s">
        <v>22</v>
      </c>
      <c r="M704" s="10" t="s">
        <v>22</v>
      </c>
      <c r="N704" s="10" t="s">
        <v>22</v>
      </c>
      <c r="R704" s="10" t="s">
        <v>22</v>
      </c>
      <c r="S704" s="10" t="s">
        <v>22</v>
      </c>
      <c r="T704" s="10" t="s">
        <v>22</v>
      </c>
      <c r="U704" s="10" t="s">
        <v>22</v>
      </c>
      <c r="V704" s="10" t="s">
        <v>22</v>
      </c>
      <c r="W704" s="10" t="s">
        <v>22</v>
      </c>
    </row>
    <row r="705" spans="1:26" ht="24" customHeight="1" x14ac:dyDescent="0.2">
      <c r="A705" s="9" t="s">
        <v>17983</v>
      </c>
      <c r="B705" s="9" t="s">
        <v>14</v>
      </c>
      <c r="C705" s="9" t="s">
        <v>3320</v>
      </c>
      <c r="D705" s="6" t="s">
        <v>3321</v>
      </c>
      <c r="E705" s="22">
        <v>44738</v>
      </c>
      <c r="F705" s="22">
        <v>46563</v>
      </c>
      <c r="G705" s="6" t="s">
        <v>3325</v>
      </c>
      <c r="H705" s="6" t="s">
        <v>202</v>
      </c>
      <c r="I705" s="6" t="s">
        <v>863</v>
      </c>
      <c r="J705" s="6" t="s">
        <v>3326</v>
      </c>
      <c r="K705" s="9" t="s">
        <v>3327</v>
      </c>
      <c r="L705" s="10" t="s">
        <v>22</v>
      </c>
      <c r="M705" s="10" t="s">
        <v>22</v>
      </c>
      <c r="N705" s="10" t="s">
        <v>22</v>
      </c>
      <c r="R705" s="10" t="s">
        <v>22</v>
      </c>
      <c r="S705" s="10" t="s">
        <v>22</v>
      </c>
      <c r="T705" s="10" t="s">
        <v>22</v>
      </c>
      <c r="U705" s="10" t="s">
        <v>22</v>
      </c>
      <c r="V705" s="10" t="s">
        <v>22</v>
      </c>
      <c r="W705" s="10" t="s">
        <v>22</v>
      </c>
    </row>
    <row r="706" spans="1:26" ht="24" customHeight="1" x14ac:dyDescent="0.2">
      <c r="A706" s="9" t="s">
        <v>17984</v>
      </c>
      <c r="B706" s="9" t="s">
        <v>14</v>
      </c>
      <c r="C706" s="9" t="s">
        <v>3328</v>
      </c>
      <c r="D706" s="6" t="s">
        <v>3329</v>
      </c>
      <c r="E706" s="22">
        <v>44745</v>
      </c>
      <c r="F706" s="22">
        <v>46570</v>
      </c>
      <c r="G706" s="6" t="s">
        <v>3330</v>
      </c>
      <c r="H706" s="6" t="s">
        <v>18</v>
      </c>
      <c r="I706" s="6" t="s">
        <v>19</v>
      </c>
      <c r="J706" s="6" t="s">
        <v>3331</v>
      </c>
      <c r="K706" s="9" t="s">
        <v>3332</v>
      </c>
      <c r="L706" s="10" t="s">
        <v>22</v>
      </c>
      <c r="M706" s="10" t="s">
        <v>22</v>
      </c>
      <c r="N706" s="10" t="s">
        <v>22</v>
      </c>
      <c r="O706" s="10" t="s">
        <v>22</v>
      </c>
      <c r="P706" s="10" t="s">
        <v>22</v>
      </c>
      <c r="Q706" s="10" t="s">
        <v>22</v>
      </c>
      <c r="U706" s="10" t="s">
        <v>22</v>
      </c>
      <c r="V706" s="10" t="s">
        <v>22</v>
      </c>
      <c r="W706" s="10" t="s">
        <v>22</v>
      </c>
      <c r="X706" s="10" t="s">
        <v>22</v>
      </c>
      <c r="Y706" s="10" t="s">
        <v>22</v>
      </c>
      <c r="Z706" s="10" t="s">
        <v>22</v>
      </c>
    </row>
    <row r="707" spans="1:26" ht="24" customHeight="1" x14ac:dyDescent="0.2">
      <c r="A707" s="9" t="s">
        <v>17985</v>
      </c>
      <c r="B707" s="9" t="s">
        <v>14</v>
      </c>
      <c r="C707" s="9" t="s">
        <v>3333</v>
      </c>
      <c r="D707" s="6" t="s">
        <v>3334</v>
      </c>
      <c r="E707" s="22">
        <v>44759</v>
      </c>
      <c r="F707" s="22">
        <v>46584</v>
      </c>
      <c r="G707" s="6" t="s">
        <v>3335</v>
      </c>
      <c r="H707" s="6" t="s">
        <v>202</v>
      </c>
      <c r="I707" s="6" t="s">
        <v>863</v>
      </c>
      <c r="J707" s="6" t="s">
        <v>3336</v>
      </c>
      <c r="K707" s="9" t="s">
        <v>3337</v>
      </c>
      <c r="L707" s="10" t="s">
        <v>22</v>
      </c>
      <c r="M707" s="10" t="s">
        <v>22</v>
      </c>
      <c r="N707" s="10" t="s">
        <v>22</v>
      </c>
      <c r="O707" s="10" t="s">
        <v>22</v>
      </c>
      <c r="P707" s="10" t="s">
        <v>22</v>
      </c>
      <c r="Q707" s="10" t="s">
        <v>22</v>
      </c>
      <c r="R707" s="10" t="s">
        <v>22</v>
      </c>
      <c r="S707" s="10" t="s">
        <v>22</v>
      </c>
      <c r="T707" s="10" t="s">
        <v>22</v>
      </c>
      <c r="U707" s="10" t="s">
        <v>22</v>
      </c>
      <c r="V707" s="10" t="s">
        <v>22</v>
      </c>
      <c r="W707" s="10" t="s">
        <v>22</v>
      </c>
      <c r="X707" s="10" t="s">
        <v>22</v>
      </c>
      <c r="Y707" s="10" t="s">
        <v>22</v>
      </c>
      <c r="Z707" s="10" t="s">
        <v>22</v>
      </c>
    </row>
    <row r="708" spans="1:26" ht="24" customHeight="1" x14ac:dyDescent="0.2">
      <c r="A708" s="9" t="s">
        <v>17986</v>
      </c>
      <c r="B708" s="9" t="s">
        <v>14</v>
      </c>
      <c r="C708" s="9" t="s">
        <v>3338</v>
      </c>
      <c r="D708" s="6" t="s">
        <v>3339</v>
      </c>
      <c r="E708" s="22">
        <v>44773</v>
      </c>
      <c r="F708" s="22">
        <v>46598</v>
      </c>
      <c r="G708" s="6" t="s">
        <v>3340</v>
      </c>
      <c r="H708" s="6" t="s">
        <v>62</v>
      </c>
      <c r="I708" s="6" t="s">
        <v>435</v>
      </c>
      <c r="J708" s="6" t="s">
        <v>3341</v>
      </c>
      <c r="K708" s="9" t="s">
        <v>3342</v>
      </c>
      <c r="L708" s="10" t="s">
        <v>22</v>
      </c>
      <c r="M708" s="10" t="s">
        <v>22</v>
      </c>
      <c r="N708" s="10" t="s">
        <v>22</v>
      </c>
      <c r="O708" s="10" t="s">
        <v>22</v>
      </c>
      <c r="P708" s="10" t="s">
        <v>22</v>
      </c>
      <c r="Q708" s="10" t="s">
        <v>22</v>
      </c>
      <c r="R708" s="10" t="s">
        <v>22</v>
      </c>
      <c r="S708" s="10" t="s">
        <v>22</v>
      </c>
      <c r="T708" s="10" t="s">
        <v>22</v>
      </c>
      <c r="U708" s="10" t="s">
        <v>22</v>
      </c>
      <c r="V708" s="10" t="s">
        <v>22</v>
      </c>
      <c r="W708" s="10" t="s">
        <v>22</v>
      </c>
      <c r="X708" s="10" t="s">
        <v>22</v>
      </c>
      <c r="Y708" s="10" t="s">
        <v>22</v>
      </c>
      <c r="Z708" s="10" t="s">
        <v>22</v>
      </c>
    </row>
    <row r="709" spans="1:26" ht="24" customHeight="1" x14ac:dyDescent="0.2">
      <c r="A709" s="9" t="s">
        <v>17987</v>
      </c>
      <c r="B709" s="9" t="s">
        <v>14</v>
      </c>
      <c r="C709" s="9" t="s">
        <v>3343</v>
      </c>
      <c r="D709" s="6" t="s">
        <v>3344</v>
      </c>
      <c r="E709" s="22">
        <v>44773</v>
      </c>
      <c r="F709" s="22">
        <v>46598</v>
      </c>
      <c r="G709" s="6" t="s">
        <v>3345</v>
      </c>
      <c r="H709" s="6" t="s">
        <v>62</v>
      </c>
      <c r="I709" s="6" t="s">
        <v>318</v>
      </c>
      <c r="J709" s="6" t="s">
        <v>3346</v>
      </c>
      <c r="K709" s="9" t="s">
        <v>3347</v>
      </c>
      <c r="L709" s="10" t="s">
        <v>22</v>
      </c>
      <c r="M709" s="10" t="s">
        <v>22</v>
      </c>
      <c r="N709" s="10" t="s">
        <v>22</v>
      </c>
      <c r="O709" s="10" t="s">
        <v>22</v>
      </c>
      <c r="P709" s="10" t="s">
        <v>22</v>
      </c>
      <c r="Q709" s="10" t="s">
        <v>22</v>
      </c>
      <c r="R709" s="10" t="s">
        <v>22</v>
      </c>
      <c r="S709" s="10" t="s">
        <v>22</v>
      </c>
      <c r="T709" s="10" t="s">
        <v>22</v>
      </c>
      <c r="U709" s="10" t="s">
        <v>22</v>
      </c>
      <c r="V709" s="10" t="s">
        <v>22</v>
      </c>
      <c r="W709" s="10" t="s">
        <v>22</v>
      </c>
      <c r="X709" s="10" t="s">
        <v>22</v>
      </c>
      <c r="Y709" s="10" t="s">
        <v>22</v>
      </c>
      <c r="Z709" s="10" t="s">
        <v>22</v>
      </c>
    </row>
    <row r="710" spans="1:26" ht="24" customHeight="1" x14ac:dyDescent="0.2">
      <c r="A710" s="9" t="s">
        <v>17988</v>
      </c>
      <c r="B710" s="9" t="s">
        <v>14</v>
      </c>
      <c r="C710" s="9" t="s">
        <v>3348</v>
      </c>
      <c r="D710" s="6" t="s">
        <v>3349</v>
      </c>
      <c r="E710" s="22">
        <v>44776</v>
      </c>
      <c r="F710" s="22">
        <v>46601</v>
      </c>
      <c r="G710" s="6" t="s">
        <v>3350</v>
      </c>
      <c r="H710" s="6" t="s">
        <v>62</v>
      </c>
      <c r="I710" s="6" t="s">
        <v>73</v>
      </c>
      <c r="J710" s="6" t="s">
        <v>3351</v>
      </c>
      <c r="K710" s="9" t="s">
        <v>3352</v>
      </c>
      <c r="L710" s="10" t="s">
        <v>22</v>
      </c>
      <c r="M710" s="10" t="s">
        <v>22</v>
      </c>
      <c r="N710" s="10" t="s">
        <v>22</v>
      </c>
      <c r="O710" s="10" t="s">
        <v>22</v>
      </c>
      <c r="P710" s="10" t="s">
        <v>22</v>
      </c>
      <c r="Q710" s="10" t="s">
        <v>22</v>
      </c>
      <c r="R710" s="10" t="s">
        <v>22</v>
      </c>
      <c r="S710" s="10" t="s">
        <v>22</v>
      </c>
      <c r="T710" s="10" t="s">
        <v>22</v>
      </c>
      <c r="U710" s="10" t="s">
        <v>22</v>
      </c>
      <c r="V710" s="10" t="s">
        <v>22</v>
      </c>
      <c r="W710" s="10" t="s">
        <v>22</v>
      </c>
      <c r="X710" s="10" t="s">
        <v>22</v>
      </c>
      <c r="Y710" s="10" t="s">
        <v>22</v>
      </c>
      <c r="Z710" s="10" t="s">
        <v>22</v>
      </c>
    </row>
    <row r="711" spans="1:26" ht="34" customHeight="1" x14ac:dyDescent="0.2">
      <c r="A711" s="9" t="s">
        <v>17989</v>
      </c>
      <c r="B711" s="9" t="s">
        <v>14</v>
      </c>
      <c r="C711" s="9" t="s">
        <v>3353</v>
      </c>
      <c r="D711" s="6" t="s">
        <v>3354</v>
      </c>
      <c r="E711" s="22">
        <v>44776</v>
      </c>
      <c r="F711" s="22">
        <v>46601</v>
      </c>
      <c r="G711" s="6" t="s">
        <v>3355</v>
      </c>
      <c r="H711" s="6" t="s">
        <v>18</v>
      </c>
      <c r="I711" s="6" t="s">
        <v>19</v>
      </c>
      <c r="J711" s="6" t="s">
        <v>3356</v>
      </c>
      <c r="K711" s="9" t="s">
        <v>3357</v>
      </c>
      <c r="L711" s="10" t="s">
        <v>22</v>
      </c>
      <c r="M711" s="10" t="s">
        <v>22</v>
      </c>
      <c r="N711" s="10" t="s">
        <v>22</v>
      </c>
      <c r="O711" s="10" t="s">
        <v>22</v>
      </c>
      <c r="P711" s="10" t="s">
        <v>22</v>
      </c>
      <c r="Q711" s="10" t="s">
        <v>22</v>
      </c>
      <c r="R711" s="10" t="s">
        <v>22</v>
      </c>
      <c r="S711" s="10" t="s">
        <v>22</v>
      </c>
      <c r="T711" s="10" t="s">
        <v>22</v>
      </c>
      <c r="U711" s="10" t="s">
        <v>22</v>
      </c>
      <c r="V711" s="10" t="s">
        <v>22</v>
      </c>
      <c r="W711" s="10" t="s">
        <v>22</v>
      </c>
      <c r="X711" s="10" t="s">
        <v>22</v>
      </c>
      <c r="Y711" s="10" t="s">
        <v>22</v>
      </c>
      <c r="Z711" s="10" t="s">
        <v>22</v>
      </c>
    </row>
    <row r="712" spans="1:26" ht="24" customHeight="1" x14ac:dyDescent="0.2">
      <c r="A712" s="9" t="s">
        <v>17990</v>
      </c>
      <c r="B712" s="9" t="s">
        <v>14</v>
      </c>
      <c r="C712" s="9" t="s">
        <v>3358</v>
      </c>
      <c r="D712" s="6" t="s">
        <v>3359</v>
      </c>
      <c r="E712" s="22">
        <v>44783</v>
      </c>
      <c r="F712" s="22">
        <v>46608</v>
      </c>
      <c r="G712" s="6" t="s">
        <v>3360</v>
      </c>
      <c r="H712" s="6" t="s">
        <v>62</v>
      </c>
      <c r="I712" s="6" t="s">
        <v>414</v>
      </c>
      <c r="J712" s="6" t="s">
        <v>3361</v>
      </c>
      <c r="K712" s="9" t="s">
        <v>3362</v>
      </c>
      <c r="L712" s="10" t="s">
        <v>22</v>
      </c>
      <c r="M712" s="10" t="s">
        <v>22</v>
      </c>
      <c r="N712" s="10" t="s">
        <v>22</v>
      </c>
      <c r="O712" s="10" t="s">
        <v>22</v>
      </c>
      <c r="P712" s="10" t="s">
        <v>22</v>
      </c>
      <c r="Q712" s="10" t="s">
        <v>22</v>
      </c>
      <c r="R712" s="10" t="s">
        <v>22</v>
      </c>
      <c r="S712" s="10" t="s">
        <v>22</v>
      </c>
      <c r="T712" s="10" t="s">
        <v>22</v>
      </c>
      <c r="U712" s="10" t="s">
        <v>22</v>
      </c>
      <c r="V712" s="10" t="s">
        <v>22</v>
      </c>
      <c r="W712" s="10" t="s">
        <v>22</v>
      </c>
      <c r="X712" s="10" t="s">
        <v>22</v>
      </c>
      <c r="Y712" s="10" t="s">
        <v>22</v>
      </c>
      <c r="Z712" s="10" t="s">
        <v>22</v>
      </c>
    </row>
    <row r="713" spans="1:26" ht="24" customHeight="1" x14ac:dyDescent="0.2">
      <c r="A713" s="9" t="s">
        <v>17991</v>
      </c>
      <c r="B713" s="9" t="s">
        <v>14</v>
      </c>
      <c r="C713" s="9" t="s">
        <v>3363</v>
      </c>
      <c r="D713" s="6" t="s">
        <v>3364</v>
      </c>
      <c r="E713" s="22">
        <v>44783</v>
      </c>
      <c r="F713" s="22">
        <v>46608</v>
      </c>
      <c r="G713" s="6" t="s">
        <v>3365</v>
      </c>
      <c r="H713" s="6" t="s">
        <v>18</v>
      </c>
      <c r="I713" s="6" t="s">
        <v>19</v>
      </c>
      <c r="J713" s="6" t="s">
        <v>3366</v>
      </c>
      <c r="L713" s="10" t="s">
        <v>22</v>
      </c>
      <c r="M713" s="10" t="s">
        <v>22</v>
      </c>
      <c r="N713" s="10" t="s">
        <v>22</v>
      </c>
      <c r="O713" s="10" t="s">
        <v>22</v>
      </c>
      <c r="P713" s="10" t="s">
        <v>22</v>
      </c>
      <c r="Q713" s="10" t="s">
        <v>22</v>
      </c>
      <c r="R713" s="10" t="s">
        <v>22</v>
      </c>
      <c r="S713" s="10" t="s">
        <v>22</v>
      </c>
      <c r="T713" s="10" t="s">
        <v>22</v>
      </c>
      <c r="U713" s="10" t="s">
        <v>22</v>
      </c>
      <c r="V713" s="10" t="s">
        <v>22</v>
      </c>
      <c r="W713" s="10" t="s">
        <v>22</v>
      </c>
      <c r="X713" s="10" t="s">
        <v>22</v>
      </c>
      <c r="Y713" s="10" t="s">
        <v>22</v>
      </c>
      <c r="Z713" s="10" t="s">
        <v>22</v>
      </c>
    </row>
    <row r="714" spans="1:26" ht="24" customHeight="1" x14ac:dyDescent="0.2">
      <c r="A714" s="9" t="s">
        <v>17992</v>
      </c>
      <c r="B714" s="9" t="s">
        <v>14</v>
      </c>
      <c r="C714" s="9" t="s">
        <v>3367</v>
      </c>
      <c r="D714" s="6" t="s">
        <v>3368</v>
      </c>
      <c r="E714" s="22">
        <v>44788</v>
      </c>
      <c r="F714" s="22">
        <v>46613</v>
      </c>
      <c r="G714" s="6" t="s">
        <v>3369</v>
      </c>
      <c r="H714" s="6" t="s">
        <v>202</v>
      </c>
      <c r="I714" s="6" t="s">
        <v>3370</v>
      </c>
      <c r="J714" s="6" t="s">
        <v>3371</v>
      </c>
      <c r="K714" s="9" t="s">
        <v>3372</v>
      </c>
      <c r="L714" s="10" t="s">
        <v>22</v>
      </c>
      <c r="M714" s="10" t="s">
        <v>22</v>
      </c>
      <c r="N714" s="10" t="s">
        <v>22</v>
      </c>
      <c r="O714" s="10" t="s">
        <v>22</v>
      </c>
      <c r="P714" s="10" t="s">
        <v>22</v>
      </c>
      <c r="Q714" s="10" t="s">
        <v>22</v>
      </c>
      <c r="R714" s="10" t="s">
        <v>22</v>
      </c>
      <c r="S714" s="10" t="s">
        <v>22</v>
      </c>
      <c r="T714" s="10" t="s">
        <v>22</v>
      </c>
      <c r="U714" s="10" t="s">
        <v>22</v>
      </c>
      <c r="V714" s="10" t="s">
        <v>22</v>
      </c>
      <c r="W714" s="10" t="s">
        <v>22</v>
      </c>
      <c r="X714" s="10" t="s">
        <v>22</v>
      </c>
      <c r="Y714" s="10" t="s">
        <v>22</v>
      </c>
      <c r="Z714" s="10" t="s">
        <v>22</v>
      </c>
    </row>
    <row r="715" spans="1:26" ht="24" customHeight="1" x14ac:dyDescent="0.2">
      <c r="A715" s="9" t="s">
        <v>17993</v>
      </c>
      <c r="B715" s="9" t="s">
        <v>14</v>
      </c>
      <c r="C715" s="9" t="s">
        <v>3373</v>
      </c>
      <c r="D715" s="6" t="s">
        <v>3374</v>
      </c>
      <c r="E715" s="22">
        <v>44797</v>
      </c>
      <c r="F715" s="22">
        <v>46622</v>
      </c>
      <c r="G715" s="6" t="s">
        <v>3375</v>
      </c>
      <c r="H715" s="6" t="s">
        <v>2069</v>
      </c>
      <c r="I715" s="6" t="s">
        <v>2070</v>
      </c>
      <c r="J715" s="6" t="s">
        <v>3376</v>
      </c>
      <c r="K715" s="9" t="s">
        <v>3377</v>
      </c>
      <c r="L715" s="10" t="s">
        <v>22</v>
      </c>
      <c r="M715" s="10" t="s">
        <v>22</v>
      </c>
      <c r="N715" s="10" t="s">
        <v>22</v>
      </c>
      <c r="O715" s="10" t="s">
        <v>22</v>
      </c>
      <c r="P715" s="10" t="s">
        <v>22</v>
      </c>
      <c r="Q715" s="10" t="s">
        <v>22</v>
      </c>
      <c r="R715" s="10" t="s">
        <v>22</v>
      </c>
      <c r="S715" s="10" t="s">
        <v>22</v>
      </c>
      <c r="T715" s="10" t="s">
        <v>22</v>
      </c>
      <c r="U715" s="10" t="s">
        <v>22</v>
      </c>
      <c r="V715" s="10" t="s">
        <v>22</v>
      </c>
      <c r="W715" s="10" t="s">
        <v>22</v>
      </c>
      <c r="X715" s="10" t="s">
        <v>22</v>
      </c>
      <c r="Y715" s="10" t="s">
        <v>22</v>
      </c>
      <c r="Z715" s="10" t="s">
        <v>22</v>
      </c>
    </row>
    <row r="716" spans="1:26" ht="24" customHeight="1" x14ac:dyDescent="0.2">
      <c r="A716" s="9" t="s">
        <v>17994</v>
      </c>
      <c r="B716" s="9" t="s">
        <v>14</v>
      </c>
      <c r="C716" s="9" t="s">
        <v>3378</v>
      </c>
      <c r="D716" s="6" t="s">
        <v>3379</v>
      </c>
      <c r="E716" s="22">
        <v>44801</v>
      </c>
      <c r="F716" s="22">
        <v>46626</v>
      </c>
      <c r="G716" s="6" t="s">
        <v>3380</v>
      </c>
      <c r="H716" s="6" t="s">
        <v>202</v>
      </c>
      <c r="I716" s="6" t="s">
        <v>873</v>
      </c>
      <c r="J716" s="6" t="s">
        <v>3381</v>
      </c>
      <c r="K716" s="9" t="s">
        <v>3382</v>
      </c>
      <c r="L716" s="10" t="s">
        <v>22</v>
      </c>
      <c r="M716" s="10" t="s">
        <v>22</v>
      </c>
      <c r="N716" s="10" t="s">
        <v>22</v>
      </c>
      <c r="O716" s="10" t="s">
        <v>22</v>
      </c>
      <c r="P716" s="10" t="s">
        <v>22</v>
      </c>
      <c r="Q716" s="10" t="s">
        <v>22</v>
      </c>
      <c r="R716" s="10" t="s">
        <v>22</v>
      </c>
      <c r="S716" s="10" t="s">
        <v>22</v>
      </c>
      <c r="T716" s="10" t="s">
        <v>22</v>
      </c>
      <c r="U716" s="10" t="s">
        <v>22</v>
      </c>
      <c r="V716" s="10" t="s">
        <v>22</v>
      </c>
      <c r="W716" s="10" t="s">
        <v>22</v>
      </c>
      <c r="X716" s="10" t="s">
        <v>22</v>
      </c>
      <c r="Y716" s="10" t="s">
        <v>22</v>
      </c>
      <c r="Z716" s="10" t="s">
        <v>22</v>
      </c>
    </row>
    <row r="717" spans="1:26" ht="24" customHeight="1" x14ac:dyDescent="0.2">
      <c r="A717" s="9" t="s">
        <v>17995</v>
      </c>
      <c r="B717" s="9" t="s">
        <v>14</v>
      </c>
      <c r="C717" s="9" t="s">
        <v>3383</v>
      </c>
      <c r="D717" s="6" t="s">
        <v>3384</v>
      </c>
      <c r="E717" s="22">
        <v>44807</v>
      </c>
      <c r="F717" s="22">
        <v>46632</v>
      </c>
      <c r="G717" s="6" t="s">
        <v>3385</v>
      </c>
      <c r="H717" s="6" t="s">
        <v>62</v>
      </c>
      <c r="I717" s="6" t="s">
        <v>312</v>
      </c>
      <c r="J717" s="6" t="s">
        <v>3386</v>
      </c>
      <c r="K717" s="9" t="s">
        <v>3387</v>
      </c>
      <c r="L717" s="10" t="s">
        <v>22</v>
      </c>
      <c r="M717" s="10" t="s">
        <v>22</v>
      </c>
      <c r="N717" s="10" t="s">
        <v>22</v>
      </c>
      <c r="O717" s="10" t="s">
        <v>22</v>
      </c>
      <c r="P717" s="10" t="s">
        <v>22</v>
      </c>
      <c r="Q717" s="10" t="s">
        <v>22</v>
      </c>
      <c r="R717" s="10" t="s">
        <v>22</v>
      </c>
      <c r="S717" s="10" t="s">
        <v>22</v>
      </c>
      <c r="T717" s="10" t="s">
        <v>22</v>
      </c>
      <c r="U717" s="10" t="s">
        <v>22</v>
      </c>
      <c r="V717" s="10" t="s">
        <v>22</v>
      </c>
      <c r="W717" s="10" t="s">
        <v>22</v>
      </c>
      <c r="X717" s="10" t="s">
        <v>22</v>
      </c>
      <c r="Y717" s="10" t="s">
        <v>22</v>
      </c>
      <c r="Z717" s="10" t="s">
        <v>22</v>
      </c>
    </row>
    <row r="718" spans="1:26" ht="24" customHeight="1" x14ac:dyDescent="0.2">
      <c r="A718" s="9" t="s">
        <v>17996</v>
      </c>
      <c r="B718" s="9" t="s">
        <v>14</v>
      </c>
      <c r="C718" s="9" t="s">
        <v>3383</v>
      </c>
      <c r="D718" s="6" t="s">
        <v>3384</v>
      </c>
      <c r="E718" s="22">
        <v>44807</v>
      </c>
      <c r="F718" s="22">
        <v>46632</v>
      </c>
      <c r="G718" s="6" t="s">
        <v>3388</v>
      </c>
      <c r="H718" s="6" t="s">
        <v>18</v>
      </c>
      <c r="I718" s="6" t="s">
        <v>19</v>
      </c>
      <c r="J718" s="6" t="s">
        <v>3389</v>
      </c>
      <c r="K718" s="9" t="s">
        <v>3390</v>
      </c>
      <c r="L718" s="10" t="s">
        <v>22</v>
      </c>
      <c r="M718" s="10" t="s">
        <v>22</v>
      </c>
      <c r="N718" s="10" t="s">
        <v>22</v>
      </c>
      <c r="O718" s="10" t="s">
        <v>22</v>
      </c>
      <c r="P718" s="10" t="s">
        <v>22</v>
      </c>
      <c r="Q718" s="10" t="s">
        <v>22</v>
      </c>
      <c r="R718" s="10" t="s">
        <v>22</v>
      </c>
      <c r="S718" s="10" t="s">
        <v>22</v>
      </c>
      <c r="T718" s="10" t="s">
        <v>22</v>
      </c>
      <c r="U718" s="10" t="s">
        <v>22</v>
      </c>
      <c r="V718" s="10" t="s">
        <v>22</v>
      </c>
      <c r="W718" s="10" t="s">
        <v>22</v>
      </c>
      <c r="X718" s="10" t="s">
        <v>22</v>
      </c>
      <c r="Y718" s="10" t="s">
        <v>22</v>
      </c>
      <c r="Z718" s="10" t="s">
        <v>22</v>
      </c>
    </row>
    <row r="719" spans="1:26" ht="24" customHeight="1" x14ac:dyDescent="0.2">
      <c r="A719" s="9" t="s">
        <v>17997</v>
      </c>
      <c r="B719" s="9" t="s">
        <v>14</v>
      </c>
      <c r="C719" s="9" t="s">
        <v>3383</v>
      </c>
      <c r="D719" s="6" t="s">
        <v>3384</v>
      </c>
      <c r="E719" s="22">
        <v>44807</v>
      </c>
      <c r="F719" s="22">
        <v>46632</v>
      </c>
      <c r="G719" s="6" t="s">
        <v>3391</v>
      </c>
      <c r="H719" s="6" t="s">
        <v>363</v>
      </c>
      <c r="I719" s="6" t="s">
        <v>2113</v>
      </c>
      <c r="J719" s="6" t="s">
        <v>3392</v>
      </c>
      <c r="K719" s="9" t="s">
        <v>3393</v>
      </c>
      <c r="L719" s="10" t="s">
        <v>22</v>
      </c>
      <c r="M719" s="10" t="s">
        <v>22</v>
      </c>
      <c r="N719" s="10" t="s">
        <v>22</v>
      </c>
      <c r="O719" s="10" t="s">
        <v>22</v>
      </c>
      <c r="P719" s="10" t="s">
        <v>22</v>
      </c>
      <c r="Q719" s="10" t="s">
        <v>22</v>
      </c>
      <c r="R719" s="10" t="s">
        <v>22</v>
      </c>
      <c r="S719" s="10" t="s">
        <v>22</v>
      </c>
      <c r="T719" s="10" t="s">
        <v>22</v>
      </c>
      <c r="U719" s="10" t="s">
        <v>22</v>
      </c>
      <c r="V719" s="10" t="s">
        <v>22</v>
      </c>
      <c r="W719" s="10" t="s">
        <v>22</v>
      </c>
      <c r="X719" s="10" t="s">
        <v>22</v>
      </c>
      <c r="Y719" s="10" t="s">
        <v>22</v>
      </c>
      <c r="Z719" s="10" t="s">
        <v>22</v>
      </c>
    </row>
    <row r="720" spans="1:26" ht="24" customHeight="1" x14ac:dyDescent="0.2">
      <c r="A720" s="9" t="s">
        <v>17998</v>
      </c>
      <c r="B720" s="9" t="s">
        <v>14</v>
      </c>
      <c r="C720" s="9" t="s">
        <v>3383</v>
      </c>
      <c r="D720" s="6" t="s">
        <v>3384</v>
      </c>
      <c r="E720" s="22">
        <v>44807</v>
      </c>
      <c r="F720" s="22">
        <v>46632</v>
      </c>
      <c r="G720" s="6" t="s">
        <v>3394</v>
      </c>
      <c r="H720" s="6" t="s">
        <v>2029</v>
      </c>
      <c r="I720" s="6" t="s">
        <v>3395</v>
      </c>
      <c r="J720" s="6" t="s">
        <v>3396</v>
      </c>
      <c r="K720" s="9" t="s">
        <v>3397</v>
      </c>
      <c r="L720" s="10" t="s">
        <v>22</v>
      </c>
      <c r="M720" s="10" t="s">
        <v>22</v>
      </c>
      <c r="N720" s="10" t="s">
        <v>22</v>
      </c>
      <c r="O720" s="10" t="s">
        <v>22</v>
      </c>
      <c r="P720" s="10" t="s">
        <v>22</v>
      </c>
      <c r="Q720" s="10" t="s">
        <v>22</v>
      </c>
      <c r="R720" s="10" t="s">
        <v>22</v>
      </c>
      <c r="S720" s="10" t="s">
        <v>22</v>
      </c>
      <c r="T720" s="10" t="s">
        <v>22</v>
      </c>
      <c r="U720" s="10" t="s">
        <v>22</v>
      </c>
      <c r="V720" s="10" t="s">
        <v>22</v>
      </c>
      <c r="W720" s="10" t="s">
        <v>22</v>
      </c>
      <c r="X720" s="10" t="s">
        <v>22</v>
      </c>
      <c r="Y720" s="10" t="s">
        <v>22</v>
      </c>
      <c r="Z720" s="10" t="s">
        <v>22</v>
      </c>
    </row>
    <row r="721" spans="1:26" ht="24" customHeight="1" x14ac:dyDescent="0.2">
      <c r="A721" s="9" t="s">
        <v>17999</v>
      </c>
      <c r="B721" s="9" t="s">
        <v>14</v>
      </c>
      <c r="C721" s="9" t="s">
        <v>3398</v>
      </c>
      <c r="D721" s="6" t="s">
        <v>3399</v>
      </c>
      <c r="E721" s="22">
        <v>44815</v>
      </c>
      <c r="F721" s="22">
        <v>46640</v>
      </c>
      <c r="G721" s="6" t="s">
        <v>3400</v>
      </c>
      <c r="H721" s="6" t="s">
        <v>3401</v>
      </c>
      <c r="I721" s="6" t="s">
        <v>3402</v>
      </c>
      <c r="J721" s="6" t="s">
        <v>3403</v>
      </c>
      <c r="K721" s="9" t="s">
        <v>3404</v>
      </c>
      <c r="L721" s="10" t="s">
        <v>22</v>
      </c>
      <c r="M721" s="10" t="s">
        <v>22</v>
      </c>
      <c r="N721" s="10" t="s">
        <v>22</v>
      </c>
      <c r="O721" s="10" t="s">
        <v>22</v>
      </c>
      <c r="P721" s="10" t="s">
        <v>22</v>
      </c>
      <c r="Q721" s="10" t="s">
        <v>22</v>
      </c>
      <c r="S721" s="10" t="s">
        <v>22</v>
      </c>
      <c r="U721" s="10" t="s">
        <v>22</v>
      </c>
      <c r="V721" s="10" t="s">
        <v>22</v>
      </c>
      <c r="W721" s="10" t="s">
        <v>22</v>
      </c>
      <c r="X721" s="10" t="s">
        <v>22</v>
      </c>
      <c r="Y721" s="10" t="s">
        <v>22</v>
      </c>
      <c r="Z721" s="10" t="s">
        <v>22</v>
      </c>
    </row>
    <row r="722" spans="1:26" ht="24" customHeight="1" x14ac:dyDescent="0.2">
      <c r="A722" s="9" t="s">
        <v>18000</v>
      </c>
      <c r="B722" s="9" t="s">
        <v>14</v>
      </c>
      <c r="C722" s="9" t="s">
        <v>3405</v>
      </c>
      <c r="D722" s="6" t="s">
        <v>3406</v>
      </c>
      <c r="E722" s="22">
        <v>44815</v>
      </c>
      <c r="F722" s="22">
        <v>46640</v>
      </c>
      <c r="G722" s="6" t="s">
        <v>3407</v>
      </c>
      <c r="H722" s="6" t="s">
        <v>202</v>
      </c>
      <c r="I722" s="6" t="s">
        <v>873</v>
      </c>
      <c r="J722" s="6" t="s">
        <v>3408</v>
      </c>
      <c r="K722" s="9" t="s">
        <v>3409</v>
      </c>
      <c r="L722" s="10" t="s">
        <v>22</v>
      </c>
      <c r="M722" s="10" t="s">
        <v>22</v>
      </c>
      <c r="N722" s="10" t="s">
        <v>22</v>
      </c>
      <c r="O722" s="10" t="s">
        <v>22</v>
      </c>
      <c r="P722" s="10" t="s">
        <v>22</v>
      </c>
      <c r="Q722" s="10" t="s">
        <v>22</v>
      </c>
      <c r="R722" s="10" t="s">
        <v>22</v>
      </c>
      <c r="S722" s="10" t="s">
        <v>22</v>
      </c>
      <c r="T722" s="10" t="s">
        <v>22</v>
      </c>
      <c r="U722" s="10" t="s">
        <v>22</v>
      </c>
      <c r="V722" s="10" t="s">
        <v>22</v>
      </c>
      <c r="W722" s="10" t="s">
        <v>22</v>
      </c>
      <c r="X722" s="10" t="s">
        <v>22</v>
      </c>
      <c r="Y722" s="10" t="s">
        <v>22</v>
      </c>
      <c r="Z722" s="10" t="s">
        <v>22</v>
      </c>
    </row>
    <row r="723" spans="1:26" ht="24" customHeight="1" x14ac:dyDescent="0.2">
      <c r="A723" s="9" t="s">
        <v>18001</v>
      </c>
      <c r="B723" s="9" t="s">
        <v>14</v>
      </c>
      <c r="C723" s="9" t="s">
        <v>3410</v>
      </c>
      <c r="D723" s="6" t="s">
        <v>3411</v>
      </c>
      <c r="E723" s="22">
        <v>44815</v>
      </c>
      <c r="F723" s="22">
        <v>46640</v>
      </c>
      <c r="G723" s="6" t="s">
        <v>3412</v>
      </c>
      <c r="H723" s="6" t="s">
        <v>18</v>
      </c>
      <c r="I723" s="6" t="s">
        <v>26</v>
      </c>
      <c r="J723" s="6" t="s">
        <v>3413</v>
      </c>
      <c r="K723" s="9" t="s">
        <v>3414</v>
      </c>
      <c r="L723" s="10" t="s">
        <v>22</v>
      </c>
      <c r="M723" s="10" t="s">
        <v>22</v>
      </c>
      <c r="N723" s="10" t="s">
        <v>22</v>
      </c>
      <c r="O723" s="10" t="s">
        <v>22</v>
      </c>
      <c r="P723" s="10" t="s">
        <v>22</v>
      </c>
      <c r="Q723" s="10" t="s">
        <v>22</v>
      </c>
      <c r="R723" s="10" t="s">
        <v>22</v>
      </c>
      <c r="S723" s="10" t="s">
        <v>22</v>
      </c>
      <c r="T723" s="10" t="s">
        <v>22</v>
      </c>
    </row>
    <row r="724" spans="1:26" ht="34" customHeight="1" x14ac:dyDescent="0.2">
      <c r="A724" s="9" t="s">
        <v>18002</v>
      </c>
      <c r="B724" s="9" t="s">
        <v>14</v>
      </c>
      <c r="C724" s="9" t="s">
        <v>3415</v>
      </c>
      <c r="D724" s="6" t="s">
        <v>3416</v>
      </c>
      <c r="E724" s="22">
        <v>44815</v>
      </c>
      <c r="F724" s="22">
        <v>46640</v>
      </c>
      <c r="G724" s="6" t="s">
        <v>3417</v>
      </c>
      <c r="H724" s="6" t="s">
        <v>18</v>
      </c>
      <c r="I724" s="6" t="s">
        <v>19</v>
      </c>
      <c r="J724" s="6" t="s">
        <v>3418</v>
      </c>
      <c r="K724" s="9" t="s">
        <v>3419</v>
      </c>
      <c r="O724" s="10" t="s">
        <v>22</v>
      </c>
      <c r="P724" s="10" t="s">
        <v>22</v>
      </c>
      <c r="Q724" s="10" t="s">
        <v>22</v>
      </c>
      <c r="X724" s="10" t="s">
        <v>22</v>
      </c>
      <c r="Y724" s="10" t="s">
        <v>22</v>
      </c>
      <c r="Z724" s="10" t="s">
        <v>22</v>
      </c>
    </row>
    <row r="725" spans="1:26" ht="24" customHeight="1" x14ac:dyDescent="0.2">
      <c r="A725" s="9" t="s">
        <v>18003</v>
      </c>
      <c r="B725" s="9" t="s">
        <v>14</v>
      </c>
      <c r="C725" s="9" t="s">
        <v>3420</v>
      </c>
      <c r="D725" s="6" t="s">
        <v>3421</v>
      </c>
      <c r="E725" s="22">
        <v>44817</v>
      </c>
      <c r="F725" s="22">
        <v>46642</v>
      </c>
      <c r="G725" s="6" t="s">
        <v>3422</v>
      </c>
      <c r="H725" s="6" t="s">
        <v>18</v>
      </c>
      <c r="I725" s="6" t="s">
        <v>26</v>
      </c>
      <c r="J725" s="6" t="s">
        <v>3423</v>
      </c>
      <c r="L725" s="10" t="s">
        <v>22</v>
      </c>
      <c r="M725" s="10" t="s">
        <v>22</v>
      </c>
      <c r="N725" s="10" t="s">
        <v>22</v>
      </c>
      <c r="O725" s="10" t="s">
        <v>22</v>
      </c>
      <c r="P725" s="10" t="s">
        <v>22</v>
      </c>
      <c r="Q725" s="10" t="s">
        <v>22</v>
      </c>
      <c r="U725" s="10" t="s">
        <v>22</v>
      </c>
      <c r="V725" s="10" t="s">
        <v>22</v>
      </c>
      <c r="W725" s="10" t="s">
        <v>22</v>
      </c>
      <c r="X725" s="10" t="s">
        <v>22</v>
      </c>
      <c r="Y725" s="10" t="s">
        <v>22</v>
      </c>
      <c r="Z725" s="10" t="s">
        <v>22</v>
      </c>
    </row>
    <row r="726" spans="1:26" ht="33" customHeight="1" x14ac:dyDescent="0.2">
      <c r="A726" s="9" t="s">
        <v>18004</v>
      </c>
      <c r="B726" s="9" t="s">
        <v>14</v>
      </c>
      <c r="C726" s="9" t="s">
        <v>3424</v>
      </c>
      <c r="D726" s="6" t="s">
        <v>3425</v>
      </c>
      <c r="E726" s="22">
        <v>44829</v>
      </c>
      <c r="F726" s="22">
        <v>46654</v>
      </c>
      <c r="G726" s="6" t="s">
        <v>3426</v>
      </c>
      <c r="H726" s="6" t="s">
        <v>62</v>
      </c>
      <c r="I726" s="6" t="s">
        <v>477</v>
      </c>
      <c r="J726" s="6" t="s">
        <v>3427</v>
      </c>
      <c r="K726" s="9" t="s">
        <v>3428</v>
      </c>
      <c r="M726" s="10" t="s">
        <v>22</v>
      </c>
      <c r="N726" s="10" t="s">
        <v>22</v>
      </c>
      <c r="S726" s="10" t="s">
        <v>22</v>
      </c>
      <c r="T726" s="10" t="s">
        <v>22</v>
      </c>
      <c r="V726" s="10" t="s">
        <v>22</v>
      </c>
      <c r="W726" s="10" t="s">
        <v>22</v>
      </c>
    </row>
    <row r="727" spans="1:26" ht="24" customHeight="1" x14ac:dyDescent="0.2">
      <c r="A727" s="9" t="s">
        <v>18005</v>
      </c>
      <c r="B727" s="9" t="s">
        <v>14</v>
      </c>
      <c r="C727" s="9" t="s">
        <v>3429</v>
      </c>
      <c r="D727" s="6" t="s">
        <v>3430</v>
      </c>
      <c r="E727" s="22">
        <v>44829</v>
      </c>
      <c r="F727" s="22">
        <v>46654</v>
      </c>
      <c r="G727" s="6" t="s">
        <v>3431</v>
      </c>
      <c r="H727" s="6" t="s">
        <v>62</v>
      </c>
      <c r="I727" s="6" t="s">
        <v>63</v>
      </c>
      <c r="J727" s="6" t="s">
        <v>3432</v>
      </c>
      <c r="K727" s="9" t="s">
        <v>3433</v>
      </c>
      <c r="L727" s="10" t="s">
        <v>22</v>
      </c>
      <c r="M727" s="10" t="s">
        <v>22</v>
      </c>
      <c r="N727" s="10" t="s">
        <v>22</v>
      </c>
      <c r="O727" s="10" t="s">
        <v>22</v>
      </c>
      <c r="P727" s="10" t="s">
        <v>22</v>
      </c>
      <c r="Q727" s="10" t="s">
        <v>22</v>
      </c>
      <c r="R727" s="10" t="s">
        <v>22</v>
      </c>
      <c r="S727" s="10" t="s">
        <v>22</v>
      </c>
      <c r="T727" s="10" t="s">
        <v>22</v>
      </c>
      <c r="U727" s="10" t="s">
        <v>22</v>
      </c>
      <c r="V727" s="10" t="s">
        <v>22</v>
      </c>
      <c r="W727" s="10" t="s">
        <v>22</v>
      </c>
      <c r="X727" s="10" t="s">
        <v>22</v>
      </c>
      <c r="Y727" s="10" t="s">
        <v>22</v>
      </c>
      <c r="Z727" s="10" t="s">
        <v>22</v>
      </c>
    </row>
    <row r="728" spans="1:26" ht="24" customHeight="1" x14ac:dyDescent="0.2">
      <c r="A728" s="9" t="s">
        <v>18006</v>
      </c>
      <c r="B728" s="9" t="s">
        <v>14</v>
      </c>
      <c r="C728" s="9" t="s">
        <v>3434</v>
      </c>
      <c r="D728" s="6" t="s">
        <v>3435</v>
      </c>
      <c r="E728" s="22">
        <v>44829</v>
      </c>
      <c r="F728" s="22">
        <v>46654</v>
      </c>
      <c r="G728" s="6" t="s">
        <v>3436</v>
      </c>
      <c r="H728" s="6" t="s">
        <v>202</v>
      </c>
      <c r="I728" s="6" t="s">
        <v>2992</v>
      </c>
      <c r="J728" s="6" t="s">
        <v>3437</v>
      </c>
      <c r="K728" s="9" t="s">
        <v>3438</v>
      </c>
      <c r="L728" s="10" t="s">
        <v>22</v>
      </c>
      <c r="M728" s="10" t="s">
        <v>22</v>
      </c>
      <c r="N728" s="10" t="s">
        <v>22</v>
      </c>
      <c r="O728" s="10" t="s">
        <v>22</v>
      </c>
      <c r="P728" s="10" t="s">
        <v>22</v>
      </c>
      <c r="Q728" s="10" t="s">
        <v>22</v>
      </c>
      <c r="U728" s="10" t="s">
        <v>22</v>
      </c>
      <c r="V728" s="10" t="s">
        <v>22</v>
      </c>
      <c r="W728" s="10" t="s">
        <v>22</v>
      </c>
      <c r="X728" s="10" t="s">
        <v>22</v>
      </c>
      <c r="Y728" s="10" t="s">
        <v>22</v>
      </c>
      <c r="Z728" s="10" t="s">
        <v>22</v>
      </c>
    </row>
    <row r="729" spans="1:26" ht="24" customHeight="1" x14ac:dyDescent="0.2">
      <c r="A729" s="9" t="s">
        <v>18007</v>
      </c>
      <c r="B729" s="9" t="s">
        <v>14</v>
      </c>
      <c r="C729" s="9" t="s">
        <v>3439</v>
      </c>
      <c r="D729" s="6" t="s">
        <v>3440</v>
      </c>
      <c r="E729" s="22">
        <v>44831</v>
      </c>
      <c r="F729" s="22">
        <v>46656</v>
      </c>
      <c r="G729" s="6" t="s">
        <v>3441</v>
      </c>
      <c r="H729" s="6" t="s">
        <v>62</v>
      </c>
      <c r="I729" s="6" t="s">
        <v>312</v>
      </c>
      <c r="J729" s="6" t="s">
        <v>3442</v>
      </c>
      <c r="K729" s="9" t="s">
        <v>3443</v>
      </c>
      <c r="L729" s="10" t="s">
        <v>22</v>
      </c>
      <c r="M729" s="10" t="s">
        <v>22</v>
      </c>
      <c r="N729" s="10" t="s">
        <v>22</v>
      </c>
      <c r="O729" s="10" t="s">
        <v>22</v>
      </c>
      <c r="P729" s="10" t="s">
        <v>22</v>
      </c>
      <c r="Q729" s="10" t="s">
        <v>22</v>
      </c>
      <c r="R729" s="10" t="s">
        <v>22</v>
      </c>
      <c r="S729" s="10" t="s">
        <v>22</v>
      </c>
      <c r="T729" s="10" t="s">
        <v>22</v>
      </c>
      <c r="U729" s="10" t="s">
        <v>22</v>
      </c>
      <c r="V729" s="10" t="s">
        <v>22</v>
      </c>
      <c r="W729" s="10" t="s">
        <v>22</v>
      </c>
      <c r="X729" s="10" t="s">
        <v>22</v>
      </c>
      <c r="Y729" s="10" t="s">
        <v>22</v>
      </c>
      <c r="Z729" s="10" t="s">
        <v>22</v>
      </c>
    </row>
    <row r="730" spans="1:26" ht="24" customHeight="1" x14ac:dyDescent="0.2">
      <c r="A730" s="9" t="s">
        <v>18008</v>
      </c>
      <c r="B730" s="9" t="s">
        <v>14</v>
      </c>
      <c r="C730" s="9" t="s">
        <v>3444</v>
      </c>
      <c r="D730" s="6" t="s">
        <v>3445</v>
      </c>
      <c r="E730" s="22">
        <v>44831</v>
      </c>
      <c r="F730" s="22">
        <v>46656</v>
      </c>
      <c r="G730" s="6" t="s">
        <v>3446</v>
      </c>
      <c r="H730" s="6" t="s">
        <v>363</v>
      </c>
      <c r="I730" s="6" t="s">
        <v>364</v>
      </c>
      <c r="J730" s="6" t="s">
        <v>3447</v>
      </c>
      <c r="K730" s="9" t="s">
        <v>3448</v>
      </c>
      <c r="L730" s="10" t="s">
        <v>22</v>
      </c>
      <c r="M730" s="10" t="s">
        <v>22</v>
      </c>
      <c r="N730" s="10" t="s">
        <v>22</v>
      </c>
      <c r="O730" s="10" t="s">
        <v>22</v>
      </c>
      <c r="P730" s="10" t="s">
        <v>22</v>
      </c>
      <c r="Q730" s="10" t="s">
        <v>22</v>
      </c>
      <c r="U730" s="10" t="s">
        <v>22</v>
      </c>
      <c r="V730" s="10" t="s">
        <v>22</v>
      </c>
      <c r="W730" s="10" t="s">
        <v>22</v>
      </c>
      <c r="X730" s="10" t="s">
        <v>22</v>
      </c>
      <c r="Y730" s="10" t="s">
        <v>22</v>
      </c>
      <c r="Z730" s="10" t="s">
        <v>22</v>
      </c>
    </row>
    <row r="731" spans="1:26" ht="24" customHeight="1" x14ac:dyDescent="0.2">
      <c r="A731" s="9" t="s">
        <v>18009</v>
      </c>
      <c r="B731" s="9" t="s">
        <v>14</v>
      </c>
      <c r="C731" s="9" t="s">
        <v>3449</v>
      </c>
      <c r="D731" s="6" t="s">
        <v>3450</v>
      </c>
      <c r="E731" s="22">
        <v>44831</v>
      </c>
      <c r="F731" s="22">
        <v>46656</v>
      </c>
      <c r="G731" s="6" t="s">
        <v>3451</v>
      </c>
      <c r="H731" s="6" t="s">
        <v>2368</v>
      </c>
      <c r="I731" s="6" t="s">
        <v>2369</v>
      </c>
      <c r="J731" s="6" t="s">
        <v>3452</v>
      </c>
      <c r="K731" s="9" t="s">
        <v>3453</v>
      </c>
      <c r="L731" s="10" t="s">
        <v>22</v>
      </c>
      <c r="M731" s="10" t="s">
        <v>22</v>
      </c>
      <c r="N731" s="10" t="s">
        <v>22</v>
      </c>
      <c r="O731" s="10" t="s">
        <v>22</v>
      </c>
      <c r="P731" s="10" t="s">
        <v>22</v>
      </c>
      <c r="Q731" s="10" t="s">
        <v>22</v>
      </c>
      <c r="R731" s="10" t="s">
        <v>22</v>
      </c>
      <c r="S731" s="10" t="s">
        <v>22</v>
      </c>
      <c r="T731" s="10" t="s">
        <v>22</v>
      </c>
      <c r="U731" s="10" t="s">
        <v>22</v>
      </c>
      <c r="V731" s="10" t="s">
        <v>22</v>
      </c>
      <c r="W731" s="10" t="s">
        <v>22</v>
      </c>
      <c r="X731" s="10" t="s">
        <v>22</v>
      </c>
      <c r="Y731" s="10" t="s">
        <v>22</v>
      </c>
      <c r="Z731" s="10" t="s">
        <v>22</v>
      </c>
    </row>
    <row r="732" spans="1:26" ht="24" customHeight="1" x14ac:dyDescent="0.2">
      <c r="A732" s="9" t="s">
        <v>18010</v>
      </c>
      <c r="B732" s="9" t="s">
        <v>14</v>
      </c>
      <c r="C732" s="9" t="s">
        <v>3454</v>
      </c>
      <c r="D732" s="6" t="s">
        <v>3455</v>
      </c>
      <c r="E732" s="22">
        <v>44831</v>
      </c>
      <c r="F732" s="22">
        <v>46656</v>
      </c>
      <c r="G732" s="6" t="s">
        <v>3456</v>
      </c>
      <c r="H732" s="6" t="s">
        <v>62</v>
      </c>
      <c r="I732" s="6" t="s">
        <v>477</v>
      </c>
      <c r="J732" s="6" t="s">
        <v>3457</v>
      </c>
      <c r="K732" s="9" t="s">
        <v>3458</v>
      </c>
      <c r="L732" s="10" t="s">
        <v>22</v>
      </c>
      <c r="M732" s="10" t="s">
        <v>22</v>
      </c>
      <c r="N732" s="10" t="s">
        <v>22</v>
      </c>
      <c r="O732" s="10" t="s">
        <v>22</v>
      </c>
      <c r="P732" s="10" t="s">
        <v>22</v>
      </c>
      <c r="Q732" s="10" t="s">
        <v>22</v>
      </c>
      <c r="R732" s="10" t="s">
        <v>22</v>
      </c>
      <c r="S732" s="10" t="s">
        <v>22</v>
      </c>
      <c r="T732" s="10" t="s">
        <v>22</v>
      </c>
      <c r="U732" s="10" t="s">
        <v>22</v>
      </c>
      <c r="V732" s="10" t="s">
        <v>22</v>
      </c>
      <c r="W732" s="10" t="s">
        <v>22</v>
      </c>
      <c r="X732" s="10" t="s">
        <v>22</v>
      </c>
      <c r="Y732" s="10" t="s">
        <v>22</v>
      </c>
      <c r="Z732" s="10" t="s">
        <v>22</v>
      </c>
    </row>
    <row r="733" spans="1:26" ht="24" customHeight="1" x14ac:dyDescent="0.2">
      <c r="A733" s="9" t="s">
        <v>18011</v>
      </c>
      <c r="B733" s="9" t="s">
        <v>14</v>
      </c>
      <c r="C733" s="9" t="s">
        <v>3459</v>
      </c>
      <c r="D733" s="6" t="s">
        <v>3460</v>
      </c>
      <c r="E733" s="22">
        <v>44831</v>
      </c>
      <c r="F733" s="22">
        <v>46656</v>
      </c>
      <c r="G733" s="6" t="s">
        <v>3461</v>
      </c>
      <c r="H733" s="6" t="s">
        <v>202</v>
      </c>
      <c r="I733" s="6" t="s">
        <v>2835</v>
      </c>
      <c r="J733" s="6" t="s">
        <v>3462</v>
      </c>
      <c r="K733" s="9" t="s">
        <v>3463</v>
      </c>
      <c r="L733" s="10" t="s">
        <v>22</v>
      </c>
      <c r="M733" s="10" t="s">
        <v>22</v>
      </c>
      <c r="N733" s="10" t="s">
        <v>22</v>
      </c>
      <c r="O733" s="10" t="s">
        <v>22</v>
      </c>
      <c r="P733" s="10" t="s">
        <v>22</v>
      </c>
      <c r="Q733" s="10" t="s">
        <v>22</v>
      </c>
      <c r="R733" s="10" t="s">
        <v>22</v>
      </c>
      <c r="S733" s="10" t="s">
        <v>22</v>
      </c>
      <c r="T733" s="10" t="s">
        <v>22</v>
      </c>
      <c r="U733" s="10" t="s">
        <v>22</v>
      </c>
      <c r="V733" s="10" t="s">
        <v>22</v>
      </c>
      <c r="W733" s="10" t="s">
        <v>22</v>
      </c>
      <c r="X733" s="10" t="s">
        <v>22</v>
      </c>
      <c r="Y733" s="10" t="s">
        <v>22</v>
      </c>
      <c r="Z733" s="10" t="s">
        <v>22</v>
      </c>
    </row>
    <row r="734" spans="1:26" ht="24" customHeight="1" x14ac:dyDescent="0.2">
      <c r="A734" s="9" t="s">
        <v>18012</v>
      </c>
      <c r="B734" s="9" t="s">
        <v>14</v>
      </c>
      <c r="C734" s="9" t="s">
        <v>3464</v>
      </c>
      <c r="D734" s="6" t="s">
        <v>3465</v>
      </c>
      <c r="E734" s="22">
        <v>44831</v>
      </c>
      <c r="F734" s="22">
        <v>46656</v>
      </c>
      <c r="G734" s="6" t="s">
        <v>3466</v>
      </c>
      <c r="H734" s="6" t="s">
        <v>62</v>
      </c>
      <c r="I734" s="6" t="s">
        <v>551</v>
      </c>
      <c r="J734" s="6" t="s">
        <v>3467</v>
      </c>
      <c r="L734" s="10" t="s">
        <v>22</v>
      </c>
      <c r="M734" s="10" t="s">
        <v>22</v>
      </c>
      <c r="N734" s="10" t="s">
        <v>22</v>
      </c>
      <c r="O734" s="10" t="s">
        <v>22</v>
      </c>
      <c r="P734" s="10" t="s">
        <v>22</v>
      </c>
      <c r="Q734" s="10" t="s">
        <v>22</v>
      </c>
      <c r="V734" s="10" t="s">
        <v>22</v>
      </c>
      <c r="W734" s="10" t="s">
        <v>22</v>
      </c>
      <c r="Y734" s="10" t="s">
        <v>22</v>
      </c>
      <c r="Z734" s="10" t="s">
        <v>22</v>
      </c>
    </row>
    <row r="735" spans="1:26" ht="34.25" customHeight="1" x14ac:dyDescent="0.2">
      <c r="A735" s="9" t="s">
        <v>18013</v>
      </c>
      <c r="B735" s="9" t="s">
        <v>14</v>
      </c>
      <c r="C735" s="9" t="s">
        <v>3468</v>
      </c>
      <c r="D735" s="6" t="s">
        <v>3469</v>
      </c>
      <c r="E735" s="22">
        <v>44837</v>
      </c>
      <c r="F735" s="22">
        <v>46662</v>
      </c>
      <c r="G735" s="6" t="s">
        <v>3470</v>
      </c>
      <c r="H735" s="6" t="s">
        <v>18</v>
      </c>
      <c r="I735" s="6" t="s">
        <v>19</v>
      </c>
      <c r="J735" s="6" t="s">
        <v>3471</v>
      </c>
      <c r="K735" s="9" t="s">
        <v>3472</v>
      </c>
      <c r="L735" s="10" t="s">
        <v>22</v>
      </c>
      <c r="M735" s="10" t="s">
        <v>22</v>
      </c>
      <c r="N735" s="10" t="s">
        <v>22</v>
      </c>
      <c r="O735" s="10" t="s">
        <v>22</v>
      </c>
      <c r="P735" s="10" t="s">
        <v>22</v>
      </c>
      <c r="Q735" s="10" t="s">
        <v>22</v>
      </c>
    </row>
    <row r="736" spans="1:26" ht="24" customHeight="1" x14ac:dyDescent="0.2">
      <c r="A736" s="9" t="s">
        <v>18014</v>
      </c>
      <c r="B736" s="9" t="s">
        <v>14</v>
      </c>
      <c r="C736" s="9" t="s">
        <v>3473</v>
      </c>
      <c r="D736" s="6" t="s">
        <v>3474</v>
      </c>
      <c r="E736" s="22">
        <v>44843</v>
      </c>
      <c r="F736" s="22">
        <v>46668</v>
      </c>
      <c r="G736" s="6" t="s">
        <v>3475</v>
      </c>
      <c r="H736" s="6" t="s">
        <v>18</v>
      </c>
      <c r="I736" s="6" t="s">
        <v>26</v>
      </c>
      <c r="J736" s="6" t="s">
        <v>3476</v>
      </c>
      <c r="K736" s="9" t="s">
        <v>3477</v>
      </c>
      <c r="L736" s="10" t="s">
        <v>22</v>
      </c>
      <c r="M736" s="10" t="s">
        <v>22</v>
      </c>
      <c r="N736" s="10" t="s">
        <v>22</v>
      </c>
      <c r="O736" s="10" t="s">
        <v>22</v>
      </c>
      <c r="P736" s="10" t="s">
        <v>22</v>
      </c>
      <c r="Q736" s="10" t="s">
        <v>22</v>
      </c>
      <c r="R736" s="10" t="s">
        <v>22</v>
      </c>
      <c r="S736" s="10" t="s">
        <v>22</v>
      </c>
      <c r="T736" s="10" t="s">
        <v>22</v>
      </c>
      <c r="U736" s="10" t="s">
        <v>22</v>
      </c>
      <c r="V736" s="10" t="s">
        <v>22</v>
      </c>
      <c r="W736" s="10" t="s">
        <v>22</v>
      </c>
      <c r="X736" s="10" t="s">
        <v>22</v>
      </c>
      <c r="Y736" s="10" t="s">
        <v>22</v>
      </c>
      <c r="Z736" s="10" t="s">
        <v>22</v>
      </c>
    </row>
    <row r="737" spans="1:26" ht="24" customHeight="1" x14ac:dyDescent="0.2">
      <c r="A737" s="9" t="s">
        <v>18015</v>
      </c>
      <c r="B737" s="9" t="s">
        <v>14</v>
      </c>
      <c r="C737" s="9" t="s">
        <v>3478</v>
      </c>
      <c r="D737" s="6" t="s">
        <v>3479</v>
      </c>
      <c r="E737" s="22">
        <v>44843</v>
      </c>
      <c r="F737" s="22">
        <v>46668</v>
      </c>
      <c r="G737" s="6" t="s">
        <v>3480</v>
      </c>
      <c r="H737" s="6" t="s">
        <v>62</v>
      </c>
      <c r="I737" s="6" t="s">
        <v>186</v>
      </c>
      <c r="J737" s="6" t="s">
        <v>3481</v>
      </c>
      <c r="K737" s="9" t="s">
        <v>3482</v>
      </c>
      <c r="L737" s="10" t="s">
        <v>22</v>
      </c>
      <c r="M737" s="10" t="s">
        <v>22</v>
      </c>
      <c r="N737" s="10" t="s">
        <v>22</v>
      </c>
      <c r="O737" s="10" t="s">
        <v>22</v>
      </c>
      <c r="P737" s="10" t="s">
        <v>22</v>
      </c>
      <c r="Q737" s="10" t="s">
        <v>22</v>
      </c>
      <c r="U737" s="10" t="s">
        <v>22</v>
      </c>
      <c r="V737" s="10" t="s">
        <v>22</v>
      </c>
      <c r="W737" s="10" t="s">
        <v>22</v>
      </c>
      <c r="X737" s="10" t="s">
        <v>22</v>
      </c>
      <c r="Y737" s="10" t="s">
        <v>22</v>
      </c>
      <c r="Z737" s="10" t="s">
        <v>22</v>
      </c>
    </row>
    <row r="738" spans="1:26" ht="24" customHeight="1" x14ac:dyDescent="0.2">
      <c r="A738" s="9" t="s">
        <v>18016</v>
      </c>
      <c r="B738" s="9" t="s">
        <v>14</v>
      </c>
      <c r="C738" s="9" t="s">
        <v>3483</v>
      </c>
      <c r="D738" s="6" t="s">
        <v>3484</v>
      </c>
      <c r="E738" s="22">
        <v>44843</v>
      </c>
      <c r="F738" s="22">
        <v>46668</v>
      </c>
      <c r="G738" s="6" t="s">
        <v>3485</v>
      </c>
      <c r="H738" s="6" t="s">
        <v>202</v>
      </c>
      <c r="I738" s="6" t="s">
        <v>3050</v>
      </c>
      <c r="J738" s="6" t="s">
        <v>3486</v>
      </c>
      <c r="K738" s="9" t="s">
        <v>3487</v>
      </c>
      <c r="O738" s="10" t="s">
        <v>22</v>
      </c>
      <c r="P738" s="10" t="s">
        <v>22</v>
      </c>
      <c r="Q738" s="10" t="s">
        <v>22</v>
      </c>
      <c r="X738" s="10" t="s">
        <v>22</v>
      </c>
      <c r="Y738" s="10" t="s">
        <v>22</v>
      </c>
      <c r="Z738" s="10" t="s">
        <v>22</v>
      </c>
    </row>
    <row r="739" spans="1:26" ht="24" customHeight="1" x14ac:dyDescent="0.2">
      <c r="A739" s="9" t="s">
        <v>18017</v>
      </c>
      <c r="B739" s="9" t="s">
        <v>14</v>
      </c>
      <c r="C739" s="9" t="s">
        <v>3488</v>
      </c>
      <c r="D739" s="6" t="s">
        <v>3489</v>
      </c>
      <c r="E739" s="22">
        <v>44844</v>
      </c>
      <c r="F739" s="22">
        <v>46669</v>
      </c>
      <c r="G739" s="6" t="s">
        <v>3490</v>
      </c>
      <c r="H739" s="6" t="s">
        <v>62</v>
      </c>
      <c r="I739" s="6" t="s">
        <v>73</v>
      </c>
      <c r="J739" s="6" t="s">
        <v>3491</v>
      </c>
      <c r="K739" s="9" t="s">
        <v>3492</v>
      </c>
      <c r="L739" s="10" t="s">
        <v>22</v>
      </c>
      <c r="M739" s="10" t="s">
        <v>22</v>
      </c>
      <c r="N739" s="10" t="s">
        <v>22</v>
      </c>
      <c r="O739" s="10" t="s">
        <v>22</v>
      </c>
      <c r="P739" s="10" t="s">
        <v>22</v>
      </c>
      <c r="Q739" s="10" t="s">
        <v>22</v>
      </c>
      <c r="U739" s="10" t="s">
        <v>22</v>
      </c>
      <c r="V739" s="10" t="s">
        <v>22</v>
      </c>
      <c r="W739" s="10" t="s">
        <v>22</v>
      </c>
      <c r="X739" s="10" t="s">
        <v>22</v>
      </c>
      <c r="Y739" s="10" t="s">
        <v>22</v>
      </c>
      <c r="Z739" s="10" t="s">
        <v>22</v>
      </c>
    </row>
    <row r="740" spans="1:26" ht="24" customHeight="1" x14ac:dyDescent="0.2">
      <c r="A740" s="9" t="s">
        <v>18018</v>
      </c>
      <c r="B740" s="9" t="s">
        <v>14</v>
      </c>
      <c r="C740" s="9" t="s">
        <v>3493</v>
      </c>
      <c r="D740" s="6" t="s">
        <v>3494</v>
      </c>
      <c r="E740" s="22">
        <v>44849</v>
      </c>
      <c r="F740" s="22">
        <v>46674</v>
      </c>
      <c r="G740" s="6" t="s">
        <v>3495</v>
      </c>
      <c r="H740" s="6" t="s">
        <v>62</v>
      </c>
      <c r="I740" s="6" t="s">
        <v>1225</v>
      </c>
      <c r="J740" s="6" t="s">
        <v>3496</v>
      </c>
      <c r="K740" s="9" t="s">
        <v>3497</v>
      </c>
      <c r="L740" s="10" t="s">
        <v>22</v>
      </c>
      <c r="M740" s="10" t="s">
        <v>22</v>
      </c>
      <c r="N740" s="10" t="s">
        <v>22</v>
      </c>
      <c r="O740" s="10" t="s">
        <v>22</v>
      </c>
      <c r="P740" s="10" t="s">
        <v>22</v>
      </c>
      <c r="Q740" s="10" t="s">
        <v>22</v>
      </c>
      <c r="R740" s="10" t="s">
        <v>22</v>
      </c>
      <c r="S740" s="10" t="s">
        <v>22</v>
      </c>
      <c r="T740" s="10" t="s">
        <v>22</v>
      </c>
      <c r="U740" s="10" t="s">
        <v>22</v>
      </c>
      <c r="V740" s="10" t="s">
        <v>22</v>
      </c>
      <c r="W740" s="10" t="s">
        <v>22</v>
      </c>
      <c r="X740" s="10" t="s">
        <v>22</v>
      </c>
      <c r="Y740" s="10" t="s">
        <v>22</v>
      </c>
      <c r="Z740" s="10" t="s">
        <v>22</v>
      </c>
    </row>
    <row r="741" spans="1:26" ht="24" customHeight="1" x14ac:dyDescent="0.2">
      <c r="A741" s="9" t="s">
        <v>18019</v>
      </c>
      <c r="B741" s="9" t="s">
        <v>14</v>
      </c>
      <c r="C741" s="9" t="s">
        <v>3498</v>
      </c>
      <c r="D741" s="6" t="s">
        <v>3499</v>
      </c>
      <c r="E741" s="22">
        <v>44849</v>
      </c>
      <c r="F741" s="22">
        <v>46674</v>
      </c>
      <c r="G741" s="6" t="s">
        <v>3500</v>
      </c>
      <c r="H741" s="6" t="s">
        <v>62</v>
      </c>
      <c r="I741" s="6" t="s">
        <v>1141</v>
      </c>
      <c r="J741" s="6" t="s">
        <v>3501</v>
      </c>
      <c r="K741" s="9" t="s">
        <v>3502</v>
      </c>
      <c r="L741" s="10" t="s">
        <v>22</v>
      </c>
      <c r="M741" s="10" t="s">
        <v>22</v>
      </c>
      <c r="N741" s="10" t="s">
        <v>22</v>
      </c>
      <c r="O741" s="10" t="s">
        <v>22</v>
      </c>
      <c r="P741" s="10" t="s">
        <v>22</v>
      </c>
      <c r="Q741" s="10" t="s">
        <v>22</v>
      </c>
      <c r="R741" s="10" t="s">
        <v>22</v>
      </c>
      <c r="S741" s="10" t="s">
        <v>22</v>
      </c>
      <c r="T741" s="10" t="s">
        <v>22</v>
      </c>
      <c r="U741" s="10" t="s">
        <v>22</v>
      </c>
      <c r="V741" s="10" t="s">
        <v>22</v>
      </c>
      <c r="W741" s="10" t="s">
        <v>22</v>
      </c>
      <c r="X741" s="10" t="s">
        <v>22</v>
      </c>
      <c r="Y741" s="10" t="s">
        <v>22</v>
      </c>
      <c r="Z741" s="10" t="s">
        <v>22</v>
      </c>
    </row>
    <row r="742" spans="1:26" ht="24" customHeight="1" x14ac:dyDescent="0.2">
      <c r="A742" s="9" t="s">
        <v>18020</v>
      </c>
      <c r="B742" s="9" t="s">
        <v>14</v>
      </c>
      <c r="C742" s="9" t="s">
        <v>3503</v>
      </c>
      <c r="D742" s="6" t="s">
        <v>3504</v>
      </c>
      <c r="E742" s="22">
        <v>44851</v>
      </c>
      <c r="F742" s="22">
        <v>46676</v>
      </c>
      <c r="G742" s="6" t="s">
        <v>3505</v>
      </c>
      <c r="H742" s="6" t="s">
        <v>62</v>
      </c>
      <c r="I742" s="6" t="s">
        <v>414</v>
      </c>
      <c r="J742" s="6" t="s">
        <v>3506</v>
      </c>
      <c r="K742" s="9" t="s">
        <v>3507</v>
      </c>
      <c r="L742" s="10" t="s">
        <v>22</v>
      </c>
      <c r="M742" s="10" t="s">
        <v>22</v>
      </c>
      <c r="N742" s="10" t="s">
        <v>22</v>
      </c>
      <c r="O742" s="10" t="s">
        <v>22</v>
      </c>
      <c r="P742" s="10" t="s">
        <v>22</v>
      </c>
      <c r="Q742" s="10" t="s">
        <v>22</v>
      </c>
      <c r="R742" s="10" t="s">
        <v>22</v>
      </c>
      <c r="S742" s="10" t="s">
        <v>22</v>
      </c>
      <c r="T742" s="10" t="s">
        <v>22</v>
      </c>
      <c r="U742" s="10" t="s">
        <v>22</v>
      </c>
      <c r="V742" s="10" t="s">
        <v>22</v>
      </c>
      <c r="W742" s="10" t="s">
        <v>22</v>
      </c>
      <c r="X742" s="10" t="s">
        <v>22</v>
      </c>
      <c r="Y742" s="10" t="s">
        <v>22</v>
      </c>
      <c r="Z742" s="10" t="s">
        <v>22</v>
      </c>
    </row>
    <row r="743" spans="1:26" ht="24" customHeight="1" x14ac:dyDescent="0.2">
      <c r="A743" s="9" t="s">
        <v>18021</v>
      </c>
      <c r="B743" s="9" t="s">
        <v>14</v>
      </c>
      <c r="C743" s="9" t="s">
        <v>3508</v>
      </c>
      <c r="D743" s="6" t="s">
        <v>3509</v>
      </c>
      <c r="E743" s="22">
        <v>44857</v>
      </c>
      <c r="F743" s="22">
        <v>46682</v>
      </c>
      <c r="G743" s="6" t="s">
        <v>3510</v>
      </c>
      <c r="H743" s="6" t="s">
        <v>18</v>
      </c>
      <c r="I743" s="6" t="s">
        <v>26</v>
      </c>
      <c r="J743" s="6" t="s">
        <v>3511</v>
      </c>
      <c r="K743" s="9" t="s">
        <v>3512</v>
      </c>
      <c r="L743" s="10" t="s">
        <v>22</v>
      </c>
      <c r="M743" s="10" t="s">
        <v>22</v>
      </c>
      <c r="N743" s="10" t="s">
        <v>22</v>
      </c>
      <c r="O743" s="10" t="s">
        <v>22</v>
      </c>
      <c r="P743" s="10" t="s">
        <v>22</v>
      </c>
      <c r="Q743" s="10" t="s">
        <v>22</v>
      </c>
    </row>
    <row r="744" spans="1:26" ht="24" customHeight="1" x14ac:dyDescent="0.2">
      <c r="A744" s="9" t="s">
        <v>18022</v>
      </c>
      <c r="B744" s="9" t="s">
        <v>14</v>
      </c>
      <c r="C744" s="9" t="s">
        <v>3513</v>
      </c>
      <c r="D744" s="6" t="s">
        <v>3514</v>
      </c>
      <c r="E744" s="22">
        <v>44857</v>
      </c>
      <c r="F744" s="22">
        <v>46682</v>
      </c>
      <c r="G744" s="6" t="s">
        <v>3515</v>
      </c>
      <c r="H744" s="6" t="s">
        <v>1625</v>
      </c>
      <c r="I744" s="6" t="s">
        <v>3516</v>
      </c>
      <c r="J744" s="6" t="s">
        <v>3517</v>
      </c>
      <c r="K744" s="9" t="s">
        <v>3518</v>
      </c>
      <c r="L744" s="10" t="s">
        <v>22</v>
      </c>
      <c r="M744" s="10" t="s">
        <v>22</v>
      </c>
      <c r="N744" s="10" t="s">
        <v>22</v>
      </c>
      <c r="O744" s="10" t="s">
        <v>22</v>
      </c>
      <c r="P744" s="10" t="s">
        <v>22</v>
      </c>
      <c r="Q744" s="10" t="s">
        <v>22</v>
      </c>
      <c r="R744" s="10" t="s">
        <v>22</v>
      </c>
      <c r="S744" s="10" t="s">
        <v>22</v>
      </c>
      <c r="T744" s="10" t="s">
        <v>22</v>
      </c>
      <c r="U744" s="10" t="s">
        <v>22</v>
      </c>
      <c r="V744" s="10" t="s">
        <v>22</v>
      </c>
      <c r="W744" s="10" t="s">
        <v>22</v>
      </c>
      <c r="X744" s="10" t="s">
        <v>22</v>
      </c>
      <c r="Y744" s="10" t="s">
        <v>22</v>
      </c>
      <c r="Z744" s="10" t="s">
        <v>22</v>
      </c>
    </row>
    <row r="745" spans="1:26" ht="24" customHeight="1" x14ac:dyDescent="0.2">
      <c r="A745" s="9" t="s">
        <v>18023</v>
      </c>
      <c r="B745" s="9" t="s">
        <v>14</v>
      </c>
      <c r="C745" s="9" t="s">
        <v>3519</v>
      </c>
      <c r="D745" s="6" t="s">
        <v>3520</v>
      </c>
      <c r="E745" s="22">
        <v>44857</v>
      </c>
      <c r="F745" s="22">
        <v>46682</v>
      </c>
      <c r="G745" s="6" t="s">
        <v>3521</v>
      </c>
      <c r="H745" s="6" t="s">
        <v>202</v>
      </c>
      <c r="I745" s="6" t="s">
        <v>3522</v>
      </c>
      <c r="J745" s="6" t="s">
        <v>3523</v>
      </c>
      <c r="K745" s="9" t="s">
        <v>3524</v>
      </c>
      <c r="O745" s="10" t="s">
        <v>22</v>
      </c>
      <c r="P745" s="10" t="s">
        <v>22</v>
      </c>
      <c r="Q745" s="10" t="s">
        <v>22</v>
      </c>
      <c r="X745" s="10" t="s">
        <v>22</v>
      </c>
      <c r="Y745" s="10" t="s">
        <v>22</v>
      </c>
      <c r="Z745" s="10" t="s">
        <v>22</v>
      </c>
    </row>
    <row r="746" spans="1:26" ht="24" customHeight="1" x14ac:dyDescent="0.2">
      <c r="A746" s="9" t="s">
        <v>18024</v>
      </c>
      <c r="B746" s="9" t="s">
        <v>14</v>
      </c>
      <c r="C746" s="9" t="s">
        <v>3525</v>
      </c>
      <c r="D746" s="6" t="s">
        <v>3526</v>
      </c>
      <c r="E746" s="22">
        <v>44863</v>
      </c>
      <c r="F746" s="22">
        <v>46688</v>
      </c>
      <c r="G746" s="6" t="s">
        <v>3527</v>
      </c>
      <c r="H746" s="6" t="s">
        <v>18</v>
      </c>
      <c r="I746" s="6" t="s">
        <v>19</v>
      </c>
      <c r="J746" s="6" t="s">
        <v>3528</v>
      </c>
      <c r="K746" s="9" t="s">
        <v>3529</v>
      </c>
      <c r="L746" s="10" t="s">
        <v>22</v>
      </c>
      <c r="M746" s="10" t="s">
        <v>22</v>
      </c>
      <c r="N746" s="10" t="s">
        <v>22</v>
      </c>
      <c r="O746" s="10" t="s">
        <v>22</v>
      </c>
      <c r="P746" s="10" t="s">
        <v>22</v>
      </c>
      <c r="Q746" s="10" t="s">
        <v>22</v>
      </c>
      <c r="U746" s="10" t="s">
        <v>22</v>
      </c>
      <c r="V746" s="10" t="s">
        <v>22</v>
      </c>
      <c r="W746" s="10" t="s">
        <v>22</v>
      </c>
    </row>
    <row r="747" spans="1:26" ht="24" customHeight="1" x14ac:dyDescent="0.2">
      <c r="A747" s="9" t="s">
        <v>18025</v>
      </c>
      <c r="B747" s="9" t="s">
        <v>14</v>
      </c>
      <c r="C747" s="9" t="s">
        <v>3530</v>
      </c>
      <c r="D747" s="6" t="s">
        <v>3531</v>
      </c>
      <c r="E747" s="22">
        <v>44863</v>
      </c>
      <c r="F747" s="22">
        <v>46688</v>
      </c>
      <c r="G747" s="6" t="s">
        <v>3532</v>
      </c>
      <c r="H747" s="6" t="s">
        <v>202</v>
      </c>
      <c r="I747" s="6" t="s">
        <v>1707</v>
      </c>
      <c r="J747" s="6" t="s">
        <v>3533</v>
      </c>
      <c r="K747" s="9" t="s">
        <v>3534</v>
      </c>
      <c r="L747" s="10" t="s">
        <v>22</v>
      </c>
      <c r="M747" s="10" t="s">
        <v>22</v>
      </c>
      <c r="N747" s="10" t="s">
        <v>22</v>
      </c>
      <c r="O747" s="10" t="s">
        <v>22</v>
      </c>
      <c r="P747" s="10" t="s">
        <v>22</v>
      </c>
      <c r="Q747" s="10" t="s">
        <v>22</v>
      </c>
      <c r="R747" s="10" t="s">
        <v>22</v>
      </c>
      <c r="S747" s="10" t="s">
        <v>22</v>
      </c>
      <c r="T747" s="10" t="s">
        <v>22</v>
      </c>
      <c r="U747" s="10" t="s">
        <v>22</v>
      </c>
      <c r="V747" s="10" t="s">
        <v>22</v>
      </c>
      <c r="W747" s="10" t="s">
        <v>22</v>
      </c>
      <c r="X747" s="10" t="s">
        <v>22</v>
      </c>
      <c r="Y747" s="10" t="s">
        <v>22</v>
      </c>
      <c r="Z747" s="10" t="s">
        <v>22</v>
      </c>
    </row>
    <row r="748" spans="1:26" ht="24" customHeight="1" x14ac:dyDescent="0.2">
      <c r="A748" s="9" t="s">
        <v>18026</v>
      </c>
      <c r="B748" s="9" t="s">
        <v>14</v>
      </c>
      <c r="C748" s="9" t="s">
        <v>3535</v>
      </c>
      <c r="D748" s="6" t="s">
        <v>3536</v>
      </c>
      <c r="E748" s="22">
        <v>44863</v>
      </c>
      <c r="F748" s="22">
        <v>46688</v>
      </c>
      <c r="G748" s="6" t="s">
        <v>3537</v>
      </c>
      <c r="H748" s="6" t="s">
        <v>62</v>
      </c>
      <c r="I748" s="6" t="s">
        <v>73</v>
      </c>
      <c r="J748" s="6" t="s">
        <v>3538</v>
      </c>
      <c r="K748" s="9" t="s">
        <v>3539</v>
      </c>
      <c r="L748" s="10" t="s">
        <v>22</v>
      </c>
      <c r="M748" s="10" t="s">
        <v>22</v>
      </c>
      <c r="N748" s="10" t="s">
        <v>22</v>
      </c>
      <c r="O748" s="10" t="s">
        <v>22</v>
      </c>
      <c r="P748" s="10" t="s">
        <v>22</v>
      </c>
      <c r="Q748" s="10" t="s">
        <v>22</v>
      </c>
      <c r="R748" s="10" t="s">
        <v>22</v>
      </c>
      <c r="S748" s="10" t="s">
        <v>22</v>
      </c>
      <c r="T748" s="10" t="s">
        <v>22</v>
      </c>
      <c r="U748" s="10" t="s">
        <v>22</v>
      </c>
      <c r="V748" s="10" t="s">
        <v>22</v>
      </c>
      <c r="W748" s="10" t="s">
        <v>22</v>
      </c>
      <c r="X748" s="10" t="s">
        <v>22</v>
      </c>
      <c r="Y748" s="10" t="s">
        <v>22</v>
      </c>
      <c r="Z748" s="10" t="s">
        <v>22</v>
      </c>
    </row>
    <row r="749" spans="1:26" ht="24" customHeight="1" x14ac:dyDescent="0.2">
      <c r="A749" s="9" t="s">
        <v>18027</v>
      </c>
      <c r="B749" s="9" t="s">
        <v>14</v>
      </c>
      <c r="C749" s="9" t="s">
        <v>3540</v>
      </c>
      <c r="D749" s="6" t="s">
        <v>3541</v>
      </c>
      <c r="E749" s="22">
        <v>44863</v>
      </c>
      <c r="F749" s="22">
        <v>46688</v>
      </c>
      <c r="G749" s="6" t="s">
        <v>3542</v>
      </c>
      <c r="H749" s="6" t="s">
        <v>62</v>
      </c>
      <c r="I749" s="6" t="s">
        <v>403</v>
      </c>
      <c r="J749" s="6" t="s">
        <v>3543</v>
      </c>
      <c r="K749" s="9" t="s">
        <v>3544</v>
      </c>
      <c r="L749" s="10" t="s">
        <v>22</v>
      </c>
      <c r="M749" s="10" t="s">
        <v>22</v>
      </c>
      <c r="N749" s="10" t="s">
        <v>22</v>
      </c>
      <c r="O749" s="10" t="s">
        <v>22</v>
      </c>
      <c r="P749" s="10" t="s">
        <v>22</v>
      </c>
      <c r="Q749" s="10" t="s">
        <v>22</v>
      </c>
      <c r="R749" s="10" t="s">
        <v>22</v>
      </c>
      <c r="S749" s="10" t="s">
        <v>22</v>
      </c>
      <c r="T749" s="10" t="s">
        <v>22</v>
      </c>
      <c r="U749" s="10" t="s">
        <v>22</v>
      </c>
      <c r="V749" s="10" t="s">
        <v>22</v>
      </c>
      <c r="W749" s="10" t="s">
        <v>22</v>
      </c>
      <c r="X749" s="10" t="s">
        <v>22</v>
      </c>
      <c r="Y749" s="10" t="s">
        <v>22</v>
      </c>
      <c r="Z749" s="10" t="s">
        <v>22</v>
      </c>
    </row>
    <row r="750" spans="1:26" ht="24" customHeight="1" x14ac:dyDescent="0.2">
      <c r="A750" s="9" t="s">
        <v>18028</v>
      </c>
      <c r="B750" s="9" t="s">
        <v>14</v>
      </c>
      <c r="C750" s="9" t="s">
        <v>3545</v>
      </c>
      <c r="D750" s="6" t="s">
        <v>3546</v>
      </c>
      <c r="E750" s="22">
        <v>44863</v>
      </c>
      <c r="F750" s="22">
        <v>46688</v>
      </c>
      <c r="G750" s="6" t="s">
        <v>3547</v>
      </c>
      <c r="H750" s="6" t="s">
        <v>62</v>
      </c>
      <c r="I750" s="6" t="s">
        <v>186</v>
      </c>
      <c r="J750" s="6" t="s">
        <v>3548</v>
      </c>
      <c r="K750" s="9" t="s">
        <v>3549</v>
      </c>
      <c r="L750" s="10" t="s">
        <v>22</v>
      </c>
      <c r="M750" s="10" t="s">
        <v>22</v>
      </c>
      <c r="N750" s="10" t="s">
        <v>22</v>
      </c>
      <c r="O750" s="10" t="s">
        <v>22</v>
      </c>
      <c r="P750" s="10" t="s">
        <v>22</v>
      </c>
      <c r="Q750" s="10" t="s">
        <v>22</v>
      </c>
      <c r="R750" s="10" t="s">
        <v>22</v>
      </c>
      <c r="S750" s="10" t="s">
        <v>22</v>
      </c>
      <c r="T750" s="10" t="s">
        <v>22</v>
      </c>
      <c r="U750" s="10" t="s">
        <v>22</v>
      </c>
      <c r="V750" s="10" t="s">
        <v>22</v>
      </c>
      <c r="W750" s="10" t="s">
        <v>22</v>
      </c>
      <c r="X750" s="10" t="s">
        <v>22</v>
      </c>
      <c r="Y750" s="10" t="s">
        <v>22</v>
      </c>
      <c r="Z750" s="10" t="s">
        <v>22</v>
      </c>
    </row>
    <row r="751" spans="1:26" ht="24" customHeight="1" x14ac:dyDescent="0.2">
      <c r="A751" s="9" t="s">
        <v>18029</v>
      </c>
      <c r="B751" s="9" t="s">
        <v>14</v>
      </c>
      <c r="C751" s="9" t="s">
        <v>3550</v>
      </c>
      <c r="D751" s="6" t="s">
        <v>3551</v>
      </c>
      <c r="E751" s="22">
        <v>44863</v>
      </c>
      <c r="F751" s="22">
        <v>46688</v>
      </c>
      <c r="G751" s="6" t="s">
        <v>3552</v>
      </c>
      <c r="H751" s="6" t="s">
        <v>62</v>
      </c>
      <c r="I751" s="6" t="s">
        <v>318</v>
      </c>
      <c r="J751" s="6" t="s">
        <v>3553</v>
      </c>
      <c r="K751" s="9" t="s">
        <v>3554</v>
      </c>
      <c r="L751" s="10" t="s">
        <v>22</v>
      </c>
      <c r="M751" s="10" t="s">
        <v>22</v>
      </c>
      <c r="N751" s="10" t="s">
        <v>22</v>
      </c>
      <c r="O751" s="10" t="s">
        <v>22</v>
      </c>
      <c r="P751" s="10" t="s">
        <v>22</v>
      </c>
      <c r="Q751" s="10" t="s">
        <v>22</v>
      </c>
      <c r="R751" s="10" t="s">
        <v>22</v>
      </c>
      <c r="S751" s="10" t="s">
        <v>22</v>
      </c>
      <c r="T751" s="10" t="s">
        <v>22</v>
      </c>
      <c r="U751" s="10" t="s">
        <v>22</v>
      </c>
      <c r="V751" s="10" t="s">
        <v>22</v>
      </c>
      <c r="W751" s="10" t="s">
        <v>22</v>
      </c>
      <c r="X751" s="10" t="s">
        <v>22</v>
      </c>
      <c r="Y751" s="10" t="s">
        <v>22</v>
      </c>
      <c r="Z751" s="10" t="s">
        <v>22</v>
      </c>
    </row>
    <row r="752" spans="1:26" ht="24" customHeight="1" x14ac:dyDescent="0.2">
      <c r="A752" s="9" t="s">
        <v>18030</v>
      </c>
      <c r="B752" s="9" t="s">
        <v>14</v>
      </c>
      <c r="C752" s="9" t="s">
        <v>3555</v>
      </c>
      <c r="D752" s="6" t="s">
        <v>3556</v>
      </c>
      <c r="E752" s="22">
        <v>44863</v>
      </c>
      <c r="F752" s="22">
        <v>46688</v>
      </c>
      <c r="G752" s="6" t="s">
        <v>3557</v>
      </c>
      <c r="H752" s="6" t="s">
        <v>18</v>
      </c>
      <c r="I752" s="6" t="s">
        <v>19</v>
      </c>
      <c r="J752" s="6" t="s">
        <v>3558</v>
      </c>
      <c r="K752" s="9" t="s">
        <v>3559</v>
      </c>
      <c r="L752" s="10" t="s">
        <v>22</v>
      </c>
      <c r="M752" s="10" t="s">
        <v>22</v>
      </c>
      <c r="N752" s="10" t="s">
        <v>22</v>
      </c>
      <c r="O752" s="10" t="s">
        <v>22</v>
      </c>
      <c r="P752" s="10" t="s">
        <v>22</v>
      </c>
      <c r="Q752" s="10" t="s">
        <v>22</v>
      </c>
      <c r="R752" s="10" t="s">
        <v>22</v>
      </c>
      <c r="S752" s="10" t="s">
        <v>22</v>
      </c>
      <c r="T752" s="10" t="s">
        <v>22</v>
      </c>
      <c r="U752" s="10" t="s">
        <v>22</v>
      </c>
      <c r="V752" s="10" t="s">
        <v>22</v>
      </c>
      <c r="W752" s="10" t="s">
        <v>22</v>
      </c>
      <c r="X752" s="10" t="s">
        <v>22</v>
      </c>
      <c r="Y752" s="10" t="s">
        <v>22</v>
      </c>
      <c r="Z752" s="10" t="s">
        <v>22</v>
      </c>
    </row>
    <row r="753" spans="1:26" ht="24" customHeight="1" x14ac:dyDescent="0.2">
      <c r="A753" s="9" t="s">
        <v>18031</v>
      </c>
      <c r="B753" s="9" t="s">
        <v>14</v>
      </c>
      <c r="C753" s="9" t="s">
        <v>3560</v>
      </c>
      <c r="D753" s="6" t="s">
        <v>3561</v>
      </c>
      <c r="E753" s="22">
        <v>44867</v>
      </c>
      <c r="F753" s="22">
        <v>46692</v>
      </c>
      <c r="G753" s="6" t="s">
        <v>3562</v>
      </c>
      <c r="H753" s="6" t="s">
        <v>18</v>
      </c>
      <c r="I753" s="6" t="s">
        <v>19</v>
      </c>
      <c r="J753" s="6" t="s">
        <v>3563</v>
      </c>
      <c r="K753" s="9" t="s">
        <v>3564</v>
      </c>
      <c r="L753" s="10" t="s">
        <v>22</v>
      </c>
      <c r="M753" s="10" t="s">
        <v>22</v>
      </c>
      <c r="N753" s="10" t="s">
        <v>22</v>
      </c>
      <c r="O753" s="10" t="s">
        <v>22</v>
      </c>
      <c r="P753" s="10" t="s">
        <v>22</v>
      </c>
      <c r="Q753" s="10" t="s">
        <v>22</v>
      </c>
      <c r="R753" s="10" t="s">
        <v>22</v>
      </c>
      <c r="S753" s="10" t="s">
        <v>22</v>
      </c>
      <c r="T753" s="10" t="s">
        <v>22</v>
      </c>
      <c r="U753" s="10" t="s">
        <v>22</v>
      </c>
      <c r="V753" s="10" t="s">
        <v>22</v>
      </c>
      <c r="W753" s="10" t="s">
        <v>22</v>
      </c>
      <c r="X753" s="10" t="s">
        <v>22</v>
      </c>
      <c r="Y753" s="10" t="s">
        <v>22</v>
      </c>
      <c r="Z753" s="10" t="s">
        <v>22</v>
      </c>
    </row>
    <row r="754" spans="1:26" ht="24" customHeight="1" x14ac:dyDescent="0.2">
      <c r="A754" s="9" t="s">
        <v>18032</v>
      </c>
      <c r="B754" s="9" t="s">
        <v>14</v>
      </c>
      <c r="C754" s="9" t="s">
        <v>3565</v>
      </c>
      <c r="D754" s="6" t="s">
        <v>3566</v>
      </c>
      <c r="E754" s="22">
        <v>44867</v>
      </c>
      <c r="F754" s="22">
        <v>46692</v>
      </c>
      <c r="G754" s="6" t="s">
        <v>3567</v>
      </c>
      <c r="H754" s="6" t="s">
        <v>18</v>
      </c>
      <c r="I754" s="6" t="s">
        <v>19</v>
      </c>
      <c r="J754" s="6" t="s">
        <v>3568</v>
      </c>
      <c r="K754" s="9" t="s">
        <v>3569</v>
      </c>
      <c r="O754" s="10" t="s">
        <v>22</v>
      </c>
      <c r="P754" s="10" t="s">
        <v>22</v>
      </c>
      <c r="Q754" s="10" t="s">
        <v>22</v>
      </c>
      <c r="X754" s="10" t="s">
        <v>22</v>
      </c>
      <c r="Y754" s="10" t="s">
        <v>22</v>
      </c>
      <c r="Z754" s="10" t="s">
        <v>22</v>
      </c>
    </row>
    <row r="755" spans="1:26" ht="24" customHeight="1" x14ac:dyDescent="0.2">
      <c r="A755" s="9" t="s">
        <v>18033</v>
      </c>
      <c r="B755" s="9" t="s">
        <v>14</v>
      </c>
      <c r="C755" s="9" t="s">
        <v>3565</v>
      </c>
      <c r="D755" s="6" t="s">
        <v>3566</v>
      </c>
      <c r="E755" s="22">
        <v>44867</v>
      </c>
      <c r="F755" s="22">
        <v>46692</v>
      </c>
      <c r="G755" s="6" t="s">
        <v>3570</v>
      </c>
      <c r="H755" s="6" t="s">
        <v>18</v>
      </c>
      <c r="I755" s="6" t="s">
        <v>26</v>
      </c>
      <c r="J755" s="6" t="s">
        <v>3571</v>
      </c>
      <c r="K755" s="9" t="s">
        <v>3572</v>
      </c>
      <c r="O755" s="10" t="s">
        <v>22</v>
      </c>
      <c r="P755" s="10" t="s">
        <v>22</v>
      </c>
      <c r="Q755" s="10" t="s">
        <v>22</v>
      </c>
      <c r="X755" s="10" t="s">
        <v>22</v>
      </c>
      <c r="Y755" s="10" t="s">
        <v>22</v>
      </c>
      <c r="Z755" s="10" t="s">
        <v>22</v>
      </c>
    </row>
    <row r="756" spans="1:26" ht="24" customHeight="1" x14ac:dyDescent="0.2">
      <c r="A756" s="9" t="s">
        <v>18034</v>
      </c>
      <c r="B756" s="9" t="s">
        <v>14</v>
      </c>
      <c r="C756" s="9" t="s">
        <v>3565</v>
      </c>
      <c r="D756" s="6" t="s">
        <v>3566</v>
      </c>
      <c r="E756" s="22">
        <v>44867</v>
      </c>
      <c r="F756" s="22">
        <v>46692</v>
      </c>
      <c r="G756" s="6" t="s">
        <v>3573</v>
      </c>
      <c r="H756" s="6" t="s">
        <v>18</v>
      </c>
      <c r="I756" s="6" t="s">
        <v>392</v>
      </c>
      <c r="J756" s="6" t="s">
        <v>3574</v>
      </c>
      <c r="K756" s="9" t="s">
        <v>3575</v>
      </c>
      <c r="O756" s="10" t="s">
        <v>22</v>
      </c>
      <c r="P756" s="10" t="s">
        <v>22</v>
      </c>
      <c r="Q756" s="10" t="s">
        <v>22</v>
      </c>
      <c r="X756" s="10" t="s">
        <v>22</v>
      </c>
      <c r="Y756" s="10" t="s">
        <v>22</v>
      </c>
      <c r="Z756" s="10" t="s">
        <v>22</v>
      </c>
    </row>
    <row r="757" spans="1:26" ht="34" customHeight="1" x14ac:dyDescent="0.2">
      <c r="A757" s="9" t="s">
        <v>18035</v>
      </c>
      <c r="B757" s="9" t="s">
        <v>14</v>
      </c>
      <c r="C757" s="9" t="s">
        <v>3576</v>
      </c>
      <c r="D757" s="6" t="s">
        <v>3577</v>
      </c>
      <c r="E757" s="22">
        <v>44871</v>
      </c>
      <c r="F757" s="22">
        <v>46696</v>
      </c>
      <c r="G757" s="6" t="s">
        <v>3578</v>
      </c>
      <c r="H757" s="6" t="s">
        <v>701</v>
      </c>
      <c r="I757" s="6" t="s">
        <v>3293</v>
      </c>
      <c r="J757" s="6" t="s">
        <v>3579</v>
      </c>
      <c r="K757" s="9" t="s">
        <v>3580</v>
      </c>
      <c r="L757" s="10" t="s">
        <v>22</v>
      </c>
      <c r="M757" s="10" t="s">
        <v>22</v>
      </c>
      <c r="N757" s="10" t="s">
        <v>22</v>
      </c>
      <c r="O757" s="10" t="s">
        <v>22</v>
      </c>
      <c r="P757" s="10" t="s">
        <v>22</v>
      </c>
      <c r="Q757" s="10" t="s">
        <v>22</v>
      </c>
      <c r="R757" s="10" t="s">
        <v>22</v>
      </c>
      <c r="S757" s="10" t="s">
        <v>22</v>
      </c>
      <c r="T757" s="10" t="s">
        <v>22</v>
      </c>
      <c r="U757" s="10" t="s">
        <v>22</v>
      </c>
      <c r="V757" s="10" t="s">
        <v>22</v>
      </c>
      <c r="W757" s="10" t="s">
        <v>22</v>
      </c>
      <c r="X757" s="10" t="s">
        <v>22</v>
      </c>
      <c r="Y757" s="10" t="s">
        <v>22</v>
      </c>
      <c r="Z757" s="10" t="s">
        <v>22</v>
      </c>
    </row>
    <row r="758" spans="1:26" ht="24" customHeight="1" x14ac:dyDescent="0.2">
      <c r="A758" s="9" t="s">
        <v>18036</v>
      </c>
      <c r="B758" s="9" t="s">
        <v>14</v>
      </c>
      <c r="C758" s="9" t="s">
        <v>3581</v>
      </c>
      <c r="D758" s="6" t="s">
        <v>3582</v>
      </c>
      <c r="E758" s="22">
        <v>44871</v>
      </c>
      <c r="F758" s="22">
        <v>46696</v>
      </c>
      <c r="G758" s="6" t="s">
        <v>3583</v>
      </c>
      <c r="H758" s="6" t="s">
        <v>62</v>
      </c>
      <c r="I758" s="6" t="s">
        <v>186</v>
      </c>
      <c r="J758" s="6" t="s">
        <v>3584</v>
      </c>
      <c r="K758" s="9" t="s">
        <v>3585</v>
      </c>
      <c r="L758" s="10" t="s">
        <v>22</v>
      </c>
      <c r="M758" s="10" t="s">
        <v>22</v>
      </c>
      <c r="N758" s="10" t="s">
        <v>22</v>
      </c>
      <c r="R758" s="10" t="s">
        <v>22</v>
      </c>
      <c r="S758" s="10" t="s">
        <v>22</v>
      </c>
      <c r="T758" s="10" t="s">
        <v>22</v>
      </c>
      <c r="U758" s="10" t="s">
        <v>22</v>
      </c>
      <c r="V758" s="10" t="s">
        <v>22</v>
      </c>
      <c r="W758" s="10" t="s">
        <v>22</v>
      </c>
    </row>
    <row r="759" spans="1:26" ht="24" customHeight="1" x14ac:dyDescent="0.2">
      <c r="A759" s="9" t="s">
        <v>18037</v>
      </c>
      <c r="B759" s="9" t="s">
        <v>14</v>
      </c>
      <c r="C759" s="9" t="s">
        <v>3586</v>
      </c>
      <c r="D759" s="6" t="s">
        <v>3587</v>
      </c>
      <c r="E759" s="22">
        <v>44873</v>
      </c>
      <c r="F759" s="22">
        <v>46698</v>
      </c>
      <c r="G759" s="6" t="s">
        <v>3588</v>
      </c>
      <c r="H759" s="6" t="s">
        <v>202</v>
      </c>
      <c r="I759" s="6" t="s">
        <v>3589</v>
      </c>
      <c r="J759" s="6" t="s">
        <v>3590</v>
      </c>
      <c r="K759" s="9" t="s">
        <v>3591</v>
      </c>
      <c r="L759" s="10" t="s">
        <v>22</v>
      </c>
      <c r="M759" s="10" t="s">
        <v>22</v>
      </c>
      <c r="N759" s="10" t="s">
        <v>22</v>
      </c>
      <c r="O759" s="10" t="s">
        <v>22</v>
      </c>
      <c r="P759" s="10" t="s">
        <v>22</v>
      </c>
      <c r="Q759" s="10" t="s">
        <v>22</v>
      </c>
      <c r="R759" s="10" t="s">
        <v>22</v>
      </c>
      <c r="S759" s="10" t="s">
        <v>22</v>
      </c>
      <c r="T759" s="10" t="s">
        <v>22</v>
      </c>
      <c r="U759" s="10" t="s">
        <v>22</v>
      </c>
      <c r="V759" s="10" t="s">
        <v>22</v>
      </c>
      <c r="W759" s="10" t="s">
        <v>22</v>
      </c>
      <c r="X759" s="10" t="s">
        <v>22</v>
      </c>
      <c r="Y759" s="10" t="s">
        <v>22</v>
      </c>
      <c r="Z759" s="10" t="s">
        <v>22</v>
      </c>
    </row>
    <row r="760" spans="1:26" ht="24" customHeight="1" x14ac:dyDescent="0.2">
      <c r="A760" s="9" t="s">
        <v>18038</v>
      </c>
      <c r="B760" s="9" t="s">
        <v>14</v>
      </c>
      <c r="C760" s="9" t="s">
        <v>3592</v>
      </c>
      <c r="D760" s="6" t="s">
        <v>3593</v>
      </c>
      <c r="E760" s="22">
        <v>44873</v>
      </c>
      <c r="F760" s="22">
        <v>46698</v>
      </c>
      <c r="G760" s="6" t="s">
        <v>3594</v>
      </c>
      <c r="H760" s="6" t="s">
        <v>18</v>
      </c>
      <c r="I760" s="6" t="s">
        <v>19</v>
      </c>
      <c r="J760" s="6" t="s">
        <v>3595</v>
      </c>
      <c r="K760" s="9" t="s">
        <v>3596</v>
      </c>
      <c r="L760" s="10" t="s">
        <v>22</v>
      </c>
      <c r="M760" s="10" t="s">
        <v>22</v>
      </c>
      <c r="N760" s="10" t="s">
        <v>22</v>
      </c>
      <c r="O760" s="10" t="s">
        <v>22</v>
      </c>
      <c r="P760" s="10" t="s">
        <v>22</v>
      </c>
      <c r="Q760" s="10" t="s">
        <v>22</v>
      </c>
      <c r="R760" s="10" t="s">
        <v>22</v>
      </c>
      <c r="S760" s="10" t="s">
        <v>22</v>
      </c>
      <c r="T760" s="10" t="s">
        <v>22</v>
      </c>
      <c r="U760" s="10" t="s">
        <v>22</v>
      </c>
      <c r="V760" s="10" t="s">
        <v>22</v>
      </c>
      <c r="W760" s="10" t="s">
        <v>22</v>
      </c>
      <c r="X760" s="10" t="s">
        <v>22</v>
      </c>
      <c r="Y760" s="10" t="s">
        <v>22</v>
      </c>
      <c r="Z760" s="10" t="s">
        <v>22</v>
      </c>
    </row>
    <row r="761" spans="1:26" ht="24" customHeight="1" x14ac:dyDescent="0.2">
      <c r="A761" s="9" t="s">
        <v>18039</v>
      </c>
      <c r="B761" s="9" t="s">
        <v>14</v>
      </c>
      <c r="C761" s="9" t="s">
        <v>3597</v>
      </c>
      <c r="D761" s="6" t="s">
        <v>3598</v>
      </c>
      <c r="E761" s="22">
        <v>44878</v>
      </c>
      <c r="F761" s="22">
        <v>46703</v>
      </c>
      <c r="G761" s="6" t="s">
        <v>3599</v>
      </c>
      <c r="H761" s="6" t="s">
        <v>62</v>
      </c>
      <c r="I761" s="6" t="s">
        <v>1141</v>
      </c>
      <c r="J761" s="6" t="s">
        <v>3600</v>
      </c>
      <c r="K761" s="9" t="s">
        <v>3601</v>
      </c>
      <c r="L761" s="10" t="s">
        <v>22</v>
      </c>
      <c r="M761" s="10" t="s">
        <v>22</v>
      </c>
      <c r="N761" s="10" t="s">
        <v>22</v>
      </c>
      <c r="O761" s="10" t="s">
        <v>22</v>
      </c>
      <c r="P761" s="10" t="s">
        <v>22</v>
      </c>
      <c r="Q761" s="10" t="s">
        <v>22</v>
      </c>
      <c r="R761" s="10" t="s">
        <v>22</v>
      </c>
      <c r="S761" s="10" t="s">
        <v>22</v>
      </c>
      <c r="T761" s="10" t="s">
        <v>22</v>
      </c>
      <c r="U761" s="10" t="s">
        <v>22</v>
      </c>
      <c r="V761" s="10" t="s">
        <v>22</v>
      </c>
      <c r="W761" s="10" t="s">
        <v>22</v>
      </c>
      <c r="X761" s="10" t="s">
        <v>22</v>
      </c>
      <c r="Y761" s="10" t="s">
        <v>22</v>
      </c>
      <c r="Z761" s="10" t="s">
        <v>22</v>
      </c>
    </row>
    <row r="762" spans="1:26" ht="24" customHeight="1" x14ac:dyDescent="0.2">
      <c r="A762" s="9" t="s">
        <v>18040</v>
      </c>
      <c r="B762" s="9" t="s">
        <v>14</v>
      </c>
      <c r="C762" s="9" t="s">
        <v>3602</v>
      </c>
      <c r="D762" s="6" t="s">
        <v>3603</v>
      </c>
      <c r="E762" s="22">
        <v>44878</v>
      </c>
      <c r="F762" s="22">
        <v>46703</v>
      </c>
      <c r="G762" s="6" t="s">
        <v>3604</v>
      </c>
      <c r="H762" s="6" t="s">
        <v>62</v>
      </c>
      <c r="I762" s="6" t="s">
        <v>477</v>
      </c>
      <c r="J762" s="6" t="s">
        <v>3605</v>
      </c>
      <c r="K762" s="9" t="s">
        <v>3606</v>
      </c>
      <c r="O762" s="10" t="s">
        <v>22</v>
      </c>
      <c r="P762" s="10" t="s">
        <v>22</v>
      </c>
      <c r="Q762" s="10" t="s">
        <v>22</v>
      </c>
      <c r="X762" s="10" t="s">
        <v>22</v>
      </c>
      <c r="Y762" s="10" t="s">
        <v>22</v>
      </c>
      <c r="Z762" s="10" t="s">
        <v>22</v>
      </c>
    </row>
    <row r="763" spans="1:26" ht="24" customHeight="1" x14ac:dyDescent="0.2">
      <c r="A763" s="9" t="s">
        <v>18041</v>
      </c>
      <c r="B763" s="9" t="s">
        <v>14</v>
      </c>
      <c r="C763" s="9" t="s">
        <v>3607</v>
      </c>
      <c r="D763" s="6" t="s">
        <v>3608</v>
      </c>
      <c r="E763" s="22">
        <v>44880</v>
      </c>
      <c r="F763" s="22">
        <v>46705</v>
      </c>
      <c r="G763" s="6" t="s">
        <v>3609</v>
      </c>
      <c r="H763" s="6" t="s">
        <v>62</v>
      </c>
      <c r="I763" s="6" t="s">
        <v>73</v>
      </c>
      <c r="J763" s="6" t="s">
        <v>3610</v>
      </c>
      <c r="K763" s="9" t="s">
        <v>3611</v>
      </c>
      <c r="L763" s="10" t="s">
        <v>22</v>
      </c>
      <c r="M763" s="10" t="s">
        <v>22</v>
      </c>
      <c r="N763" s="10" t="s">
        <v>22</v>
      </c>
      <c r="O763" s="10" t="s">
        <v>22</v>
      </c>
      <c r="P763" s="10" t="s">
        <v>22</v>
      </c>
      <c r="Q763" s="10" t="s">
        <v>22</v>
      </c>
      <c r="R763" s="10" t="s">
        <v>22</v>
      </c>
      <c r="S763" s="10" t="s">
        <v>22</v>
      </c>
      <c r="T763" s="10" t="s">
        <v>22</v>
      </c>
      <c r="U763" s="10" t="s">
        <v>22</v>
      </c>
      <c r="V763" s="10" t="s">
        <v>22</v>
      </c>
      <c r="W763" s="10" t="s">
        <v>22</v>
      </c>
      <c r="X763" s="10" t="s">
        <v>22</v>
      </c>
      <c r="Y763" s="10" t="s">
        <v>22</v>
      </c>
      <c r="Z763" s="10" t="s">
        <v>22</v>
      </c>
    </row>
    <row r="764" spans="1:26" ht="24" customHeight="1" x14ac:dyDescent="0.2">
      <c r="A764" s="9" t="s">
        <v>18042</v>
      </c>
      <c r="B764" s="9" t="s">
        <v>14</v>
      </c>
      <c r="C764" s="9" t="s">
        <v>3612</v>
      </c>
      <c r="D764" s="6" t="s">
        <v>3613</v>
      </c>
      <c r="E764" s="22">
        <v>44880</v>
      </c>
      <c r="F764" s="22">
        <v>46705</v>
      </c>
      <c r="G764" s="6" t="s">
        <v>3614</v>
      </c>
      <c r="H764" s="6" t="s">
        <v>18</v>
      </c>
      <c r="I764" s="6" t="s">
        <v>3615</v>
      </c>
      <c r="J764" s="6" t="s">
        <v>3616</v>
      </c>
      <c r="K764" s="9" t="s">
        <v>3617</v>
      </c>
      <c r="L764" s="10" t="s">
        <v>22</v>
      </c>
      <c r="M764" s="10" t="s">
        <v>22</v>
      </c>
      <c r="N764" s="10" t="s">
        <v>22</v>
      </c>
      <c r="O764" s="10" t="s">
        <v>22</v>
      </c>
      <c r="P764" s="10" t="s">
        <v>22</v>
      </c>
      <c r="Q764" s="10" t="s">
        <v>22</v>
      </c>
      <c r="R764" s="10" t="s">
        <v>22</v>
      </c>
      <c r="S764" s="10" t="s">
        <v>22</v>
      </c>
      <c r="T764" s="10" t="s">
        <v>22</v>
      </c>
      <c r="U764" s="10" t="s">
        <v>22</v>
      </c>
      <c r="V764" s="10" t="s">
        <v>22</v>
      </c>
      <c r="W764" s="10" t="s">
        <v>22</v>
      </c>
      <c r="X764" s="10" t="s">
        <v>22</v>
      </c>
      <c r="Y764" s="10" t="s">
        <v>22</v>
      </c>
      <c r="Z764" s="10" t="s">
        <v>22</v>
      </c>
    </row>
    <row r="765" spans="1:26" ht="24" customHeight="1" x14ac:dyDescent="0.2">
      <c r="A765" s="9" t="s">
        <v>18043</v>
      </c>
      <c r="B765" s="9" t="s">
        <v>14</v>
      </c>
      <c r="C765" s="9" t="s">
        <v>3618</v>
      </c>
      <c r="D765" s="6" t="s">
        <v>3619</v>
      </c>
      <c r="E765" s="22">
        <v>44884</v>
      </c>
      <c r="F765" s="22">
        <v>46709</v>
      </c>
      <c r="G765" s="6" t="s">
        <v>3620</v>
      </c>
      <c r="H765" s="6" t="s">
        <v>202</v>
      </c>
      <c r="I765" s="6" t="s">
        <v>863</v>
      </c>
      <c r="J765" s="6" t="s">
        <v>3621</v>
      </c>
      <c r="K765" s="9" t="s">
        <v>3622</v>
      </c>
      <c r="L765" s="10" t="s">
        <v>22</v>
      </c>
      <c r="M765" s="10" t="s">
        <v>22</v>
      </c>
      <c r="N765" s="10" t="s">
        <v>22</v>
      </c>
      <c r="O765" s="10" t="s">
        <v>22</v>
      </c>
      <c r="P765" s="10" t="s">
        <v>22</v>
      </c>
      <c r="Q765" s="10" t="s">
        <v>22</v>
      </c>
      <c r="R765" s="10" t="s">
        <v>22</v>
      </c>
      <c r="S765" s="10" t="s">
        <v>22</v>
      </c>
      <c r="T765" s="10" t="s">
        <v>22</v>
      </c>
      <c r="U765" s="10" t="s">
        <v>22</v>
      </c>
      <c r="V765" s="10" t="s">
        <v>22</v>
      </c>
      <c r="W765" s="10" t="s">
        <v>22</v>
      </c>
      <c r="X765" s="10" t="s">
        <v>22</v>
      </c>
      <c r="Y765" s="10" t="s">
        <v>22</v>
      </c>
      <c r="Z765" s="10" t="s">
        <v>22</v>
      </c>
    </row>
    <row r="766" spans="1:26" ht="24" customHeight="1" x14ac:dyDescent="0.2">
      <c r="A766" s="9" t="s">
        <v>18044</v>
      </c>
      <c r="B766" s="9" t="s">
        <v>14</v>
      </c>
      <c r="C766" s="9" t="s">
        <v>3623</v>
      </c>
      <c r="D766" s="6" t="s">
        <v>3624</v>
      </c>
      <c r="E766" s="22">
        <v>44891</v>
      </c>
      <c r="F766" s="22">
        <v>46716</v>
      </c>
      <c r="G766" s="6" t="s">
        <v>3625</v>
      </c>
      <c r="H766" s="6" t="s">
        <v>18</v>
      </c>
      <c r="I766" s="6" t="s">
        <v>19</v>
      </c>
      <c r="J766" s="6" t="s">
        <v>3626</v>
      </c>
      <c r="K766" s="9" t="s">
        <v>3627</v>
      </c>
      <c r="M766" s="10" t="s">
        <v>22</v>
      </c>
      <c r="N766" s="10" t="s">
        <v>22</v>
      </c>
      <c r="V766" s="10" t="s">
        <v>22</v>
      </c>
      <c r="W766" s="10" t="s">
        <v>22</v>
      </c>
    </row>
    <row r="767" spans="1:26" ht="24" customHeight="1" x14ac:dyDescent="0.2">
      <c r="A767" s="9" t="s">
        <v>18045</v>
      </c>
      <c r="B767" s="9" t="s">
        <v>14</v>
      </c>
      <c r="C767" s="9" t="s">
        <v>3628</v>
      </c>
      <c r="D767" s="6" t="s">
        <v>3629</v>
      </c>
      <c r="E767" s="22">
        <v>44891</v>
      </c>
      <c r="F767" s="22">
        <v>46716</v>
      </c>
      <c r="G767" s="6" t="s">
        <v>3630</v>
      </c>
      <c r="H767" s="6" t="s">
        <v>18</v>
      </c>
      <c r="I767" s="6" t="s">
        <v>19</v>
      </c>
      <c r="J767" s="6" t="s">
        <v>3631</v>
      </c>
      <c r="K767" s="9" t="s">
        <v>3632</v>
      </c>
      <c r="L767" s="10" t="s">
        <v>22</v>
      </c>
      <c r="M767" s="10" t="s">
        <v>22</v>
      </c>
      <c r="N767" s="10" t="s">
        <v>22</v>
      </c>
      <c r="O767" s="10" t="s">
        <v>22</v>
      </c>
      <c r="P767" s="10" t="s">
        <v>22</v>
      </c>
      <c r="Q767" s="10" t="s">
        <v>22</v>
      </c>
      <c r="R767" s="10" t="s">
        <v>22</v>
      </c>
      <c r="S767" s="10" t="s">
        <v>22</v>
      </c>
      <c r="T767" s="10" t="s">
        <v>22</v>
      </c>
    </row>
    <row r="768" spans="1:26" ht="24" customHeight="1" x14ac:dyDescent="0.2">
      <c r="A768" s="9" t="s">
        <v>18046</v>
      </c>
      <c r="B768" s="9" t="s">
        <v>14</v>
      </c>
      <c r="C768" s="9" t="s">
        <v>3633</v>
      </c>
      <c r="D768" s="6" t="s">
        <v>3634</v>
      </c>
      <c r="E768" s="22">
        <v>44895</v>
      </c>
      <c r="F768" s="22">
        <v>46720</v>
      </c>
      <c r="G768" s="6" t="s">
        <v>3635</v>
      </c>
      <c r="H768" s="6" t="s">
        <v>18</v>
      </c>
      <c r="I768" s="6" t="s">
        <v>26</v>
      </c>
      <c r="J768" s="6" t="s">
        <v>3636</v>
      </c>
      <c r="K768" s="9" t="s">
        <v>3637</v>
      </c>
      <c r="L768" s="10" t="s">
        <v>22</v>
      </c>
      <c r="M768" s="10" t="s">
        <v>22</v>
      </c>
      <c r="N768" s="10" t="s">
        <v>22</v>
      </c>
      <c r="O768" s="10" t="s">
        <v>22</v>
      </c>
      <c r="P768" s="10" t="s">
        <v>22</v>
      </c>
      <c r="Q768" s="10" t="s">
        <v>22</v>
      </c>
    </row>
    <row r="769" spans="1:26" ht="24" customHeight="1" x14ac:dyDescent="0.2">
      <c r="A769" s="9" t="s">
        <v>18047</v>
      </c>
      <c r="B769" s="9" t="s">
        <v>14</v>
      </c>
      <c r="C769" s="9" t="s">
        <v>3638</v>
      </c>
      <c r="D769" s="6" t="s">
        <v>3639</v>
      </c>
      <c r="E769" s="22">
        <v>44895</v>
      </c>
      <c r="F769" s="22">
        <v>46720</v>
      </c>
      <c r="G769" s="6" t="s">
        <v>3640</v>
      </c>
      <c r="H769" s="6" t="s">
        <v>62</v>
      </c>
      <c r="I769" s="6" t="s">
        <v>1444</v>
      </c>
      <c r="J769" s="6" t="s">
        <v>3641</v>
      </c>
      <c r="K769" s="9" t="s">
        <v>3642</v>
      </c>
      <c r="L769" s="10" t="s">
        <v>22</v>
      </c>
      <c r="M769" s="10" t="s">
        <v>22</v>
      </c>
      <c r="N769" s="10" t="s">
        <v>22</v>
      </c>
      <c r="O769" s="10" t="s">
        <v>22</v>
      </c>
      <c r="P769" s="10" t="s">
        <v>22</v>
      </c>
      <c r="Q769" s="10" t="s">
        <v>22</v>
      </c>
      <c r="R769" s="10" t="s">
        <v>22</v>
      </c>
      <c r="S769" s="10" t="s">
        <v>22</v>
      </c>
      <c r="T769" s="10" t="s">
        <v>22</v>
      </c>
      <c r="U769" s="10" t="s">
        <v>22</v>
      </c>
      <c r="V769" s="10" t="s">
        <v>22</v>
      </c>
      <c r="W769" s="10" t="s">
        <v>22</v>
      </c>
      <c r="X769" s="10" t="s">
        <v>22</v>
      </c>
      <c r="Y769" s="10" t="s">
        <v>22</v>
      </c>
      <c r="Z769" s="10" t="s">
        <v>22</v>
      </c>
    </row>
    <row r="770" spans="1:26" ht="24" customHeight="1" x14ac:dyDescent="0.2">
      <c r="A770" s="9" t="s">
        <v>18048</v>
      </c>
      <c r="B770" s="9" t="s">
        <v>14</v>
      </c>
      <c r="C770" s="9" t="s">
        <v>3643</v>
      </c>
      <c r="D770" s="6" t="s">
        <v>3644</v>
      </c>
      <c r="E770" s="22">
        <v>44895</v>
      </c>
      <c r="F770" s="22">
        <v>46720</v>
      </c>
      <c r="G770" s="6" t="s">
        <v>3645</v>
      </c>
      <c r="H770" s="6" t="s">
        <v>18</v>
      </c>
      <c r="I770" s="6" t="s">
        <v>19</v>
      </c>
      <c r="J770" s="6" t="s">
        <v>3646</v>
      </c>
      <c r="M770" s="10" t="s">
        <v>22</v>
      </c>
      <c r="N770" s="10" t="s">
        <v>22</v>
      </c>
      <c r="P770" s="10" t="s">
        <v>22</v>
      </c>
      <c r="Q770" s="10" t="s">
        <v>22</v>
      </c>
      <c r="S770" s="10" t="s">
        <v>22</v>
      </c>
      <c r="T770" s="10" t="s">
        <v>22</v>
      </c>
      <c r="V770" s="10" t="s">
        <v>22</v>
      </c>
      <c r="W770" s="10" t="s">
        <v>22</v>
      </c>
      <c r="Y770" s="10" t="s">
        <v>22</v>
      </c>
      <c r="Z770" s="10" t="s">
        <v>22</v>
      </c>
    </row>
    <row r="771" spans="1:26" ht="24" customHeight="1" x14ac:dyDescent="0.2">
      <c r="A771" s="9" t="s">
        <v>18049</v>
      </c>
      <c r="B771" s="9" t="s">
        <v>14</v>
      </c>
      <c r="C771" s="9" t="s">
        <v>3647</v>
      </c>
      <c r="D771" s="6" t="s">
        <v>3648</v>
      </c>
      <c r="E771" s="22">
        <v>44895</v>
      </c>
      <c r="F771" s="22">
        <v>46720</v>
      </c>
      <c r="G771" s="6" t="s">
        <v>3649</v>
      </c>
      <c r="H771" s="6" t="s">
        <v>62</v>
      </c>
      <c r="I771" s="6" t="s">
        <v>306</v>
      </c>
      <c r="J771" s="6" t="s">
        <v>3650</v>
      </c>
      <c r="K771" s="9" t="s">
        <v>3651</v>
      </c>
      <c r="L771" s="10" t="s">
        <v>22</v>
      </c>
      <c r="M771" s="10" t="s">
        <v>22</v>
      </c>
      <c r="N771" s="10" t="s">
        <v>22</v>
      </c>
      <c r="O771" s="10" t="s">
        <v>22</v>
      </c>
      <c r="P771" s="10" t="s">
        <v>22</v>
      </c>
      <c r="Q771" s="10" t="s">
        <v>22</v>
      </c>
      <c r="U771" s="10" t="s">
        <v>22</v>
      </c>
      <c r="V771" s="10" t="s">
        <v>22</v>
      </c>
      <c r="W771" s="10" t="s">
        <v>22</v>
      </c>
      <c r="X771" s="10" t="s">
        <v>22</v>
      </c>
      <c r="Y771" s="10" t="s">
        <v>22</v>
      </c>
      <c r="Z771" s="10" t="s">
        <v>22</v>
      </c>
    </row>
    <row r="772" spans="1:26" ht="24" customHeight="1" x14ac:dyDescent="0.2">
      <c r="A772" s="9" t="s">
        <v>18050</v>
      </c>
      <c r="B772" s="9" t="s">
        <v>14</v>
      </c>
      <c r="C772" s="9" t="s">
        <v>3652</v>
      </c>
      <c r="D772" s="6" t="s">
        <v>3653</v>
      </c>
      <c r="E772" s="22">
        <v>44895</v>
      </c>
      <c r="F772" s="22">
        <v>46720</v>
      </c>
      <c r="G772" s="6" t="s">
        <v>3654</v>
      </c>
      <c r="H772" s="6" t="s">
        <v>202</v>
      </c>
      <c r="I772" s="6" t="s">
        <v>3655</v>
      </c>
      <c r="J772" s="6" t="s">
        <v>3656</v>
      </c>
      <c r="K772" s="9" t="s">
        <v>3657</v>
      </c>
      <c r="L772" s="10" t="s">
        <v>22</v>
      </c>
      <c r="M772" s="10" t="s">
        <v>22</v>
      </c>
      <c r="N772" s="10" t="s">
        <v>22</v>
      </c>
      <c r="O772" s="10" t="s">
        <v>22</v>
      </c>
      <c r="P772" s="10" t="s">
        <v>22</v>
      </c>
      <c r="Q772" s="10" t="s">
        <v>22</v>
      </c>
      <c r="U772" s="10" t="s">
        <v>22</v>
      </c>
      <c r="V772" s="10" t="s">
        <v>22</v>
      </c>
      <c r="W772" s="10" t="s">
        <v>22</v>
      </c>
      <c r="X772" s="10" t="s">
        <v>22</v>
      </c>
      <c r="Y772" s="10" t="s">
        <v>22</v>
      </c>
      <c r="Z772" s="10" t="s">
        <v>22</v>
      </c>
    </row>
    <row r="773" spans="1:26" ht="24" customHeight="1" x14ac:dyDescent="0.2">
      <c r="A773" s="9" t="s">
        <v>18051</v>
      </c>
      <c r="B773" s="9" t="s">
        <v>14</v>
      </c>
      <c r="C773" s="9" t="s">
        <v>3658</v>
      </c>
      <c r="D773" s="6" t="s">
        <v>3659</v>
      </c>
      <c r="E773" s="22">
        <v>44898</v>
      </c>
      <c r="F773" s="22">
        <v>46723</v>
      </c>
      <c r="G773" s="6" t="s">
        <v>3660</v>
      </c>
      <c r="H773" s="6" t="s">
        <v>62</v>
      </c>
      <c r="I773" s="6" t="s">
        <v>842</v>
      </c>
      <c r="J773" s="6" t="s">
        <v>3661</v>
      </c>
      <c r="L773" s="10" t="s">
        <v>22</v>
      </c>
      <c r="M773" s="10" t="s">
        <v>22</v>
      </c>
      <c r="N773" s="10" t="s">
        <v>22</v>
      </c>
      <c r="O773" s="10" t="s">
        <v>22</v>
      </c>
      <c r="P773" s="10" t="s">
        <v>22</v>
      </c>
      <c r="Q773" s="10" t="s">
        <v>22</v>
      </c>
      <c r="R773" s="10" t="s">
        <v>22</v>
      </c>
      <c r="S773" s="10" t="s">
        <v>22</v>
      </c>
      <c r="T773" s="10" t="s">
        <v>22</v>
      </c>
      <c r="U773" s="10" t="s">
        <v>22</v>
      </c>
      <c r="V773" s="10" t="s">
        <v>22</v>
      </c>
      <c r="W773" s="10" t="s">
        <v>22</v>
      </c>
      <c r="X773" s="10" t="s">
        <v>22</v>
      </c>
      <c r="Y773" s="10" t="s">
        <v>22</v>
      </c>
      <c r="Z773" s="10" t="s">
        <v>22</v>
      </c>
    </row>
    <row r="774" spans="1:26" ht="24" customHeight="1" x14ac:dyDescent="0.2">
      <c r="A774" s="9" t="s">
        <v>18052</v>
      </c>
      <c r="B774" s="9" t="s">
        <v>14</v>
      </c>
      <c r="C774" s="9" t="s">
        <v>3662</v>
      </c>
      <c r="D774" s="6" t="s">
        <v>3663</v>
      </c>
      <c r="E774" s="22">
        <v>44901</v>
      </c>
      <c r="F774" s="22">
        <v>46726</v>
      </c>
      <c r="G774" s="6" t="s">
        <v>3664</v>
      </c>
      <c r="H774" s="6" t="s">
        <v>62</v>
      </c>
      <c r="I774" s="6" t="s">
        <v>312</v>
      </c>
      <c r="J774" s="6" t="s">
        <v>3665</v>
      </c>
      <c r="K774" s="9" t="s">
        <v>3666</v>
      </c>
      <c r="L774" s="10" t="s">
        <v>22</v>
      </c>
      <c r="M774" s="10" t="s">
        <v>22</v>
      </c>
      <c r="N774" s="10" t="s">
        <v>22</v>
      </c>
      <c r="O774" s="10" t="s">
        <v>22</v>
      </c>
      <c r="P774" s="10" t="s">
        <v>22</v>
      </c>
      <c r="Q774" s="10" t="s">
        <v>22</v>
      </c>
      <c r="U774" s="10" t="s">
        <v>22</v>
      </c>
      <c r="V774" s="10" t="s">
        <v>22</v>
      </c>
      <c r="W774" s="10" t="s">
        <v>22</v>
      </c>
      <c r="X774" s="10" t="s">
        <v>22</v>
      </c>
      <c r="Y774" s="10" t="s">
        <v>22</v>
      </c>
      <c r="Z774" s="10" t="s">
        <v>22</v>
      </c>
    </row>
    <row r="775" spans="1:26" ht="24" customHeight="1" x14ac:dyDescent="0.2">
      <c r="A775" s="9" t="s">
        <v>18053</v>
      </c>
      <c r="B775" s="9" t="s">
        <v>14</v>
      </c>
      <c r="C775" s="9" t="s">
        <v>3667</v>
      </c>
      <c r="D775" s="6" t="s">
        <v>3668</v>
      </c>
      <c r="E775" s="22">
        <v>44901</v>
      </c>
      <c r="F775" s="22">
        <v>46726</v>
      </c>
      <c r="G775" s="6" t="s">
        <v>3669</v>
      </c>
      <c r="H775" s="6" t="s">
        <v>62</v>
      </c>
      <c r="I775" s="6" t="s">
        <v>819</v>
      </c>
      <c r="J775" s="6" t="s">
        <v>3670</v>
      </c>
      <c r="K775" s="9" t="s">
        <v>3671</v>
      </c>
      <c r="L775" s="10" t="s">
        <v>22</v>
      </c>
      <c r="M775" s="10" t="s">
        <v>22</v>
      </c>
      <c r="N775" s="10" t="s">
        <v>22</v>
      </c>
      <c r="U775" s="10" t="s">
        <v>22</v>
      </c>
      <c r="V775" s="10" t="s">
        <v>22</v>
      </c>
      <c r="W775" s="10" t="s">
        <v>22</v>
      </c>
    </row>
    <row r="776" spans="1:26" ht="24" customHeight="1" x14ac:dyDescent="0.2">
      <c r="A776" s="9" t="s">
        <v>18054</v>
      </c>
      <c r="B776" s="9" t="s">
        <v>14</v>
      </c>
      <c r="C776" s="9" t="s">
        <v>3672</v>
      </c>
      <c r="D776" s="6" t="s">
        <v>3673</v>
      </c>
      <c r="E776" s="22">
        <v>44901</v>
      </c>
      <c r="F776" s="22">
        <v>46726</v>
      </c>
      <c r="G776" s="6" t="s">
        <v>3674</v>
      </c>
      <c r="H776" s="6" t="s">
        <v>202</v>
      </c>
      <c r="I776" s="6" t="s">
        <v>336</v>
      </c>
      <c r="J776" s="6" t="s">
        <v>3675</v>
      </c>
      <c r="K776" s="9" t="s">
        <v>3676</v>
      </c>
      <c r="L776" s="10" t="s">
        <v>22</v>
      </c>
      <c r="M776" s="10" t="s">
        <v>22</v>
      </c>
      <c r="N776" s="10" t="s">
        <v>22</v>
      </c>
      <c r="O776" s="10" t="s">
        <v>22</v>
      </c>
      <c r="P776" s="10" t="s">
        <v>22</v>
      </c>
      <c r="Q776" s="10" t="s">
        <v>22</v>
      </c>
      <c r="R776" s="10" t="s">
        <v>22</v>
      </c>
      <c r="S776" s="10" t="s">
        <v>22</v>
      </c>
      <c r="T776" s="10" t="s">
        <v>22</v>
      </c>
      <c r="U776" s="10" t="s">
        <v>22</v>
      </c>
      <c r="V776" s="10" t="s">
        <v>22</v>
      </c>
      <c r="W776" s="10" t="s">
        <v>22</v>
      </c>
      <c r="X776" s="10" t="s">
        <v>22</v>
      </c>
      <c r="Y776" s="10" t="s">
        <v>22</v>
      </c>
      <c r="Z776" s="10" t="s">
        <v>22</v>
      </c>
    </row>
    <row r="777" spans="1:26" ht="24" customHeight="1" x14ac:dyDescent="0.2">
      <c r="A777" s="9" t="s">
        <v>18055</v>
      </c>
      <c r="B777" s="9" t="s">
        <v>14</v>
      </c>
      <c r="C777" s="9" t="s">
        <v>3677</v>
      </c>
      <c r="D777" s="6" t="s">
        <v>3678</v>
      </c>
      <c r="E777" s="22">
        <v>44901</v>
      </c>
      <c r="F777" s="22">
        <v>46726</v>
      </c>
      <c r="G777" s="6" t="s">
        <v>3679</v>
      </c>
      <c r="H777" s="6" t="s">
        <v>18</v>
      </c>
      <c r="I777" s="6" t="s">
        <v>522</v>
      </c>
      <c r="J777" s="6" t="s">
        <v>3680</v>
      </c>
      <c r="K777" s="9" t="s">
        <v>3681</v>
      </c>
      <c r="L777" s="10" t="s">
        <v>22</v>
      </c>
      <c r="M777" s="10" t="s">
        <v>22</v>
      </c>
      <c r="N777" s="10" t="s">
        <v>22</v>
      </c>
      <c r="O777" s="10" t="s">
        <v>22</v>
      </c>
      <c r="P777" s="10" t="s">
        <v>22</v>
      </c>
      <c r="Q777" s="10" t="s">
        <v>22</v>
      </c>
      <c r="S777" s="10" t="s">
        <v>22</v>
      </c>
      <c r="T777" s="10" t="s">
        <v>22</v>
      </c>
      <c r="U777" s="10" t="s">
        <v>22</v>
      </c>
      <c r="V777" s="10" t="s">
        <v>22</v>
      </c>
      <c r="W777" s="10" t="s">
        <v>22</v>
      </c>
      <c r="Y777" s="10" t="s">
        <v>22</v>
      </c>
      <c r="Z777" s="10" t="s">
        <v>22</v>
      </c>
    </row>
    <row r="778" spans="1:26" ht="24" customHeight="1" x14ac:dyDescent="0.2">
      <c r="A778" s="9" t="s">
        <v>18056</v>
      </c>
      <c r="B778" s="9" t="s">
        <v>14</v>
      </c>
      <c r="C778" s="9" t="s">
        <v>3682</v>
      </c>
      <c r="D778" s="6" t="s">
        <v>3683</v>
      </c>
      <c r="E778" s="22">
        <v>44906</v>
      </c>
      <c r="F778" s="22">
        <v>46731</v>
      </c>
      <c r="G778" s="6" t="s">
        <v>3684</v>
      </c>
      <c r="H778" s="6" t="s">
        <v>1047</v>
      </c>
      <c r="I778" s="6" t="s">
        <v>1056</v>
      </c>
      <c r="J778" s="6" t="s">
        <v>3685</v>
      </c>
      <c r="K778" s="9" t="s">
        <v>3686</v>
      </c>
      <c r="L778" s="10" t="s">
        <v>22</v>
      </c>
      <c r="M778" s="10" t="s">
        <v>22</v>
      </c>
      <c r="N778" s="10" t="s">
        <v>22</v>
      </c>
      <c r="O778" s="10" t="s">
        <v>22</v>
      </c>
      <c r="P778" s="10" t="s">
        <v>22</v>
      </c>
      <c r="Q778" s="10" t="s">
        <v>22</v>
      </c>
      <c r="R778" s="10" t="s">
        <v>22</v>
      </c>
      <c r="S778" s="10" t="s">
        <v>22</v>
      </c>
      <c r="T778" s="10" t="s">
        <v>22</v>
      </c>
      <c r="U778" s="10" t="s">
        <v>22</v>
      </c>
      <c r="V778" s="10" t="s">
        <v>22</v>
      </c>
      <c r="W778" s="10" t="s">
        <v>22</v>
      </c>
      <c r="X778" s="10" t="s">
        <v>22</v>
      </c>
      <c r="Y778" s="10" t="s">
        <v>22</v>
      </c>
      <c r="Z778" s="10" t="s">
        <v>22</v>
      </c>
    </row>
    <row r="779" spans="1:26" ht="24" customHeight="1" x14ac:dyDescent="0.2">
      <c r="A779" s="9" t="s">
        <v>18057</v>
      </c>
      <c r="B779" s="9" t="s">
        <v>14</v>
      </c>
      <c r="C779" s="9" t="s">
        <v>3687</v>
      </c>
      <c r="D779" s="6" t="s">
        <v>3688</v>
      </c>
      <c r="E779" s="22">
        <v>44909</v>
      </c>
      <c r="F779" s="22">
        <v>46734</v>
      </c>
      <c r="G779" s="6" t="s">
        <v>3689</v>
      </c>
      <c r="H779" s="6" t="s">
        <v>18</v>
      </c>
      <c r="I779" s="6" t="s">
        <v>19</v>
      </c>
      <c r="J779" s="6" t="s">
        <v>3690</v>
      </c>
      <c r="K779" s="9" t="s">
        <v>3691</v>
      </c>
      <c r="L779" s="10" t="s">
        <v>22</v>
      </c>
      <c r="M779" s="10" t="s">
        <v>22</v>
      </c>
      <c r="N779" s="10" t="s">
        <v>22</v>
      </c>
      <c r="O779" s="10" t="s">
        <v>22</v>
      </c>
      <c r="P779" s="10" t="s">
        <v>22</v>
      </c>
      <c r="Q779" s="10" t="s">
        <v>22</v>
      </c>
      <c r="S779" s="10" t="s">
        <v>22</v>
      </c>
      <c r="T779" s="10" t="s">
        <v>22</v>
      </c>
      <c r="U779" s="10" t="s">
        <v>22</v>
      </c>
      <c r="V779" s="10" t="s">
        <v>22</v>
      </c>
      <c r="W779" s="10" t="s">
        <v>22</v>
      </c>
      <c r="X779" s="10" t="s">
        <v>22</v>
      </c>
      <c r="Y779" s="10" t="s">
        <v>22</v>
      </c>
      <c r="Z779" s="10" t="s">
        <v>22</v>
      </c>
    </row>
    <row r="780" spans="1:26" ht="24" customHeight="1" x14ac:dyDescent="0.2">
      <c r="A780" s="9" t="s">
        <v>18058</v>
      </c>
      <c r="B780" s="9" t="s">
        <v>14</v>
      </c>
      <c r="C780" s="9" t="s">
        <v>3692</v>
      </c>
      <c r="D780" s="6" t="s">
        <v>3693</v>
      </c>
      <c r="E780" s="22">
        <v>44909</v>
      </c>
      <c r="F780" s="22">
        <v>46734</v>
      </c>
      <c r="G780" s="6" t="s">
        <v>3694</v>
      </c>
      <c r="H780" s="6" t="s">
        <v>202</v>
      </c>
      <c r="I780" s="6" t="s">
        <v>2117</v>
      </c>
      <c r="J780" s="6" t="s">
        <v>3695</v>
      </c>
      <c r="K780" s="9" t="s">
        <v>3696</v>
      </c>
      <c r="L780" s="10" t="s">
        <v>22</v>
      </c>
      <c r="M780" s="10" t="s">
        <v>22</v>
      </c>
      <c r="N780" s="10" t="s">
        <v>22</v>
      </c>
      <c r="O780" s="10" t="s">
        <v>22</v>
      </c>
      <c r="P780" s="10" t="s">
        <v>22</v>
      </c>
      <c r="Q780" s="10" t="s">
        <v>22</v>
      </c>
      <c r="U780" s="10" t="s">
        <v>22</v>
      </c>
      <c r="V780" s="10" t="s">
        <v>22</v>
      </c>
      <c r="W780" s="10" t="s">
        <v>22</v>
      </c>
      <c r="X780" s="10" t="s">
        <v>22</v>
      </c>
      <c r="Y780" s="10" t="s">
        <v>22</v>
      </c>
      <c r="Z780" s="10" t="s">
        <v>22</v>
      </c>
    </row>
    <row r="781" spans="1:26" ht="24" customHeight="1" x14ac:dyDescent="0.2">
      <c r="A781" s="9" t="s">
        <v>18059</v>
      </c>
      <c r="B781" s="9" t="s">
        <v>14</v>
      </c>
      <c r="C781" s="9" t="s">
        <v>3697</v>
      </c>
      <c r="D781" s="6" t="s">
        <v>3698</v>
      </c>
      <c r="E781" s="22">
        <v>44914</v>
      </c>
      <c r="F781" s="22">
        <v>46739</v>
      </c>
      <c r="G781" s="6" t="s">
        <v>3699</v>
      </c>
      <c r="H781" s="6" t="s">
        <v>18</v>
      </c>
      <c r="I781" s="6" t="s">
        <v>19</v>
      </c>
      <c r="J781" s="6" t="s">
        <v>3700</v>
      </c>
      <c r="K781" s="9" t="s">
        <v>3701</v>
      </c>
      <c r="M781" s="10" t="s">
        <v>22</v>
      </c>
      <c r="N781" s="10" t="s">
        <v>22</v>
      </c>
      <c r="P781" s="10" t="s">
        <v>22</v>
      </c>
      <c r="Q781" s="10" t="s">
        <v>22</v>
      </c>
      <c r="V781" s="10" t="s">
        <v>22</v>
      </c>
      <c r="W781" s="10" t="s">
        <v>22</v>
      </c>
      <c r="Y781" s="10" t="s">
        <v>22</v>
      </c>
      <c r="Z781" s="10" t="s">
        <v>22</v>
      </c>
    </row>
    <row r="782" spans="1:26" ht="24" customHeight="1" x14ac:dyDescent="0.2">
      <c r="A782" s="9" t="s">
        <v>18060</v>
      </c>
      <c r="B782" s="9" t="s">
        <v>14</v>
      </c>
      <c r="C782" s="9" t="s">
        <v>3702</v>
      </c>
      <c r="D782" s="6" t="s">
        <v>3703</v>
      </c>
      <c r="E782" s="22">
        <v>44914</v>
      </c>
      <c r="F782" s="22">
        <v>46739</v>
      </c>
      <c r="G782" s="6" t="s">
        <v>3704</v>
      </c>
      <c r="H782" s="6" t="s">
        <v>701</v>
      </c>
      <c r="I782" s="6" t="s">
        <v>3705</v>
      </c>
      <c r="J782" s="6" t="s">
        <v>3706</v>
      </c>
      <c r="K782" s="9" t="s">
        <v>3707</v>
      </c>
      <c r="L782" s="10" t="s">
        <v>22</v>
      </c>
      <c r="M782" s="10" t="s">
        <v>22</v>
      </c>
      <c r="N782" s="10" t="s">
        <v>22</v>
      </c>
      <c r="O782" s="10" t="s">
        <v>22</v>
      </c>
      <c r="P782" s="10" t="s">
        <v>22</v>
      </c>
      <c r="Q782" s="10" t="s">
        <v>22</v>
      </c>
      <c r="R782" s="10" t="s">
        <v>22</v>
      </c>
      <c r="S782" s="10" t="s">
        <v>22</v>
      </c>
      <c r="T782" s="10" t="s">
        <v>22</v>
      </c>
      <c r="U782" s="10" t="s">
        <v>22</v>
      </c>
      <c r="V782" s="10" t="s">
        <v>22</v>
      </c>
      <c r="W782" s="10" t="s">
        <v>22</v>
      </c>
      <c r="X782" s="10" t="s">
        <v>22</v>
      </c>
      <c r="Y782" s="10" t="s">
        <v>22</v>
      </c>
      <c r="Z782" s="10" t="s">
        <v>22</v>
      </c>
    </row>
    <row r="783" spans="1:26" ht="24" customHeight="1" x14ac:dyDescent="0.2">
      <c r="A783" s="9" t="s">
        <v>18061</v>
      </c>
      <c r="B783" s="9" t="s">
        <v>14</v>
      </c>
      <c r="C783" s="9" t="s">
        <v>3702</v>
      </c>
      <c r="D783" s="6" t="s">
        <v>3703</v>
      </c>
      <c r="E783" s="22">
        <v>44914</v>
      </c>
      <c r="F783" s="22">
        <v>46739</v>
      </c>
      <c r="G783" s="6" t="s">
        <v>3708</v>
      </c>
      <c r="H783" s="6" t="s">
        <v>2368</v>
      </c>
      <c r="I783" s="6" t="s">
        <v>3271</v>
      </c>
      <c r="J783" s="6" t="s">
        <v>3709</v>
      </c>
      <c r="K783" s="9" t="s">
        <v>3710</v>
      </c>
      <c r="L783" s="10" t="s">
        <v>22</v>
      </c>
      <c r="M783" s="10" t="s">
        <v>22</v>
      </c>
      <c r="N783" s="10" t="s">
        <v>22</v>
      </c>
      <c r="O783" s="10" t="s">
        <v>22</v>
      </c>
      <c r="P783" s="10" t="s">
        <v>22</v>
      </c>
      <c r="Q783" s="10" t="s">
        <v>22</v>
      </c>
      <c r="R783" s="10" t="s">
        <v>22</v>
      </c>
      <c r="S783" s="10" t="s">
        <v>22</v>
      </c>
      <c r="T783" s="10" t="s">
        <v>22</v>
      </c>
      <c r="U783" s="10" t="s">
        <v>22</v>
      </c>
      <c r="V783" s="10" t="s">
        <v>22</v>
      </c>
      <c r="W783" s="10" t="s">
        <v>22</v>
      </c>
      <c r="X783" s="10" t="s">
        <v>22</v>
      </c>
      <c r="Y783" s="10" t="s">
        <v>22</v>
      </c>
      <c r="Z783" s="10" t="s">
        <v>22</v>
      </c>
    </row>
    <row r="784" spans="1:26" ht="28.75" customHeight="1" x14ac:dyDescent="0.2">
      <c r="A784" s="9" t="s">
        <v>18062</v>
      </c>
      <c r="B784" s="9" t="s">
        <v>14</v>
      </c>
      <c r="C784" s="9" t="s">
        <v>3711</v>
      </c>
      <c r="D784" s="6" t="s">
        <v>3712</v>
      </c>
      <c r="E784" s="22">
        <v>44914</v>
      </c>
      <c r="F784" s="22">
        <v>46739</v>
      </c>
      <c r="G784" s="6" t="s">
        <v>3713</v>
      </c>
      <c r="H784" s="6" t="s">
        <v>62</v>
      </c>
      <c r="I784" s="6" t="s">
        <v>842</v>
      </c>
      <c r="J784" s="6" t="s">
        <v>3714</v>
      </c>
      <c r="K784" s="9" t="s">
        <v>3715</v>
      </c>
      <c r="L784" s="10" t="s">
        <v>22</v>
      </c>
      <c r="M784" s="10" t="s">
        <v>22</v>
      </c>
      <c r="N784" s="10" t="s">
        <v>22</v>
      </c>
      <c r="U784" s="10" t="s">
        <v>22</v>
      </c>
      <c r="V784" s="10" t="s">
        <v>22</v>
      </c>
      <c r="W784" s="10" t="s">
        <v>22</v>
      </c>
    </row>
    <row r="785" spans="1:26" ht="24" customHeight="1" x14ac:dyDescent="0.2">
      <c r="A785" s="9" t="s">
        <v>18063</v>
      </c>
      <c r="B785" s="9" t="s">
        <v>14</v>
      </c>
      <c r="C785" s="9" t="s">
        <v>3716</v>
      </c>
      <c r="D785" s="6" t="s">
        <v>3717</v>
      </c>
      <c r="E785" s="22">
        <v>44914</v>
      </c>
      <c r="F785" s="22">
        <v>46739</v>
      </c>
      <c r="G785" s="6" t="s">
        <v>3718</v>
      </c>
      <c r="H785" s="6" t="s">
        <v>18</v>
      </c>
      <c r="I785" s="6" t="s">
        <v>19</v>
      </c>
      <c r="J785" s="6" t="s">
        <v>3719</v>
      </c>
      <c r="K785" s="9" t="s">
        <v>3720</v>
      </c>
      <c r="L785" s="10" t="s">
        <v>22</v>
      </c>
      <c r="M785" s="10" t="s">
        <v>22</v>
      </c>
      <c r="N785" s="10" t="s">
        <v>22</v>
      </c>
      <c r="O785" s="10" t="s">
        <v>22</v>
      </c>
      <c r="P785" s="10" t="s">
        <v>22</v>
      </c>
      <c r="Q785" s="10" t="s">
        <v>22</v>
      </c>
      <c r="U785" s="10" t="s">
        <v>22</v>
      </c>
      <c r="V785" s="10" t="s">
        <v>22</v>
      </c>
      <c r="W785" s="10" t="s">
        <v>22</v>
      </c>
      <c r="X785" s="10" t="s">
        <v>22</v>
      </c>
      <c r="Y785" s="10" t="s">
        <v>22</v>
      </c>
      <c r="Z785" s="10" t="s">
        <v>22</v>
      </c>
    </row>
    <row r="786" spans="1:26" ht="24" customHeight="1" x14ac:dyDescent="0.2">
      <c r="A786" s="9" t="s">
        <v>18064</v>
      </c>
      <c r="B786" s="9" t="s">
        <v>14</v>
      </c>
      <c r="C786" s="9" t="s">
        <v>3721</v>
      </c>
      <c r="D786" s="6" t="s">
        <v>3722</v>
      </c>
      <c r="E786" s="22">
        <v>44921</v>
      </c>
      <c r="F786" s="22">
        <v>46746</v>
      </c>
      <c r="G786" s="6" t="s">
        <v>3723</v>
      </c>
      <c r="H786" s="6" t="s">
        <v>2029</v>
      </c>
      <c r="I786" s="6" t="s">
        <v>3724</v>
      </c>
      <c r="J786" s="6" t="s">
        <v>3725</v>
      </c>
      <c r="K786" s="9" t="s">
        <v>3726</v>
      </c>
      <c r="L786" s="10" t="s">
        <v>22</v>
      </c>
      <c r="M786" s="10" t="s">
        <v>22</v>
      </c>
      <c r="N786" s="10" t="s">
        <v>22</v>
      </c>
      <c r="O786" s="10" t="s">
        <v>22</v>
      </c>
      <c r="P786" s="10" t="s">
        <v>22</v>
      </c>
      <c r="Q786" s="10" t="s">
        <v>22</v>
      </c>
      <c r="R786" s="10" t="s">
        <v>22</v>
      </c>
      <c r="S786" s="10" t="s">
        <v>22</v>
      </c>
      <c r="T786" s="10" t="s">
        <v>22</v>
      </c>
      <c r="U786" s="10" t="s">
        <v>22</v>
      </c>
      <c r="V786" s="10" t="s">
        <v>22</v>
      </c>
      <c r="W786" s="10" t="s">
        <v>22</v>
      </c>
      <c r="X786" s="10" t="s">
        <v>22</v>
      </c>
      <c r="Y786" s="10" t="s">
        <v>22</v>
      </c>
      <c r="Z786" s="10" t="s">
        <v>22</v>
      </c>
    </row>
    <row r="787" spans="1:26" ht="31.75" customHeight="1" x14ac:dyDescent="0.2">
      <c r="A787" s="9" t="s">
        <v>18065</v>
      </c>
      <c r="B787" s="9" t="s">
        <v>14</v>
      </c>
      <c r="C787" s="9" t="s">
        <v>3727</v>
      </c>
      <c r="D787" s="6" t="s">
        <v>3728</v>
      </c>
      <c r="E787" s="22">
        <v>44921</v>
      </c>
      <c r="F787" s="22">
        <v>46746</v>
      </c>
      <c r="G787" s="6" t="s">
        <v>3729</v>
      </c>
      <c r="H787" s="6" t="s">
        <v>18</v>
      </c>
      <c r="I787" s="6" t="s">
        <v>26</v>
      </c>
      <c r="J787" s="6" t="s">
        <v>3730</v>
      </c>
      <c r="K787" s="9" t="s">
        <v>3731</v>
      </c>
      <c r="M787" s="10" t="s">
        <v>22</v>
      </c>
      <c r="N787" s="10" t="s">
        <v>22</v>
      </c>
      <c r="P787" s="10" t="s">
        <v>22</v>
      </c>
      <c r="Q787" s="10" t="s">
        <v>22</v>
      </c>
      <c r="S787" s="10" t="s">
        <v>22</v>
      </c>
      <c r="T787" s="10" t="s">
        <v>22</v>
      </c>
      <c r="U787" s="10" t="s">
        <v>22</v>
      </c>
      <c r="V787" s="10" t="s">
        <v>22</v>
      </c>
      <c r="W787" s="10" t="s">
        <v>22</v>
      </c>
      <c r="X787" s="10" t="s">
        <v>22</v>
      </c>
      <c r="Y787" s="10" t="s">
        <v>22</v>
      </c>
      <c r="Z787" s="10" t="s">
        <v>22</v>
      </c>
    </row>
    <row r="788" spans="1:26" ht="31.75" customHeight="1" x14ac:dyDescent="0.2">
      <c r="A788" s="9" t="s">
        <v>18066</v>
      </c>
      <c r="B788" s="9" t="s">
        <v>14</v>
      </c>
      <c r="C788" s="9" t="s">
        <v>3727</v>
      </c>
      <c r="D788" s="6" t="s">
        <v>3728</v>
      </c>
      <c r="E788" s="22">
        <v>44921</v>
      </c>
      <c r="F788" s="22">
        <v>46746</v>
      </c>
      <c r="G788" s="6" t="s">
        <v>3732</v>
      </c>
      <c r="H788" s="6" t="s">
        <v>18</v>
      </c>
      <c r="I788" s="6" t="s">
        <v>26</v>
      </c>
      <c r="J788" s="6" t="s">
        <v>3733</v>
      </c>
      <c r="K788" s="9" t="s">
        <v>3734</v>
      </c>
      <c r="Q788" s="10" t="s">
        <v>22</v>
      </c>
      <c r="T788" s="10" t="s">
        <v>22</v>
      </c>
      <c r="U788" s="10" t="s">
        <v>22</v>
      </c>
      <c r="V788" s="10" t="s">
        <v>22</v>
      </c>
      <c r="W788" s="10" t="s">
        <v>22</v>
      </c>
      <c r="X788" s="10" t="s">
        <v>22</v>
      </c>
      <c r="Y788" s="10" t="s">
        <v>22</v>
      </c>
      <c r="Z788" s="10" t="s">
        <v>22</v>
      </c>
    </row>
    <row r="789" spans="1:26" ht="31.75" customHeight="1" x14ac:dyDescent="0.2">
      <c r="A789" s="9" t="s">
        <v>18067</v>
      </c>
      <c r="B789" s="9" t="s">
        <v>14</v>
      </c>
      <c r="C789" s="9" t="s">
        <v>3727</v>
      </c>
      <c r="D789" s="6" t="s">
        <v>3728</v>
      </c>
      <c r="E789" s="22">
        <v>44921</v>
      </c>
      <c r="F789" s="22">
        <v>46746</v>
      </c>
      <c r="G789" s="6" t="s">
        <v>3735</v>
      </c>
      <c r="H789" s="6" t="s">
        <v>18</v>
      </c>
      <c r="I789" s="6" t="s">
        <v>392</v>
      </c>
      <c r="J789" s="6" t="s">
        <v>3736</v>
      </c>
      <c r="K789" s="9" t="s">
        <v>3737</v>
      </c>
      <c r="Q789" s="10" t="s">
        <v>22</v>
      </c>
      <c r="T789" s="10" t="s">
        <v>22</v>
      </c>
      <c r="U789" s="10" t="s">
        <v>22</v>
      </c>
      <c r="V789" s="10" t="s">
        <v>22</v>
      </c>
      <c r="W789" s="10" t="s">
        <v>22</v>
      </c>
      <c r="X789" s="10" t="s">
        <v>22</v>
      </c>
      <c r="Y789" s="10" t="s">
        <v>22</v>
      </c>
      <c r="Z789" s="10" t="s">
        <v>22</v>
      </c>
    </row>
    <row r="790" spans="1:26" ht="24" customHeight="1" x14ac:dyDescent="0.2">
      <c r="A790" s="9" t="s">
        <v>18068</v>
      </c>
      <c r="B790" s="9" t="s">
        <v>14</v>
      </c>
      <c r="C790" s="9" t="s">
        <v>3738</v>
      </c>
      <c r="D790" s="6" t="s">
        <v>3739</v>
      </c>
      <c r="E790" s="22">
        <v>44921</v>
      </c>
      <c r="F790" s="22">
        <v>46746</v>
      </c>
      <c r="G790" s="6" t="s">
        <v>3740</v>
      </c>
      <c r="H790" s="6" t="s">
        <v>62</v>
      </c>
      <c r="I790" s="6" t="s">
        <v>551</v>
      </c>
      <c r="J790" s="6" t="s">
        <v>3741</v>
      </c>
      <c r="L790" s="10" t="s">
        <v>22</v>
      </c>
      <c r="M790" s="10" t="s">
        <v>22</v>
      </c>
      <c r="N790" s="10" t="s">
        <v>22</v>
      </c>
      <c r="O790" s="10" t="s">
        <v>22</v>
      </c>
      <c r="P790" s="10" t="s">
        <v>22</v>
      </c>
      <c r="Q790" s="10" t="s">
        <v>22</v>
      </c>
      <c r="R790" s="10" t="s">
        <v>22</v>
      </c>
      <c r="S790" s="10" t="s">
        <v>22</v>
      </c>
      <c r="T790" s="10" t="s">
        <v>22</v>
      </c>
      <c r="U790" s="10" t="s">
        <v>22</v>
      </c>
      <c r="V790" s="10" t="s">
        <v>22</v>
      </c>
      <c r="W790" s="10" t="s">
        <v>22</v>
      </c>
      <c r="X790" s="10" t="s">
        <v>22</v>
      </c>
      <c r="Y790" s="10" t="s">
        <v>22</v>
      </c>
      <c r="Z790" s="10" t="s">
        <v>22</v>
      </c>
    </row>
    <row r="791" spans="1:26" ht="24" customHeight="1" x14ac:dyDescent="0.2">
      <c r="A791" s="9" t="s">
        <v>18069</v>
      </c>
      <c r="B791" s="9" t="s">
        <v>14</v>
      </c>
      <c r="C791" s="9" t="s">
        <v>3742</v>
      </c>
      <c r="D791" s="6" t="s">
        <v>3743</v>
      </c>
      <c r="E791" s="22">
        <v>44922</v>
      </c>
      <c r="F791" s="22">
        <v>46747</v>
      </c>
      <c r="G791" s="6" t="s">
        <v>3744</v>
      </c>
      <c r="H791" s="6" t="s">
        <v>363</v>
      </c>
      <c r="I791" s="6" t="s">
        <v>3745</v>
      </c>
      <c r="J791" s="6" t="s">
        <v>3746</v>
      </c>
      <c r="K791" s="9" t="s">
        <v>3747</v>
      </c>
      <c r="L791" s="10" t="s">
        <v>22</v>
      </c>
      <c r="M791" s="10" t="s">
        <v>22</v>
      </c>
      <c r="N791" s="10" t="s">
        <v>22</v>
      </c>
      <c r="O791" s="10" t="s">
        <v>22</v>
      </c>
      <c r="P791" s="10" t="s">
        <v>22</v>
      </c>
      <c r="Q791" s="10" t="s">
        <v>22</v>
      </c>
      <c r="R791" s="10" t="s">
        <v>22</v>
      </c>
      <c r="S791" s="10" t="s">
        <v>22</v>
      </c>
      <c r="T791" s="10" t="s">
        <v>22</v>
      </c>
      <c r="U791" s="10" t="s">
        <v>22</v>
      </c>
      <c r="V791" s="10" t="s">
        <v>22</v>
      </c>
      <c r="W791" s="10" t="s">
        <v>22</v>
      </c>
      <c r="X791" s="10" t="s">
        <v>22</v>
      </c>
      <c r="Y791" s="10" t="s">
        <v>22</v>
      </c>
      <c r="Z791" s="10" t="s">
        <v>22</v>
      </c>
    </row>
    <row r="792" spans="1:26" ht="24" customHeight="1" x14ac:dyDescent="0.2">
      <c r="A792" s="9" t="s">
        <v>18070</v>
      </c>
      <c r="B792" s="9" t="s">
        <v>14</v>
      </c>
      <c r="C792" s="9" t="s">
        <v>3748</v>
      </c>
      <c r="D792" s="6" t="s">
        <v>3749</v>
      </c>
      <c r="E792" s="22">
        <v>44922</v>
      </c>
      <c r="F792" s="22">
        <v>46747</v>
      </c>
      <c r="G792" s="6" t="s">
        <v>3750</v>
      </c>
      <c r="H792" s="6" t="s">
        <v>62</v>
      </c>
      <c r="I792" s="6" t="s">
        <v>1955</v>
      </c>
      <c r="J792" s="6" t="s">
        <v>3751</v>
      </c>
      <c r="K792" s="9" t="s">
        <v>3752</v>
      </c>
      <c r="L792" s="10" t="s">
        <v>22</v>
      </c>
      <c r="M792" s="10" t="s">
        <v>22</v>
      </c>
      <c r="N792" s="10" t="s">
        <v>22</v>
      </c>
      <c r="O792" s="10" t="s">
        <v>22</v>
      </c>
      <c r="P792" s="10" t="s">
        <v>22</v>
      </c>
      <c r="Q792" s="10" t="s">
        <v>22</v>
      </c>
      <c r="R792" s="10" t="s">
        <v>22</v>
      </c>
      <c r="S792" s="10" t="s">
        <v>22</v>
      </c>
      <c r="T792" s="10" t="s">
        <v>22</v>
      </c>
      <c r="U792" s="10" t="s">
        <v>22</v>
      </c>
      <c r="V792" s="10" t="s">
        <v>22</v>
      </c>
      <c r="W792" s="10" t="s">
        <v>22</v>
      </c>
      <c r="X792" s="10" t="s">
        <v>22</v>
      </c>
      <c r="Y792" s="10" t="s">
        <v>22</v>
      </c>
      <c r="Z792" s="10" t="s">
        <v>22</v>
      </c>
    </row>
    <row r="793" spans="1:26" ht="24" customHeight="1" x14ac:dyDescent="0.2">
      <c r="A793" s="9" t="s">
        <v>18071</v>
      </c>
      <c r="B793" s="9" t="s">
        <v>14</v>
      </c>
      <c r="C793" s="9" t="s">
        <v>3753</v>
      </c>
      <c r="D793" s="6" t="s">
        <v>3754</v>
      </c>
      <c r="E793" s="22">
        <v>44922</v>
      </c>
      <c r="F793" s="22">
        <v>46747</v>
      </c>
      <c r="G793" s="6" t="s">
        <v>3755</v>
      </c>
      <c r="H793" s="6" t="s">
        <v>202</v>
      </c>
      <c r="I793" s="6" t="s">
        <v>2835</v>
      </c>
      <c r="J793" s="6" t="s">
        <v>3756</v>
      </c>
      <c r="K793" s="9" t="s">
        <v>3757</v>
      </c>
      <c r="L793" s="10" t="s">
        <v>22</v>
      </c>
      <c r="M793" s="10" t="s">
        <v>22</v>
      </c>
      <c r="N793" s="10" t="s">
        <v>22</v>
      </c>
      <c r="O793" s="10" t="s">
        <v>22</v>
      </c>
      <c r="P793" s="10" t="s">
        <v>22</v>
      </c>
      <c r="Q793" s="10" t="s">
        <v>22</v>
      </c>
      <c r="R793" s="10" t="s">
        <v>22</v>
      </c>
      <c r="S793" s="10" t="s">
        <v>22</v>
      </c>
      <c r="T793" s="10" t="s">
        <v>22</v>
      </c>
      <c r="U793" s="10" t="s">
        <v>22</v>
      </c>
      <c r="V793" s="10" t="s">
        <v>22</v>
      </c>
      <c r="W793" s="10" t="s">
        <v>22</v>
      </c>
      <c r="X793" s="10" t="s">
        <v>22</v>
      </c>
      <c r="Y793" s="10" t="s">
        <v>22</v>
      </c>
      <c r="Z793" s="10" t="s">
        <v>22</v>
      </c>
    </row>
    <row r="794" spans="1:26" ht="24" customHeight="1" x14ac:dyDescent="0.2">
      <c r="A794" s="9" t="s">
        <v>18072</v>
      </c>
      <c r="B794" s="9" t="s">
        <v>14</v>
      </c>
      <c r="C794" s="9" t="s">
        <v>3758</v>
      </c>
      <c r="D794" s="6" t="s">
        <v>3759</v>
      </c>
      <c r="E794" s="22">
        <v>44930</v>
      </c>
      <c r="F794" s="22">
        <v>46755</v>
      </c>
      <c r="G794" s="6" t="s">
        <v>3760</v>
      </c>
      <c r="H794" s="6" t="s">
        <v>62</v>
      </c>
      <c r="I794" s="6" t="s">
        <v>591</v>
      </c>
      <c r="J794" s="6" t="s">
        <v>592</v>
      </c>
      <c r="K794" s="9" t="s">
        <v>3761</v>
      </c>
      <c r="L794" s="10" t="s">
        <v>22</v>
      </c>
      <c r="M794" s="10" t="s">
        <v>22</v>
      </c>
      <c r="N794" s="10" t="s">
        <v>22</v>
      </c>
      <c r="O794" s="10" t="s">
        <v>22</v>
      </c>
      <c r="P794" s="10" t="s">
        <v>22</v>
      </c>
      <c r="Q794" s="10" t="s">
        <v>22</v>
      </c>
      <c r="U794" s="10" t="s">
        <v>22</v>
      </c>
      <c r="V794" s="10" t="s">
        <v>22</v>
      </c>
      <c r="W794" s="10" t="s">
        <v>22</v>
      </c>
      <c r="X794" s="10" t="s">
        <v>22</v>
      </c>
      <c r="Y794" s="10" t="s">
        <v>22</v>
      </c>
      <c r="Z794" s="10" t="s">
        <v>22</v>
      </c>
    </row>
    <row r="795" spans="1:26" ht="24" customHeight="1" x14ac:dyDescent="0.2">
      <c r="A795" s="9" t="s">
        <v>18073</v>
      </c>
      <c r="B795" s="9" t="s">
        <v>14</v>
      </c>
      <c r="C795" s="9" t="s">
        <v>3762</v>
      </c>
      <c r="D795" s="6" t="s">
        <v>3763</v>
      </c>
      <c r="E795" s="22">
        <v>44941</v>
      </c>
      <c r="F795" s="22">
        <v>46766</v>
      </c>
      <c r="G795" s="6" t="s">
        <v>3764</v>
      </c>
      <c r="H795" s="6" t="s">
        <v>62</v>
      </c>
      <c r="I795" s="6" t="s">
        <v>842</v>
      </c>
      <c r="J795" s="6" t="s">
        <v>3765</v>
      </c>
      <c r="K795" s="9" t="s">
        <v>3766</v>
      </c>
      <c r="L795" s="10" t="s">
        <v>22</v>
      </c>
      <c r="M795" s="10" t="s">
        <v>22</v>
      </c>
      <c r="N795" s="10" t="s">
        <v>22</v>
      </c>
      <c r="O795" s="10" t="s">
        <v>22</v>
      </c>
      <c r="P795" s="10" t="s">
        <v>22</v>
      </c>
      <c r="Q795" s="10" t="s">
        <v>22</v>
      </c>
      <c r="R795" s="10" t="s">
        <v>22</v>
      </c>
      <c r="S795" s="10" t="s">
        <v>22</v>
      </c>
      <c r="T795" s="10" t="s">
        <v>22</v>
      </c>
      <c r="U795" s="10" t="s">
        <v>22</v>
      </c>
      <c r="V795" s="10" t="s">
        <v>22</v>
      </c>
      <c r="W795" s="10" t="s">
        <v>22</v>
      </c>
      <c r="X795" s="10" t="s">
        <v>22</v>
      </c>
      <c r="Y795" s="10" t="s">
        <v>22</v>
      </c>
      <c r="Z795" s="10" t="s">
        <v>22</v>
      </c>
    </row>
    <row r="796" spans="1:26" ht="24" customHeight="1" x14ac:dyDescent="0.2">
      <c r="A796" s="9" t="s">
        <v>18074</v>
      </c>
      <c r="B796" s="9" t="s">
        <v>14</v>
      </c>
      <c r="C796" s="9" t="s">
        <v>3767</v>
      </c>
      <c r="D796" s="6" t="s">
        <v>3768</v>
      </c>
      <c r="E796" s="22">
        <v>44941</v>
      </c>
      <c r="F796" s="22">
        <v>46766</v>
      </c>
      <c r="G796" s="6" t="s">
        <v>3769</v>
      </c>
      <c r="H796" s="6" t="s">
        <v>62</v>
      </c>
      <c r="I796" s="6" t="s">
        <v>318</v>
      </c>
      <c r="J796" s="6" t="s">
        <v>3770</v>
      </c>
      <c r="K796" s="9" t="s">
        <v>3771</v>
      </c>
      <c r="L796" s="10" t="s">
        <v>22</v>
      </c>
      <c r="M796" s="10" t="s">
        <v>22</v>
      </c>
      <c r="N796" s="10" t="s">
        <v>22</v>
      </c>
      <c r="O796" s="10" t="s">
        <v>22</v>
      </c>
      <c r="P796" s="10" t="s">
        <v>22</v>
      </c>
      <c r="Q796" s="10" t="s">
        <v>22</v>
      </c>
      <c r="U796" s="10" t="s">
        <v>22</v>
      </c>
      <c r="V796" s="10" t="s">
        <v>22</v>
      </c>
      <c r="W796" s="10" t="s">
        <v>22</v>
      </c>
      <c r="X796" s="10" t="s">
        <v>22</v>
      </c>
      <c r="Y796" s="10" t="s">
        <v>22</v>
      </c>
      <c r="Z796" s="10" t="s">
        <v>22</v>
      </c>
    </row>
    <row r="797" spans="1:26" ht="24" customHeight="1" x14ac:dyDescent="0.2">
      <c r="A797" s="9" t="s">
        <v>18075</v>
      </c>
      <c r="B797" s="9" t="s">
        <v>14</v>
      </c>
      <c r="C797" s="9" t="s">
        <v>3772</v>
      </c>
      <c r="D797" s="6" t="s">
        <v>3773</v>
      </c>
      <c r="E797" s="22">
        <v>44950</v>
      </c>
      <c r="F797" s="22">
        <v>46775</v>
      </c>
      <c r="G797" s="6" t="s">
        <v>3774</v>
      </c>
      <c r="H797" s="6" t="s">
        <v>202</v>
      </c>
      <c r="I797" s="6" t="s">
        <v>1707</v>
      </c>
      <c r="J797" s="6" t="s">
        <v>3775</v>
      </c>
      <c r="K797" s="9" t="s">
        <v>3776</v>
      </c>
      <c r="L797" s="10" t="s">
        <v>22</v>
      </c>
      <c r="M797" s="10" t="s">
        <v>22</v>
      </c>
      <c r="N797" s="10" t="s">
        <v>22</v>
      </c>
      <c r="O797" s="10" t="s">
        <v>22</v>
      </c>
      <c r="P797" s="10" t="s">
        <v>22</v>
      </c>
      <c r="Q797" s="10" t="s">
        <v>22</v>
      </c>
      <c r="U797" s="10" t="s">
        <v>22</v>
      </c>
      <c r="V797" s="10" t="s">
        <v>22</v>
      </c>
      <c r="W797" s="10" t="s">
        <v>22</v>
      </c>
      <c r="X797" s="10" t="s">
        <v>22</v>
      </c>
      <c r="Y797" s="10" t="s">
        <v>22</v>
      </c>
      <c r="Z797" s="10" t="s">
        <v>22</v>
      </c>
    </row>
    <row r="798" spans="1:26" ht="24" customHeight="1" x14ac:dyDescent="0.2">
      <c r="A798" s="9" t="s">
        <v>18076</v>
      </c>
      <c r="B798" s="9" t="s">
        <v>14</v>
      </c>
      <c r="C798" s="9" t="s">
        <v>3777</v>
      </c>
      <c r="D798" s="6" t="s">
        <v>3778</v>
      </c>
      <c r="E798" s="22">
        <v>44955</v>
      </c>
      <c r="F798" s="22">
        <v>46780</v>
      </c>
      <c r="G798" s="6" t="s">
        <v>3779</v>
      </c>
      <c r="H798" s="6" t="s">
        <v>363</v>
      </c>
      <c r="I798" s="6" t="s">
        <v>3780</v>
      </c>
      <c r="J798" s="6" t="s">
        <v>3781</v>
      </c>
      <c r="K798" s="9" t="s">
        <v>3782</v>
      </c>
      <c r="L798" s="10" t="s">
        <v>22</v>
      </c>
      <c r="M798" s="10" t="s">
        <v>22</v>
      </c>
      <c r="N798" s="10" t="s">
        <v>22</v>
      </c>
      <c r="O798" s="10" t="s">
        <v>22</v>
      </c>
      <c r="P798" s="10" t="s">
        <v>22</v>
      </c>
      <c r="Q798" s="10" t="s">
        <v>22</v>
      </c>
      <c r="R798" s="10" t="s">
        <v>22</v>
      </c>
      <c r="S798" s="10" t="s">
        <v>22</v>
      </c>
      <c r="T798" s="10" t="s">
        <v>22</v>
      </c>
      <c r="U798" s="10" t="s">
        <v>22</v>
      </c>
      <c r="V798" s="10" t="s">
        <v>22</v>
      </c>
      <c r="W798" s="10" t="s">
        <v>22</v>
      </c>
      <c r="X798" s="10" t="s">
        <v>22</v>
      </c>
      <c r="Y798" s="10" t="s">
        <v>22</v>
      </c>
      <c r="Z798" s="10" t="s">
        <v>22</v>
      </c>
    </row>
    <row r="799" spans="1:26" ht="24" customHeight="1" x14ac:dyDescent="0.2">
      <c r="A799" s="9" t="s">
        <v>18077</v>
      </c>
      <c r="B799" s="9" t="s">
        <v>14</v>
      </c>
      <c r="C799" s="9" t="s">
        <v>3783</v>
      </c>
      <c r="D799" s="6" t="s">
        <v>3784</v>
      </c>
      <c r="E799" s="22">
        <v>44955</v>
      </c>
      <c r="F799" s="22">
        <v>46780</v>
      </c>
      <c r="G799" s="6" t="s">
        <v>3785</v>
      </c>
      <c r="H799" s="6" t="s">
        <v>18</v>
      </c>
      <c r="I799" s="6" t="s">
        <v>19</v>
      </c>
      <c r="J799" s="6" t="s">
        <v>3786</v>
      </c>
      <c r="K799" s="9" t="s">
        <v>3787</v>
      </c>
      <c r="L799" s="10" t="s">
        <v>22</v>
      </c>
      <c r="M799" s="10" t="s">
        <v>22</v>
      </c>
      <c r="N799" s="10" t="s">
        <v>22</v>
      </c>
      <c r="O799" s="10" t="s">
        <v>22</v>
      </c>
      <c r="P799" s="10" t="s">
        <v>22</v>
      </c>
      <c r="Q799" s="10" t="s">
        <v>22</v>
      </c>
      <c r="U799" s="10" t="s">
        <v>22</v>
      </c>
      <c r="V799" s="10" t="s">
        <v>22</v>
      </c>
      <c r="W799" s="10" t="s">
        <v>22</v>
      </c>
      <c r="X799" s="10" t="s">
        <v>22</v>
      </c>
      <c r="Y799" s="10" t="s">
        <v>22</v>
      </c>
      <c r="Z799" s="10" t="s">
        <v>22</v>
      </c>
    </row>
    <row r="800" spans="1:26" ht="24" customHeight="1" x14ac:dyDescent="0.2">
      <c r="A800" s="9" t="s">
        <v>18078</v>
      </c>
      <c r="B800" s="9" t="s">
        <v>14</v>
      </c>
      <c r="C800" s="9" t="s">
        <v>3788</v>
      </c>
      <c r="D800" s="6" t="s">
        <v>3789</v>
      </c>
      <c r="E800" s="22">
        <v>44955</v>
      </c>
      <c r="F800" s="22">
        <v>46780</v>
      </c>
      <c r="G800" s="6" t="s">
        <v>3790</v>
      </c>
      <c r="H800" s="6" t="s">
        <v>62</v>
      </c>
      <c r="I800" s="6" t="s">
        <v>236</v>
      </c>
      <c r="J800" s="6" t="s">
        <v>3791</v>
      </c>
      <c r="K800" s="9" t="s">
        <v>3792</v>
      </c>
      <c r="L800" s="10" t="s">
        <v>22</v>
      </c>
      <c r="M800" s="10" t="s">
        <v>22</v>
      </c>
      <c r="N800" s="10" t="s">
        <v>22</v>
      </c>
      <c r="O800" s="10" t="s">
        <v>22</v>
      </c>
      <c r="P800" s="10" t="s">
        <v>22</v>
      </c>
      <c r="Q800" s="10" t="s">
        <v>22</v>
      </c>
      <c r="U800" s="10" t="s">
        <v>22</v>
      </c>
      <c r="V800" s="10" t="s">
        <v>22</v>
      </c>
      <c r="W800" s="10" t="s">
        <v>22</v>
      </c>
      <c r="X800" s="10" t="s">
        <v>22</v>
      </c>
      <c r="Y800" s="10" t="s">
        <v>22</v>
      </c>
      <c r="Z800" s="10" t="s">
        <v>22</v>
      </c>
    </row>
    <row r="801" spans="1:26" ht="24" customHeight="1" x14ac:dyDescent="0.2">
      <c r="A801" s="9" t="s">
        <v>18079</v>
      </c>
      <c r="B801" s="9" t="s">
        <v>14</v>
      </c>
      <c r="C801" s="9" t="s">
        <v>3793</v>
      </c>
      <c r="D801" s="6" t="s">
        <v>3794</v>
      </c>
      <c r="E801" s="22">
        <v>44962</v>
      </c>
      <c r="F801" s="22">
        <v>46787</v>
      </c>
      <c r="G801" s="6" t="s">
        <v>3795</v>
      </c>
      <c r="H801" s="6" t="s">
        <v>229</v>
      </c>
      <c r="I801" s="6" t="s">
        <v>2600</v>
      </c>
      <c r="J801" s="6" t="s">
        <v>3796</v>
      </c>
      <c r="K801" s="9" t="s">
        <v>3797</v>
      </c>
      <c r="L801" s="10" t="s">
        <v>22</v>
      </c>
      <c r="M801" s="10" t="s">
        <v>22</v>
      </c>
      <c r="N801" s="10" t="s">
        <v>22</v>
      </c>
      <c r="O801" s="10" t="s">
        <v>22</v>
      </c>
      <c r="P801" s="10" t="s">
        <v>22</v>
      </c>
      <c r="Q801" s="10" t="s">
        <v>22</v>
      </c>
      <c r="U801" s="10" t="s">
        <v>22</v>
      </c>
      <c r="V801" s="10" t="s">
        <v>22</v>
      </c>
      <c r="W801" s="10" t="s">
        <v>22</v>
      </c>
      <c r="X801" s="10" t="s">
        <v>22</v>
      </c>
      <c r="Y801" s="10" t="s">
        <v>22</v>
      </c>
      <c r="Z801" s="10" t="s">
        <v>22</v>
      </c>
    </row>
    <row r="802" spans="1:26" ht="24" customHeight="1" x14ac:dyDescent="0.2">
      <c r="A802" s="9" t="s">
        <v>18080</v>
      </c>
      <c r="B802" s="9" t="s">
        <v>14</v>
      </c>
      <c r="C802" s="9" t="s">
        <v>3793</v>
      </c>
      <c r="D802" s="6" t="s">
        <v>3794</v>
      </c>
      <c r="E802" s="22">
        <v>44962</v>
      </c>
      <c r="F802" s="22">
        <v>46787</v>
      </c>
      <c r="G802" s="6" t="s">
        <v>3798</v>
      </c>
      <c r="H802" s="6" t="s">
        <v>202</v>
      </c>
      <c r="I802" s="6" t="s">
        <v>3799</v>
      </c>
      <c r="J802" s="6" t="s">
        <v>3800</v>
      </c>
      <c r="K802" s="9" t="s">
        <v>3801</v>
      </c>
      <c r="L802" s="10" t="s">
        <v>22</v>
      </c>
      <c r="M802" s="10" t="s">
        <v>22</v>
      </c>
      <c r="N802" s="10" t="s">
        <v>22</v>
      </c>
      <c r="O802" s="10" t="s">
        <v>22</v>
      </c>
      <c r="P802" s="10" t="s">
        <v>22</v>
      </c>
      <c r="Q802" s="10" t="s">
        <v>22</v>
      </c>
      <c r="U802" s="10" t="s">
        <v>22</v>
      </c>
      <c r="V802" s="10" t="s">
        <v>22</v>
      </c>
      <c r="W802" s="10" t="s">
        <v>22</v>
      </c>
      <c r="X802" s="10" t="s">
        <v>22</v>
      </c>
      <c r="Y802" s="10" t="s">
        <v>22</v>
      </c>
      <c r="Z802" s="10" t="s">
        <v>22</v>
      </c>
    </row>
    <row r="803" spans="1:26" ht="24" customHeight="1" x14ac:dyDescent="0.2">
      <c r="A803" s="9" t="s">
        <v>18081</v>
      </c>
      <c r="B803" s="9" t="s">
        <v>14</v>
      </c>
      <c r="C803" s="9" t="s">
        <v>3793</v>
      </c>
      <c r="D803" s="6" t="s">
        <v>3794</v>
      </c>
      <c r="E803" s="22">
        <v>44962</v>
      </c>
      <c r="F803" s="22">
        <v>46787</v>
      </c>
      <c r="G803" s="6" t="s">
        <v>3802</v>
      </c>
      <c r="H803" s="6" t="s">
        <v>3803</v>
      </c>
      <c r="I803" s="6" t="s">
        <v>3804</v>
      </c>
      <c r="J803" s="6" t="s">
        <v>3805</v>
      </c>
      <c r="K803" s="9" t="s">
        <v>3806</v>
      </c>
      <c r="L803" s="10" t="s">
        <v>22</v>
      </c>
      <c r="M803" s="10" t="s">
        <v>22</v>
      </c>
      <c r="N803" s="10" t="s">
        <v>22</v>
      </c>
      <c r="O803" s="10" t="s">
        <v>22</v>
      </c>
      <c r="P803" s="10" t="s">
        <v>22</v>
      </c>
      <c r="Q803" s="10" t="s">
        <v>22</v>
      </c>
      <c r="U803" s="10" t="s">
        <v>22</v>
      </c>
      <c r="V803" s="10" t="s">
        <v>22</v>
      </c>
      <c r="W803" s="10" t="s">
        <v>22</v>
      </c>
      <c r="X803" s="10" t="s">
        <v>22</v>
      </c>
      <c r="Y803" s="10" t="s">
        <v>22</v>
      </c>
      <c r="Z803" s="10" t="s">
        <v>22</v>
      </c>
    </row>
    <row r="804" spans="1:26" ht="24" customHeight="1" x14ac:dyDescent="0.2">
      <c r="A804" s="9" t="s">
        <v>18082</v>
      </c>
      <c r="B804" s="9" t="s">
        <v>14</v>
      </c>
      <c r="C804" s="9" t="s">
        <v>3807</v>
      </c>
      <c r="D804" s="6" t="s">
        <v>16200</v>
      </c>
      <c r="E804" s="22">
        <v>44962</v>
      </c>
      <c r="F804" s="22">
        <v>46787</v>
      </c>
      <c r="G804" s="6" t="s">
        <v>3808</v>
      </c>
      <c r="H804" s="6" t="s">
        <v>18</v>
      </c>
      <c r="I804" s="6" t="s">
        <v>19</v>
      </c>
      <c r="J804" s="6" t="s">
        <v>3809</v>
      </c>
      <c r="K804" s="9" t="s">
        <v>3810</v>
      </c>
      <c r="L804" s="10" t="s">
        <v>22</v>
      </c>
      <c r="M804" s="10" t="s">
        <v>22</v>
      </c>
      <c r="N804" s="10" t="s">
        <v>22</v>
      </c>
      <c r="R804" s="10" t="s">
        <v>22</v>
      </c>
      <c r="S804" s="10" t="s">
        <v>22</v>
      </c>
      <c r="T804" s="10" t="s">
        <v>22</v>
      </c>
    </row>
    <row r="805" spans="1:26" ht="24" customHeight="1" x14ac:dyDescent="0.2">
      <c r="A805" s="9" t="s">
        <v>18083</v>
      </c>
      <c r="B805" s="9" t="s">
        <v>14</v>
      </c>
      <c r="C805" s="9" t="s">
        <v>3811</v>
      </c>
      <c r="D805" s="6" t="s">
        <v>3812</v>
      </c>
      <c r="E805" s="22">
        <v>44961</v>
      </c>
      <c r="F805" s="22">
        <v>46786</v>
      </c>
      <c r="G805" s="6" t="s">
        <v>3813</v>
      </c>
      <c r="H805" s="6" t="s">
        <v>18</v>
      </c>
      <c r="I805" s="6" t="s">
        <v>19</v>
      </c>
      <c r="J805" s="6" t="s">
        <v>3814</v>
      </c>
      <c r="L805" s="10" t="s">
        <v>22</v>
      </c>
      <c r="M805" s="10" t="s">
        <v>22</v>
      </c>
      <c r="N805" s="10" t="s">
        <v>22</v>
      </c>
      <c r="O805" s="10" t="s">
        <v>22</v>
      </c>
      <c r="P805" s="10" t="s">
        <v>22</v>
      </c>
      <c r="Q805" s="10" t="s">
        <v>22</v>
      </c>
      <c r="R805" s="10" t="s">
        <v>22</v>
      </c>
      <c r="S805" s="10" t="s">
        <v>22</v>
      </c>
      <c r="T805" s="10" t="s">
        <v>22</v>
      </c>
      <c r="U805" s="10" t="s">
        <v>22</v>
      </c>
      <c r="V805" s="10" t="s">
        <v>22</v>
      </c>
      <c r="W805" s="10" t="s">
        <v>22</v>
      </c>
      <c r="X805" s="10" t="s">
        <v>22</v>
      </c>
      <c r="Y805" s="10" t="s">
        <v>22</v>
      </c>
      <c r="Z805" s="10" t="s">
        <v>22</v>
      </c>
    </row>
    <row r="806" spans="1:26" ht="24" customHeight="1" x14ac:dyDescent="0.2">
      <c r="A806" s="9" t="s">
        <v>18084</v>
      </c>
      <c r="B806" s="9" t="s">
        <v>14</v>
      </c>
      <c r="C806" s="9" t="s">
        <v>3815</v>
      </c>
      <c r="D806" s="6" t="s">
        <v>3816</v>
      </c>
      <c r="E806" s="22">
        <v>44972</v>
      </c>
      <c r="F806" s="22">
        <v>46797</v>
      </c>
      <c r="G806" s="6" t="s">
        <v>3817</v>
      </c>
      <c r="H806" s="6" t="s">
        <v>18</v>
      </c>
      <c r="I806" s="6" t="s">
        <v>19</v>
      </c>
      <c r="J806" s="6" t="s">
        <v>3818</v>
      </c>
      <c r="K806" s="9" t="s">
        <v>3819</v>
      </c>
      <c r="L806" s="10" t="s">
        <v>22</v>
      </c>
      <c r="M806" s="10" t="s">
        <v>22</v>
      </c>
      <c r="N806" s="10" t="s">
        <v>22</v>
      </c>
      <c r="O806" s="10" t="s">
        <v>22</v>
      </c>
      <c r="P806" s="10" t="s">
        <v>22</v>
      </c>
      <c r="Q806" s="10" t="s">
        <v>22</v>
      </c>
      <c r="R806" s="10" t="s">
        <v>22</v>
      </c>
      <c r="S806" s="10" t="s">
        <v>22</v>
      </c>
      <c r="T806" s="10" t="s">
        <v>22</v>
      </c>
    </row>
    <row r="807" spans="1:26" ht="24" customHeight="1" x14ac:dyDescent="0.2">
      <c r="A807" s="9" t="s">
        <v>18085</v>
      </c>
      <c r="B807" s="9" t="s">
        <v>14</v>
      </c>
      <c r="C807" s="9" t="s">
        <v>3820</v>
      </c>
      <c r="D807" s="6" t="s">
        <v>3821</v>
      </c>
      <c r="E807" s="22">
        <v>44975</v>
      </c>
      <c r="F807" s="22">
        <v>46800</v>
      </c>
      <c r="G807" s="6" t="s">
        <v>3822</v>
      </c>
      <c r="H807" s="6" t="s">
        <v>62</v>
      </c>
      <c r="I807" s="6" t="s">
        <v>306</v>
      </c>
      <c r="J807" s="6" t="s">
        <v>3823</v>
      </c>
      <c r="K807" s="9" t="s">
        <v>3824</v>
      </c>
      <c r="L807" s="10" t="s">
        <v>22</v>
      </c>
      <c r="M807" s="10" t="s">
        <v>22</v>
      </c>
      <c r="N807" s="10" t="s">
        <v>22</v>
      </c>
      <c r="O807" s="10" t="s">
        <v>22</v>
      </c>
      <c r="P807" s="10" t="s">
        <v>22</v>
      </c>
      <c r="Q807" s="10" t="s">
        <v>22</v>
      </c>
      <c r="U807" s="10" t="s">
        <v>22</v>
      </c>
      <c r="V807" s="10" t="s">
        <v>22</v>
      </c>
      <c r="W807" s="10" t="s">
        <v>22</v>
      </c>
      <c r="X807" s="10" t="s">
        <v>22</v>
      </c>
      <c r="Y807" s="10" t="s">
        <v>22</v>
      </c>
      <c r="Z807" s="10" t="s">
        <v>22</v>
      </c>
    </row>
    <row r="808" spans="1:26" ht="24" customHeight="1" x14ac:dyDescent="0.2">
      <c r="A808" s="9" t="s">
        <v>18086</v>
      </c>
      <c r="B808" s="9" t="s">
        <v>14</v>
      </c>
      <c r="C808" s="9" t="s">
        <v>3825</v>
      </c>
      <c r="D808" s="6" t="s">
        <v>3826</v>
      </c>
      <c r="E808" s="22">
        <v>44982</v>
      </c>
      <c r="F808" s="22">
        <v>46807</v>
      </c>
      <c r="G808" s="6" t="s">
        <v>3827</v>
      </c>
      <c r="H808" s="6" t="s">
        <v>18</v>
      </c>
      <c r="I808" s="6" t="s">
        <v>19</v>
      </c>
      <c r="J808" s="6" t="s">
        <v>3828</v>
      </c>
      <c r="K808" s="9" t="s">
        <v>3829</v>
      </c>
      <c r="L808" s="10" t="s">
        <v>22</v>
      </c>
      <c r="M808" s="10" t="s">
        <v>22</v>
      </c>
      <c r="N808" s="10" t="s">
        <v>22</v>
      </c>
      <c r="O808" s="10" t="s">
        <v>22</v>
      </c>
      <c r="P808" s="10" t="s">
        <v>22</v>
      </c>
      <c r="Q808" s="10" t="s">
        <v>22</v>
      </c>
      <c r="R808" s="10" t="s">
        <v>22</v>
      </c>
      <c r="S808" s="10" t="s">
        <v>22</v>
      </c>
      <c r="T808" s="10" t="s">
        <v>22</v>
      </c>
    </row>
    <row r="809" spans="1:26" ht="24" customHeight="1" x14ac:dyDescent="0.2">
      <c r="A809" s="9" t="s">
        <v>18087</v>
      </c>
      <c r="B809" s="9" t="s">
        <v>14</v>
      </c>
      <c r="C809" s="9" t="s">
        <v>3830</v>
      </c>
      <c r="D809" s="6" t="s">
        <v>3831</v>
      </c>
      <c r="E809" s="22">
        <v>44982</v>
      </c>
      <c r="F809" s="22">
        <v>46807</v>
      </c>
      <c r="G809" s="6" t="s">
        <v>3832</v>
      </c>
      <c r="H809" s="6" t="s">
        <v>363</v>
      </c>
      <c r="I809" s="6" t="s">
        <v>364</v>
      </c>
      <c r="J809" s="6" t="s">
        <v>3833</v>
      </c>
      <c r="K809" s="9" t="s">
        <v>3834</v>
      </c>
      <c r="L809" s="10" t="s">
        <v>22</v>
      </c>
      <c r="M809" s="10" t="s">
        <v>22</v>
      </c>
      <c r="N809" s="10" t="s">
        <v>22</v>
      </c>
      <c r="O809" s="10" t="s">
        <v>22</v>
      </c>
      <c r="P809" s="10" t="s">
        <v>22</v>
      </c>
      <c r="Q809" s="10" t="s">
        <v>22</v>
      </c>
      <c r="R809" s="10" t="s">
        <v>22</v>
      </c>
      <c r="S809" s="10" t="s">
        <v>22</v>
      </c>
      <c r="T809" s="10" t="s">
        <v>22</v>
      </c>
      <c r="U809" s="10" t="s">
        <v>22</v>
      </c>
      <c r="V809" s="10" t="s">
        <v>22</v>
      </c>
      <c r="W809" s="10" t="s">
        <v>22</v>
      </c>
    </row>
    <row r="810" spans="1:26" ht="24" customHeight="1" x14ac:dyDescent="0.2">
      <c r="A810" s="9" t="s">
        <v>18088</v>
      </c>
      <c r="B810" s="9" t="s">
        <v>14</v>
      </c>
      <c r="C810" s="9" t="s">
        <v>3835</v>
      </c>
      <c r="D810" s="6" t="s">
        <v>3836</v>
      </c>
      <c r="E810" s="22">
        <v>44984</v>
      </c>
      <c r="F810" s="22">
        <v>46809</v>
      </c>
      <c r="G810" s="6" t="s">
        <v>3837</v>
      </c>
      <c r="H810" s="6" t="s">
        <v>18</v>
      </c>
      <c r="I810" s="6" t="s">
        <v>19</v>
      </c>
      <c r="J810" s="6" t="s">
        <v>3838</v>
      </c>
      <c r="L810" s="10" t="s">
        <v>22</v>
      </c>
      <c r="M810" s="10" t="s">
        <v>22</v>
      </c>
      <c r="N810" s="10" t="s">
        <v>22</v>
      </c>
      <c r="O810" s="10" t="s">
        <v>22</v>
      </c>
      <c r="P810" s="10" t="s">
        <v>22</v>
      </c>
      <c r="Q810" s="10" t="s">
        <v>22</v>
      </c>
      <c r="U810" s="10" t="s">
        <v>22</v>
      </c>
      <c r="V810" s="10" t="s">
        <v>22</v>
      </c>
      <c r="W810" s="10" t="s">
        <v>22</v>
      </c>
      <c r="X810" s="10" t="s">
        <v>22</v>
      </c>
      <c r="Y810" s="10" t="s">
        <v>22</v>
      </c>
      <c r="Z810" s="10" t="s">
        <v>22</v>
      </c>
    </row>
    <row r="811" spans="1:26" ht="24" customHeight="1" x14ac:dyDescent="0.2">
      <c r="A811" s="9" t="s">
        <v>18089</v>
      </c>
      <c r="B811" s="9" t="s">
        <v>14</v>
      </c>
      <c r="C811" s="9" t="s">
        <v>3839</v>
      </c>
      <c r="D811" s="6" t="s">
        <v>3840</v>
      </c>
      <c r="E811" s="22">
        <v>44984</v>
      </c>
      <c r="F811" s="22">
        <v>46809</v>
      </c>
      <c r="G811" s="6" t="s">
        <v>3841</v>
      </c>
      <c r="H811" s="6" t="s">
        <v>18</v>
      </c>
      <c r="I811" s="6" t="s">
        <v>26</v>
      </c>
      <c r="J811" s="6" t="s">
        <v>3842</v>
      </c>
      <c r="K811" s="9" t="s">
        <v>3843</v>
      </c>
      <c r="O811" s="10" t="s">
        <v>22</v>
      </c>
      <c r="P811" s="10" t="s">
        <v>22</v>
      </c>
      <c r="Q811" s="10" t="s">
        <v>22</v>
      </c>
      <c r="R811" s="10" t="s">
        <v>22</v>
      </c>
      <c r="S811" s="10" t="s">
        <v>22</v>
      </c>
      <c r="T811" s="10" t="s">
        <v>22</v>
      </c>
      <c r="X811" s="10" t="s">
        <v>22</v>
      </c>
      <c r="Y811" s="10" t="s">
        <v>22</v>
      </c>
      <c r="Z811" s="10" t="s">
        <v>22</v>
      </c>
    </row>
    <row r="812" spans="1:26" ht="24" customHeight="1" x14ac:dyDescent="0.2">
      <c r="A812" s="9" t="s">
        <v>18090</v>
      </c>
      <c r="B812" s="9" t="s">
        <v>14</v>
      </c>
      <c r="C812" s="9" t="s">
        <v>3839</v>
      </c>
      <c r="D812" s="6" t="s">
        <v>3840</v>
      </c>
      <c r="E812" s="22">
        <v>44984</v>
      </c>
      <c r="F812" s="22">
        <v>46809</v>
      </c>
      <c r="G812" s="6" t="s">
        <v>3844</v>
      </c>
      <c r="H812" s="6" t="s">
        <v>18</v>
      </c>
      <c r="I812" s="6" t="s">
        <v>392</v>
      </c>
      <c r="J812" s="6" t="s">
        <v>3845</v>
      </c>
      <c r="K812" s="9" t="s">
        <v>3846</v>
      </c>
      <c r="O812" s="10" t="s">
        <v>22</v>
      </c>
      <c r="P812" s="10" t="s">
        <v>22</v>
      </c>
      <c r="Q812" s="10" t="s">
        <v>22</v>
      </c>
      <c r="R812" s="10" t="s">
        <v>22</v>
      </c>
      <c r="S812" s="10" t="s">
        <v>22</v>
      </c>
      <c r="T812" s="10" t="s">
        <v>22</v>
      </c>
      <c r="X812" s="10" t="s">
        <v>22</v>
      </c>
      <c r="Y812" s="10" t="s">
        <v>22</v>
      </c>
      <c r="Z812" s="10" t="s">
        <v>22</v>
      </c>
    </row>
    <row r="813" spans="1:26" ht="24" customHeight="1" x14ac:dyDescent="0.2">
      <c r="A813" s="9" t="s">
        <v>18091</v>
      </c>
      <c r="B813" s="9" t="s">
        <v>14</v>
      </c>
      <c r="C813" s="9" t="s">
        <v>3847</v>
      </c>
      <c r="D813" s="6" t="s">
        <v>3848</v>
      </c>
      <c r="E813" s="22">
        <v>44990</v>
      </c>
      <c r="F813" s="22">
        <v>46816</v>
      </c>
      <c r="G813" s="6" t="s">
        <v>3849</v>
      </c>
      <c r="H813" s="6" t="s">
        <v>62</v>
      </c>
      <c r="I813" s="6" t="s">
        <v>938</v>
      </c>
      <c r="J813" s="6" t="s">
        <v>3850</v>
      </c>
      <c r="K813" s="9" t="s">
        <v>3851</v>
      </c>
      <c r="L813" s="10" t="s">
        <v>22</v>
      </c>
      <c r="M813" s="10" t="s">
        <v>22</v>
      </c>
      <c r="N813" s="10" t="s">
        <v>22</v>
      </c>
      <c r="O813" s="10" t="s">
        <v>22</v>
      </c>
      <c r="P813" s="10" t="s">
        <v>22</v>
      </c>
      <c r="Q813" s="10" t="s">
        <v>22</v>
      </c>
      <c r="U813" s="10" t="s">
        <v>22</v>
      </c>
      <c r="V813" s="10" t="s">
        <v>22</v>
      </c>
      <c r="W813" s="10" t="s">
        <v>22</v>
      </c>
      <c r="X813" s="10" t="s">
        <v>22</v>
      </c>
      <c r="Y813" s="10" t="s">
        <v>22</v>
      </c>
      <c r="Z813" s="10" t="s">
        <v>22</v>
      </c>
    </row>
    <row r="814" spans="1:26" ht="24" customHeight="1" x14ac:dyDescent="0.2">
      <c r="A814" s="9" t="s">
        <v>18092</v>
      </c>
      <c r="B814" s="9" t="s">
        <v>14</v>
      </c>
      <c r="C814" s="9" t="s">
        <v>3852</v>
      </c>
      <c r="D814" s="6" t="s">
        <v>3853</v>
      </c>
      <c r="E814" s="22">
        <v>44992</v>
      </c>
      <c r="F814" s="22">
        <v>46818</v>
      </c>
      <c r="G814" s="6" t="s">
        <v>3854</v>
      </c>
      <c r="H814" s="6" t="s">
        <v>562</v>
      </c>
      <c r="I814" s="6" t="s">
        <v>3855</v>
      </c>
      <c r="J814" s="6" t="s">
        <v>3856</v>
      </c>
      <c r="K814" s="9" t="s">
        <v>3857</v>
      </c>
      <c r="L814" s="10" t="s">
        <v>22</v>
      </c>
      <c r="M814" s="10" t="s">
        <v>22</v>
      </c>
      <c r="N814" s="10" t="s">
        <v>22</v>
      </c>
      <c r="O814" s="10" t="s">
        <v>22</v>
      </c>
      <c r="P814" s="10" t="s">
        <v>22</v>
      </c>
      <c r="Q814" s="10" t="s">
        <v>22</v>
      </c>
      <c r="R814" s="10" t="s">
        <v>22</v>
      </c>
      <c r="S814" s="10" t="s">
        <v>22</v>
      </c>
      <c r="T814" s="10" t="s">
        <v>22</v>
      </c>
    </row>
    <row r="815" spans="1:26" ht="24" customHeight="1" x14ac:dyDescent="0.2">
      <c r="A815" s="9" t="s">
        <v>18093</v>
      </c>
      <c r="B815" s="9" t="s">
        <v>14</v>
      </c>
      <c r="C815" s="9" t="s">
        <v>3858</v>
      </c>
      <c r="D815" s="6" t="s">
        <v>3859</v>
      </c>
      <c r="E815" s="22">
        <v>44996</v>
      </c>
      <c r="F815" s="22">
        <v>46822</v>
      </c>
      <c r="G815" s="6" t="s">
        <v>3860</v>
      </c>
      <c r="H815" s="6" t="s">
        <v>18</v>
      </c>
      <c r="I815" s="6" t="s">
        <v>26</v>
      </c>
      <c r="J815" s="6" t="s">
        <v>3861</v>
      </c>
      <c r="K815" s="9" t="s">
        <v>3862</v>
      </c>
      <c r="L815" s="10" t="s">
        <v>22</v>
      </c>
      <c r="M815" s="10" t="s">
        <v>22</v>
      </c>
      <c r="N815" s="10" t="s">
        <v>22</v>
      </c>
      <c r="U815" s="10" t="s">
        <v>22</v>
      </c>
      <c r="V815" s="10" t="s">
        <v>22</v>
      </c>
      <c r="W815" s="10" t="s">
        <v>22</v>
      </c>
    </row>
    <row r="816" spans="1:26" ht="24" customHeight="1" x14ac:dyDescent="0.2">
      <c r="A816" s="9" t="s">
        <v>18094</v>
      </c>
      <c r="B816" s="9" t="s">
        <v>14</v>
      </c>
      <c r="C816" s="9" t="s">
        <v>3863</v>
      </c>
      <c r="D816" s="6" t="s">
        <v>3864</v>
      </c>
      <c r="E816" s="22">
        <v>45010</v>
      </c>
      <c r="F816" s="22">
        <v>46836</v>
      </c>
      <c r="G816" s="6" t="s">
        <v>3865</v>
      </c>
      <c r="H816" s="6" t="s">
        <v>202</v>
      </c>
      <c r="I816" s="6" t="s">
        <v>863</v>
      </c>
      <c r="J816" s="6" t="s">
        <v>3866</v>
      </c>
      <c r="K816" s="9" t="s">
        <v>3867</v>
      </c>
      <c r="L816" s="10" t="s">
        <v>22</v>
      </c>
      <c r="M816" s="10" t="s">
        <v>22</v>
      </c>
      <c r="N816" s="10" t="s">
        <v>22</v>
      </c>
      <c r="O816" s="10" t="s">
        <v>22</v>
      </c>
      <c r="P816" s="10" t="s">
        <v>22</v>
      </c>
      <c r="Q816" s="10" t="s">
        <v>22</v>
      </c>
      <c r="R816" s="10" t="s">
        <v>22</v>
      </c>
      <c r="S816" s="10" t="s">
        <v>22</v>
      </c>
      <c r="T816" s="10" t="s">
        <v>22</v>
      </c>
      <c r="U816" s="10" t="s">
        <v>22</v>
      </c>
      <c r="V816" s="10" t="s">
        <v>22</v>
      </c>
      <c r="W816" s="10" t="s">
        <v>22</v>
      </c>
      <c r="X816" s="10" t="s">
        <v>22</v>
      </c>
      <c r="Y816" s="10" t="s">
        <v>22</v>
      </c>
      <c r="Z816" s="10" t="s">
        <v>22</v>
      </c>
    </row>
    <row r="817" spans="1:26" ht="24" customHeight="1" x14ac:dyDescent="0.2">
      <c r="A817" s="9" t="s">
        <v>18095</v>
      </c>
      <c r="B817" s="9" t="s">
        <v>14</v>
      </c>
      <c r="C817" s="9" t="s">
        <v>3868</v>
      </c>
      <c r="D817" s="6" t="s">
        <v>3869</v>
      </c>
      <c r="E817" s="22">
        <v>45017</v>
      </c>
      <c r="F817" s="22">
        <v>46843</v>
      </c>
      <c r="G817" s="6" t="s">
        <v>3870</v>
      </c>
      <c r="H817" s="6" t="s">
        <v>18</v>
      </c>
      <c r="I817" s="6" t="s">
        <v>19</v>
      </c>
      <c r="J817" s="6" t="s">
        <v>3871</v>
      </c>
      <c r="K817" s="9" t="s">
        <v>3872</v>
      </c>
      <c r="L817" s="10" t="s">
        <v>22</v>
      </c>
      <c r="M817" s="10" t="s">
        <v>22</v>
      </c>
      <c r="N817" s="10" t="s">
        <v>22</v>
      </c>
      <c r="O817" s="10" t="s">
        <v>22</v>
      </c>
      <c r="P817" s="10" t="s">
        <v>22</v>
      </c>
      <c r="Q817" s="10" t="s">
        <v>22</v>
      </c>
      <c r="U817" s="10" t="s">
        <v>22</v>
      </c>
      <c r="V817" s="10" t="s">
        <v>22</v>
      </c>
      <c r="W817" s="10" t="s">
        <v>22</v>
      </c>
      <c r="X817" s="10" t="s">
        <v>22</v>
      </c>
      <c r="Y817" s="10" t="s">
        <v>22</v>
      </c>
      <c r="Z817" s="10" t="s">
        <v>22</v>
      </c>
    </row>
    <row r="818" spans="1:26" ht="24" customHeight="1" x14ac:dyDescent="0.2">
      <c r="A818" s="9" t="s">
        <v>18096</v>
      </c>
      <c r="B818" s="9" t="s">
        <v>14</v>
      </c>
      <c r="C818" s="9" t="s">
        <v>3873</v>
      </c>
      <c r="D818" s="6" t="s">
        <v>3874</v>
      </c>
      <c r="E818" s="22">
        <v>45019</v>
      </c>
      <c r="F818" s="22">
        <v>46845</v>
      </c>
      <c r="G818" s="6" t="s">
        <v>3875</v>
      </c>
      <c r="H818" s="6" t="s">
        <v>18</v>
      </c>
      <c r="I818" s="6" t="s">
        <v>19</v>
      </c>
      <c r="J818" s="6" t="s">
        <v>3876</v>
      </c>
      <c r="L818" s="10" t="s">
        <v>22</v>
      </c>
      <c r="M818" s="10" t="s">
        <v>22</v>
      </c>
      <c r="N818" s="10" t="s">
        <v>22</v>
      </c>
      <c r="O818" s="10" t="s">
        <v>22</v>
      </c>
      <c r="P818" s="10" t="s">
        <v>22</v>
      </c>
      <c r="Q818" s="10" t="s">
        <v>22</v>
      </c>
      <c r="R818" s="10" t="s">
        <v>22</v>
      </c>
      <c r="S818" s="10" t="s">
        <v>22</v>
      </c>
      <c r="T818" s="10" t="s">
        <v>22</v>
      </c>
      <c r="U818" s="10" t="s">
        <v>22</v>
      </c>
      <c r="V818" s="10" t="s">
        <v>22</v>
      </c>
      <c r="W818" s="10" t="s">
        <v>22</v>
      </c>
      <c r="X818" s="10" t="s">
        <v>22</v>
      </c>
      <c r="Y818" s="10" t="s">
        <v>22</v>
      </c>
      <c r="Z818" s="10" t="s">
        <v>22</v>
      </c>
    </row>
    <row r="819" spans="1:26" ht="24" customHeight="1" x14ac:dyDescent="0.2">
      <c r="A819" s="9" t="s">
        <v>18097</v>
      </c>
      <c r="B819" s="9" t="s">
        <v>14</v>
      </c>
      <c r="C819" s="9" t="s">
        <v>3877</v>
      </c>
      <c r="D819" s="6" t="s">
        <v>3878</v>
      </c>
      <c r="E819" s="22">
        <v>45019</v>
      </c>
      <c r="F819" s="22">
        <v>46845</v>
      </c>
      <c r="G819" s="6" t="s">
        <v>3879</v>
      </c>
      <c r="H819" s="6" t="s">
        <v>363</v>
      </c>
      <c r="I819" s="6" t="s">
        <v>364</v>
      </c>
      <c r="J819" s="6" t="s">
        <v>3880</v>
      </c>
      <c r="K819" s="9" t="s">
        <v>3881</v>
      </c>
      <c r="L819" s="10" t="s">
        <v>22</v>
      </c>
      <c r="M819" s="10" t="s">
        <v>22</v>
      </c>
      <c r="N819" s="10" t="s">
        <v>22</v>
      </c>
      <c r="O819" s="10" t="s">
        <v>22</v>
      </c>
      <c r="P819" s="10" t="s">
        <v>22</v>
      </c>
      <c r="Q819" s="10" t="s">
        <v>22</v>
      </c>
      <c r="R819" s="10" t="s">
        <v>22</v>
      </c>
      <c r="S819" s="10" t="s">
        <v>22</v>
      </c>
      <c r="T819" s="10" t="s">
        <v>22</v>
      </c>
      <c r="U819" s="10" t="s">
        <v>22</v>
      </c>
      <c r="V819" s="10" t="s">
        <v>22</v>
      </c>
      <c r="W819" s="10" t="s">
        <v>22</v>
      </c>
      <c r="X819" s="10" t="s">
        <v>22</v>
      </c>
      <c r="Y819" s="10" t="s">
        <v>22</v>
      </c>
      <c r="Z819" s="10" t="s">
        <v>22</v>
      </c>
    </row>
    <row r="820" spans="1:26" ht="24" customHeight="1" x14ac:dyDescent="0.2">
      <c r="A820" s="9" t="s">
        <v>18098</v>
      </c>
      <c r="B820" s="9" t="s">
        <v>14</v>
      </c>
      <c r="C820" s="9" t="s">
        <v>3882</v>
      </c>
      <c r="D820" s="6" t="s">
        <v>3883</v>
      </c>
      <c r="E820" s="22">
        <v>45026</v>
      </c>
      <c r="F820" s="22">
        <v>46852</v>
      </c>
      <c r="G820" s="6" t="s">
        <v>3884</v>
      </c>
      <c r="H820" s="6" t="s">
        <v>202</v>
      </c>
      <c r="I820" s="6" t="s">
        <v>3799</v>
      </c>
      <c r="J820" s="6" t="s">
        <v>3885</v>
      </c>
      <c r="K820" s="9" t="s">
        <v>3886</v>
      </c>
      <c r="L820" s="10" t="s">
        <v>22</v>
      </c>
      <c r="M820" s="10" t="s">
        <v>22</v>
      </c>
      <c r="N820" s="10" t="s">
        <v>22</v>
      </c>
      <c r="O820" s="10" t="s">
        <v>22</v>
      </c>
      <c r="P820" s="10" t="s">
        <v>22</v>
      </c>
      <c r="Q820" s="10" t="s">
        <v>22</v>
      </c>
      <c r="U820" s="10" t="s">
        <v>22</v>
      </c>
      <c r="V820" s="10" t="s">
        <v>22</v>
      </c>
      <c r="W820" s="10" t="s">
        <v>22</v>
      </c>
      <c r="X820" s="10" t="s">
        <v>22</v>
      </c>
      <c r="Y820" s="10" t="s">
        <v>22</v>
      </c>
      <c r="Z820" s="10" t="s">
        <v>22</v>
      </c>
    </row>
    <row r="821" spans="1:26" ht="34.25" customHeight="1" x14ac:dyDescent="0.2">
      <c r="A821" s="9" t="s">
        <v>18099</v>
      </c>
      <c r="B821" s="9" t="s">
        <v>14</v>
      </c>
      <c r="C821" s="9" t="s">
        <v>3887</v>
      </c>
      <c r="D821" s="6" t="s">
        <v>3888</v>
      </c>
      <c r="E821" s="22">
        <v>45030</v>
      </c>
      <c r="F821" s="22">
        <v>46856</v>
      </c>
      <c r="G821" s="6" t="s">
        <v>3889</v>
      </c>
      <c r="H821" s="6" t="s">
        <v>62</v>
      </c>
      <c r="I821" s="6" t="s">
        <v>63</v>
      </c>
      <c r="J821" s="6" t="s">
        <v>3890</v>
      </c>
      <c r="K821" s="9" t="s">
        <v>3891</v>
      </c>
      <c r="L821" s="10" t="s">
        <v>22</v>
      </c>
      <c r="M821" s="10" t="s">
        <v>22</v>
      </c>
      <c r="N821" s="10" t="s">
        <v>22</v>
      </c>
      <c r="O821" s="10" t="s">
        <v>22</v>
      </c>
      <c r="P821" s="10" t="s">
        <v>22</v>
      </c>
      <c r="Q821" s="10" t="s">
        <v>22</v>
      </c>
    </row>
    <row r="822" spans="1:26" ht="24" customHeight="1" x14ac:dyDescent="0.2">
      <c r="A822" s="9" t="s">
        <v>18100</v>
      </c>
      <c r="B822" s="9" t="s">
        <v>14</v>
      </c>
      <c r="C822" s="9" t="s">
        <v>3892</v>
      </c>
      <c r="D822" s="6" t="s">
        <v>3893</v>
      </c>
      <c r="E822" s="22">
        <v>45032</v>
      </c>
      <c r="F822" s="22">
        <v>46858</v>
      </c>
      <c r="G822" s="6" t="s">
        <v>3894</v>
      </c>
      <c r="H822" s="6" t="s">
        <v>62</v>
      </c>
      <c r="I822" s="6" t="s">
        <v>306</v>
      </c>
      <c r="J822" s="6" t="s">
        <v>3895</v>
      </c>
      <c r="L822" s="10" t="s">
        <v>22</v>
      </c>
      <c r="N822" s="10" t="s">
        <v>22</v>
      </c>
      <c r="O822" s="10" t="s">
        <v>22</v>
      </c>
      <c r="Q822" s="10" t="s">
        <v>22</v>
      </c>
      <c r="U822" s="10" t="s">
        <v>22</v>
      </c>
      <c r="W822" s="10" t="s">
        <v>22</v>
      </c>
      <c r="X822" s="10" t="s">
        <v>22</v>
      </c>
      <c r="Z822" s="10" t="s">
        <v>22</v>
      </c>
    </row>
    <row r="823" spans="1:26" ht="24" customHeight="1" x14ac:dyDescent="0.2">
      <c r="A823" s="9" t="s">
        <v>18101</v>
      </c>
      <c r="B823" s="9" t="s">
        <v>14</v>
      </c>
      <c r="C823" s="9" t="s">
        <v>3896</v>
      </c>
      <c r="D823" s="6" t="s">
        <v>3897</v>
      </c>
      <c r="E823" s="22">
        <v>45053</v>
      </c>
      <c r="F823" s="22">
        <v>46879</v>
      </c>
      <c r="G823" s="6" t="s">
        <v>3898</v>
      </c>
      <c r="H823" s="6" t="s">
        <v>18</v>
      </c>
      <c r="I823" s="6" t="s">
        <v>19</v>
      </c>
      <c r="J823" s="6" t="s">
        <v>3899</v>
      </c>
      <c r="K823" s="9" t="s">
        <v>3900</v>
      </c>
      <c r="M823" s="10" t="s">
        <v>22</v>
      </c>
      <c r="N823" s="10" t="s">
        <v>22</v>
      </c>
      <c r="P823" s="10" t="s">
        <v>22</v>
      </c>
      <c r="V823" s="10" t="s">
        <v>22</v>
      </c>
      <c r="W823" s="10" t="s">
        <v>22</v>
      </c>
      <c r="Y823" s="10" t="s">
        <v>22</v>
      </c>
    </row>
    <row r="824" spans="1:26" ht="24" customHeight="1" x14ac:dyDescent="0.2">
      <c r="A824" s="9" t="s">
        <v>18102</v>
      </c>
      <c r="B824" s="9" t="s">
        <v>14</v>
      </c>
      <c r="C824" s="9" t="s">
        <v>3901</v>
      </c>
      <c r="D824" s="6" t="s">
        <v>3902</v>
      </c>
      <c r="E824" s="22">
        <v>45053</v>
      </c>
      <c r="F824" s="22">
        <v>46879</v>
      </c>
      <c r="G824" s="6" t="s">
        <v>3903</v>
      </c>
      <c r="H824" s="6" t="s">
        <v>363</v>
      </c>
      <c r="I824" s="6" t="s">
        <v>646</v>
      </c>
      <c r="J824" s="6" t="s">
        <v>3904</v>
      </c>
      <c r="K824" s="9" t="s">
        <v>3905</v>
      </c>
      <c r="M824" s="10" t="s">
        <v>22</v>
      </c>
      <c r="N824" s="10" t="s">
        <v>22</v>
      </c>
      <c r="P824" s="10" t="s">
        <v>22</v>
      </c>
      <c r="Q824" s="10" t="s">
        <v>22</v>
      </c>
      <c r="V824" s="10" t="s">
        <v>22</v>
      </c>
      <c r="W824" s="10" t="s">
        <v>22</v>
      </c>
      <c r="Y824" s="10" t="s">
        <v>22</v>
      </c>
      <c r="Z824" s="10" t="s">
        <v>22</v>
      </c>
    </row>
    <row r="825" spans="1:26" ht="24" customHeight="1" x14ac:dyDescent="0.2">
      <c r="A825" s="9" t="s">
        <v>18103</v>
      </c>
      <c r="B825" s="9" t="s">
        <v>14</v>
      </c>
      <c r="C825" s="9" t="s">
        <v>3906</v>
      </c>
      <c r="D825" s="6" t="s">
        <v>1406</v>
      </c>
      <c r="E825" s="22">
        <v>45055</v>
      </c>
      <c r="F825" s="22">
        <v>46881</v>
      </c>
      <c r="G825" s="6" t="s">
        <v>1407</v>
      </c>
      <c r="H825" s="6" t="s">
        <v>202</v>
      </c>
      <c r="I825" s="6" t="s">
        <v>1857</v>
      </c>
      <c r="J825" s="6" t="s">
        <v>3907</v>
      </c>
      <c r="L825" s="10" t="s">
        <v>22</v>
      </c>
      <c r="M825" s="10" t="s">
        <v>22</v>
      </c>
      <c r="N825" s="10" t="s">
        <v>22</v>
      </c>
      <c r="O825" s="10" t="s">
        <v>22</v>
      </c>
      <c r="P825" s="10" t="s">
        <v>22</v>
      </c>
      <c r="Q825" s="10" t="s">
        <v>22</v>
      </c>
      <c r="R825" s="10" t="s">
        <v>22</v>
      </c>
      <c r="S825" s="10" t="s">
        <v>22</v>
      </c>
      <c r="T825" s="10" t="s">
        <v>22</v>
      </c>
      <c r="U825" s="10" t="s">
        <v>22</v>
      </c>
      <c r="V825" s="10" t="s">
        <v>22</v>
      </c>
      <c r="W825" s="10" t="s">
        <v>22</v>
      </c>
      <c r="X825" s="10" t="s">
        <v>22</v>
      </c>
      <c r="Y825" s="10" t="s">
        <v>22</v>
      </c>
      <c r="Z825" s="10" t="s">
        <v>22</v>
      </c>
    </row>
    <row r="826" spans="1:26" ht="24" customHeight="1" x14ac:dyDescent="0.2">
      <c r="A826" s="9" t="s">
        <v>18104</v>
      </c>
      <c r="B826" s="9" t="s">
        <v>14</v>
      </c>
      <c r="C826" s="9" t="s">
        <v>3908</v>
      </c>
      <c r="D826" s="6" t="s">
        <v>3909</v>
      </c>
      <c r="E826" s="22">
        <v>45065</v>
      </c>
      <c r="F826" s="22">
        <v>46891</v>
      </c>
      <c r="G826" s="6" t="s">
        <v>3910</v>
      </c>
      <c r="H826" s="6" t="s">
        <v>62</v>
      </c>
      <c r="I826" s="6" t="s">
        <v>738</v>
      </c>
      <c r="J826" s="6" t="s">
        <v>3911</v>
      </c>
      <c r="K826" s="9" t="s">
        <v>3912</v>
      </c>
      <c r="L826" s="10" t="s">
        <v>22</v>
      </c>
      <c r="M826" s="10" t="s">
        <v>22</v>
      </c>
      <c r="N826" s="10" t="s">
        <v>22</v>
      </c>
      <c r="O826" s="10" t="s">
        <v>22</v>
      </c>
      <c r="P826" s="10" t="s">
        <v>22</v>
      </c>
      <c r="Q826" s="10" t="s">
        <v>22</v>
      </c>
      <c r="R826" s="10" t="s">
        <v>22</v>
      </c>
      <c r="S826" s="10" t="s">
        <v>22</v>
      </c>
      <c r="T826" s="10" t="s">
        <v>22</v>
      </c>
      <c r="U826" s="10" t="s">
        <v>22</v>
      </c>
      <c r="V826" s="10" t="s">
        <v>22</v>
      </c>
      <c r="W826" s="10" t="s">
        <v>22</v>
      </c>
      <c r="X826" s="10" t="s">
        <v>22</v>
      </c>
      <c r="Y826" s="10" t="s">
        <v>22</v>
      </c>
      <c r="Z826" s="10" t="s">
        <v>22</v>
      </c>
    </row>
    <row r="827" spans="1:26" ht="24" customHeight="1" x14ac:dyDescent="0.2">
      <c r="A827" s="9" t="s">
        <v>18105</v>
      </c>
      <c r="B827" s="9" t="s">
        <v>14</v>
      </c>
      <c r="C827" s="9" t="s">
        <v>3913</v>
      </c>
      <c r="D827" s="6" t="s">
        <v>3914</v>
      </c>
      <c r="E827" s="22">
        <v>45065</v>
      </c>
      <c r="F827" s="22">
        <v>46891</v>
      </c>
      <c r="G827" s="6" t="s">
        <v>3915</v>
      </c>
      <c r="H827" s="6" t="s">
        <v>18</v>
      </c>
      <c r="I827" s="6" t="s">
        <v>19</v>
      </c>
      <c r="J827" s="6" t="s">
        <v>3916</v>
      </c>
      <c r="K827" s="9" t="s">
        <v>3917</v>
      </c>
      <c r="L827" s="10" t="s">
        <v>22</v>
      </c>
      <c r="M827" s="10" t="s">
        <v>22</v>
      </c>
      <c r="N827" s="10" t="s">
        <v>22</v>
      </c>
      <c r="O827" s="10" t="s">
        <v>22</v>
      </c>
      <c r="P827" s="10" t="s">
        <v>22</v>
      </c>
      <c r="Q827" s="10" t="s">
        <v>22</v>
      </c>
    </row>
    <row r="828" spans="1:26" ht="24" customHeight="1" x14ac:dyDescent="0.2">
      <c r="A828" s="9" t="s">
        <v>18106</v>
      </c>
      <c r="B828" s="9" t="s">
        <v>14</v>
      </c>
      <c r="C828" s="9" t="s">
        <v>3918</v>
      </c>
      <c r="D828" s="6" t="s">
        <v>3919</v>
      </c>
      <c r="E828" s="22">
        <v>45074</v>
      </c>
      <c r="F828" s="22">
        <v>46900</v>
      </c>
      <c r="G828" s="6" t="s">
        <v>3920</v>
      </c>
      <c r="H828" s="6" t="s">
        <v>18</v>
      </c>
      <c r="I828" s="6" t="s">
        <v>19</v>
      </c>
      <c r="J828" s="6" t="s">
        <v>3921</v>
      </c>
      <c r="K828" s="9" t="s">
        <v>3922</v>
      </c>
      <c r="L828" s="10" t="s">
        <v>22</v>
      </c>
      <c r="M828" s="10" t="s">
        <v>22</v>
      </c>
      <c r="N828" s="10" t="s">
        <v>22</v>
      </c>
      <c r="O828" s="10" t="s">
        <v>22</v>
      </c>
      <c r="P828" s="10" t="s">
        <v>22</v>
      </c>
      <c r="Q828" s="10" t="s">
        <v>22</v>
      </c>
      <c r="R828" s="10" t="s">
        <v>22</v>
      </c>
      <c r="S828" s="10" t="s">
        <v>22</v>
      </c>
      <c r="T828" s="10" t="s">
        <v>22</v>
      </c>
      <c r="U828" s="10" t="s">
        <v>22</v>
      </c>
      <c r="V828" s="10" t="s">
        <v>22</v>
      </c>
      <c r="W828" s="10" t="s">
        <v>22</v>
      </c>
      <c r="X828" s="10" t="s">
        <v>22</v>
      </c>
      <c r="Y828" s="10" t="s">
        <v>22</v>
      </c>
      <c r="Z828" s="10" t="s">
        <v>22</v>
      </c>
    </row>
    <row r="829" spans="1:26" ht="24" customHeight="1" x14ac:dyDescent="0.2">
      <c r="A829" s="9" t="s">
        <v>18107</v>
      </c>
      <c r="B829" s="9" t="s">
        <v>14</v>
      </c>
      <c r="C829" s="9" t="s">
        <v>3923</v>
      </c>
      <c r="D829" s="6" t="s">
        <v>3924</v>
      </c>
      <c r="E829" s="22">
        <v>45075</v>
      </c>
      <c r="F829" s="22">
        <v>46901</v>
      </c>
      <c r="G829" s="6" t="s">
        <v>3925</v>
      </c>
      <c r="H829" s="6" t="s">
        <v>62</v>
      </c>
      <c r="I829" s="6" t="s">
        <v>403</v>
      </c>
      <c r="J829" s="6" t="s">
        <v>3926</v>
      </c>
      <c r="K829" s="9" t="s">
        <v>3927</v>
      </c>
      <c r="L829" s="10" t="s">
        <v>22</v>
      </c>
      <c r="M829" s="10" t="s">
        <v>22</v>
      </c>
      <c r="N829" s="10" t="s">
        <v>22</v>
      </c>
      <c r="O829" s="10" t="s">
        <v>22</v>
      </c>
      <c r="P829" s="10" t="s">
        <v>22</v>
      </c>
      <c r="Q829" s="10" t="s">
        <v>22</v>
      </c>
      <c r="R829" s="10" t="s">
        <v>22</v>
      </c>
      <c r="S829" s="10" t="s">
        <v>22</v>
      </c>
      <c r="T829" s="10" t="s">
        <v>22</v>
      </c>
      <c r="U829" s="10" t="s">
        <v>22</v>
      </c>
      <c r="V829" s="10" t="s">
        <v>22</v>
      </c>
      <c r="W829" s="10" t="s">
        <v>22</v>
      </c>
      <c r="X829" s="10" t="s">
        <v>22</v>
      </c>
      <c r="Y829" s="10" t="s">
        <v>22</v>
      </c>
      <c r="Z829" s="10" t="s">
        <v>22</v>
      </c>
    </row>
    <row r="830" spans="1:26" ht="24" customHeight="1" x14ac:dyDescent="0.2">
      <c r="A830" s="9" t="s">
        <v>18108</v>
      </c>
      <c r="B830" s="9" t="s">
        <v>14</v>
      </c>
      <c r="C830" s="9" t="s">
        <v>3928</v>
      </c>
      <c r="D830" s="6" t="s">
        <v>3929</v>
      </c>
      <c r="E830" s="22">
        <v>45081</v>
      </c>
      <c r="F830" s="22">
        <v>46907</v>
      </c>
      <c r="G830" s="6" t="s">
        <v>3930</v>
      </c>
      <c r="H830" s="6" t="s">
        <v>62</v>
      </c>
      <c r="I830" s="6" t="s">
        <v>186</v>
      </c>
      <c r="J830" s="6" t="s">
        <v>3931</v>
      </c>
      <c r="K830" s="9" t="s">
        <v>3932</v>
      </c>
      <c r="L830" s="10" t="s">
        <v>22</v>
      </c>
      <c r="M830" s="10" t="s">
        <v>22</v>
      </c>
      <c r="N830" s="10" t="s">
        <v>22</v>
      </c>
      <c r="O830" s="10" t="s">
        <v>22</v>
      </c>
      <c r="P830" s="10" t="s">
        <v>22</v>
      </c>
      <c r="Q830" s="10" t="s">
        <v>22</v>
      </c>
      <c r="R830" s="10" t="s">
        <v>22</v>
      </c>
      <c r="S830" s="10" t="s">
        <v>22</v>
      </c>
      <c r="T830" s="10" t="s">
        <v>22</v>
      </c>
      <c r="U830" s="10" t="s">
        <v>22</v>
      </c>
      <c r="V830" s="10" t="s">
        <v>22</v>
      </c>
      <c r="W830" s="10" t="s">
        <v>22</v>
      </c>
      <c r="X830" s="10" t="s">
        <v>22</v>
      </c>
      <c r="Y830" s="10" t="s">
        <v>22</v>
      </c>
      <c r="Z830" s="10" t="s">
        <v>22</v>
      </c>
    </row>
    <row r="831" spans="1:26" ht="24" customHeight="1" x14ac:dyDescent="0.2">
      <c r="A831" s="9" t="s">
        <v>18109</v>
      </c>
      <c r="B831" s="9" t="s">
        <v>14</v>
      </c>
      <c r="C831" s="9" t="s">
        <v>3933</v>
      </c>
      <c r="D831" s="6" t="s">
        <v>3934</v>
      </c>
      <c r="E831" s="22">
        <v>45086</v>
      </c>
      <c r="F831" s="22">
        <v>46912</v>
      </c>
      <c r="G831" s="6" t="s">
        <v>3935</v>
      </c>
      <c r="H831" s="6" t="s">
        <v>18</v>
      </c>
      <c r="I831" s="6" t="s">
        <v>19</v>
      </c>
      <c r="J831" s="6" t="s">
        <v>3936</v>
      </c>
      <c r="L831" s="10" t="s">
        <v>22</v>
      </c>
      <c r="M831" s="10" t="s">
        <v>22</v>
      </c>
      <c r="N831" s="10" t="s">
        <v>22</v>
      </c>
      <c r="O831" s="10" t="s">
        <v>22</v>
      </c>
      <c r="P831" s="10" t="s">
        <v>22</v>
      </c>
      <c r="Q831" s="10" t="s">
        <v>22</v>
      </c>
      <c r="R831" s="10" t="s">
        <v>22</v>
      </c>
      <c r="S831" s="10" t="s">
        <v>22</v>
      </c>
      <c r="T831" s="10" t="s">
        <v>22</v>
      </c>
      <c r="U831" s="10" t="s">
        <v>22</v>
      </c>
      <c r="V831" s="10" t="s">
        <v>22</v>
      </c>
      <c r="W831" s="10" t="s">
        <v>22</v>
      </c>
      <c r="X831" s="10" t="s">
        <v>22</v>
      </c>
      <c r="Y831" s="10" t="s">
        <v>22</v>
      </c>
      <c r="Z831" s="10" t="s">
        <v>22</v>
      </c>
    </row>
    <row r="832" spans="1:26" ht="24" customHeight="1" x14ac:dyDescent="0.2">
      <c r="A832" s="9" t="s">
        <v>18110</v>
      </c>
      <c r="B832" s="9" t="s">
        <v>14</v>
      </c>
      <c r="C832" s="9" t="s">
        <v>3937</v>
      </c>
      <c r="D832" s="6" t="s">
        <v>3938</v>
      </c>
      <c r="E832" s="22">
        <v>45090</v>
      </c>
      <c r="F832" s="22">
        <v>46916</v>
      </c>
      <c r="G832" s="6" t="s">
        <v>3939</v>
      </c>
      <c r="H832" s="6" t="s">
        <v>62</v>
      </c>
      <c r="I832" s="6" t="s">
        <v>414</v>
      </c>
      <c r="J832" s="6" t="s">
        <v>3940</v>
      </c>
      <c r="K832" s="9" t="s">
        <v>3941</v>
      </c>
      <c r="L832" s="10" t="s">
        <v>22</v>
      </c>
      <c r="M832" s="10" t="s">
        <v>22</v>
      </c>
      <c r="N832" s="10" t="s">
        <v>22</v>
      </c>
      <c r="O832" s="10" t="s">
        <v>22</v>
      </c>
      <c r="P832" s="10" t="s">
        <v>22</v>
      </c>
      <c r="Q832" s="10" t="s">
        <v>22</v>
      </c>
      <c r="U832" s="10" t="s">
        <v>22</v>
      </c>
      <c r="V832" s="10" t="s">
        <v>22</v>
      </c>
      <c r="W832" s="10" t="s">
        <v>22</v>
      </c>
      <c r="X832" s="10" t="s">
        <v>22</v>
      </c>
      <c r="Y832" s="10" t="s">
        <v>22</v>
      </c>
      <c r="Z832" s="10" t="s">
        <v>22</v>
      </c>
    </row>
    <row r="833" spans="1:26" ht="24" customHeight="1" x14ac:dyDescent="0.2">
      <c r="A833" s="9" t="s">
        <v>18111</v>
      </c>
      <c r="B833" s="9" t="s">
        <v>14</v>
      </c>
      <c r="C833" s="9" t="s">
        <v>3942</v>
      </c>
      <c r="D833" s="6" t="s">
        <v>3943</v>
      </c>
      <c r="E833" s="22">
        <v>45095</v>
      </c>
      <c r="F833" s="22">
        <v>46921</v>
      </c>
      <c r="G833" s="6" t="s">
        <v>3944</v>
      </c>
      <c r="H833" s="6" t="s">
        <v>62</v>
      </c>
      <c r="I833" s="6" t="s">
        <v>63</v>
      </c>
      <c r="J833" s="6" t="s">
        <v>3945</v>
      </c>
      <c r="K833" s="9" t="s">
        <v>3946</v>
      </c>
      <c r="L833" s="10" t="s">
        <v>22</v>
      </c>
      <c r="M833" s="10" t="s">
        <v>22</v>
      </c>
      <c r="N833" s="10" t="s">
        <v>22</v>
      </c>
      <c r="U833" s="10" t="s">
        <v>22</v>
      </c>
      <c r="V833" s="10" t="s">
        <v>22</v>
      </c>
      <c r="W833" s="10" t="s">
        <v>22</v>
      </c>
    </row>
    <row r="834" spans="1:26" ht="24" customHeight="1" x14ac:dyDescent="0.2">
      <c r="A834" s="9" t="s">
        <v>18112</v>
      </c>
      <c r="B834" s="9" t="s">
        <v>14</v>
      </c>
      <c r="C834" s="9" t="s">
        <v>3947</v>
      </c>
      <c r="D834" s="6" t="s">
        <v>3948</v>
      </c>
      <c r="E834" s="22">
        <v>45101</v>
      </c>
      <c r="F834" s="22">
        <v>46927</v>
      </c>
      <c r="G834" s="6" t="s">
        <v>3949</v>
      </c>
      <c r="H834" s="6" t="s">
        <v>18</v>
      </c>
      <c r="I834" s="6" t="s">
        <v>26</v>
      </c>
      <c r="J834" s="6" t="s">
        <v>3950</v>
      </c>
      <c r="K834" s="9" t="s">
        <v>3951</v>
      </c>
      <c r="Q834" s="10" t="s">
        <v>22</v>
      </c>
      <c r="Z834" s="10" t="s">
        <v>22</v>
      </c>
    </row>
    <row r="835" spans="1:26" ht="24" customHeight="1" x14ac:dyDescent="0.2">
      <c r="A835" s="9" t="s">
        <v>18113</v>
      </c>
      <c r="B835" s="9" t="s">
        <v>14</v>
      </c>
      <c r="C835" s="9" t="s">
        <v>3952</v>
      </c>
      <c r="D835" s="6" t="s">
        <v>3953</v>
      </c>
      <c r="E835" s="22">
        <v>45104</v>
      </c>
      <c r="F835" s="22">
        <v>46930</v>
      </c>
      <c r="G835" s="6" t="s">
        <v>3954</v>
      </c>
      <c r="H835" s="6" t="s">
        <v>18</v>
      </c>
      <c r="I835" s="6" t="s">
        <v>19</v>
      </c>
      <c r="J835" s="6" t="s">
        <v>3955</v>
      </c>
      <c r="K835" s="9" t="s">
        <v>3956</v>
      </c>
      <c r="L835" s="10" t="s">
        <v>22</v>
      </c>
      <c r="M835" s="10" t="s">
        <v>22</v>
      </c>
      <c r="N835" s="10" t="s">
        <v>22</v>
      </c>
      <c r="O835" s="10" t="s">
        <v>22</v>
      </c>
      <c r="P835" s="10" t="s">
        <v>22</v>
      </c>
      <c r="Q835" s="10" t="s">
        <v>22</v>
      </c>
      <c r="R835" s="10" t="s">
        <v>22</v>
      </c>
      <c r="S835" s="10" t="s">
        <v>22</v>
      </c>
      <c r="T835" s="10" t="s">
        <v>22</v>
      </c>
      <c r="U835" s="10" t="s">
        <v>22</v>
      </c>
      <c r="V835" s="10" t="s">
        <v>22</v>
      </c>
      <c r="W835" s="10" t="s">
        <v>22</v>
      </c>
      <c r="X835" s="10" t="s">
        <v>22</v>
      </c>
      <c r="Y835" s="10" t="s">
        <v>22</v>
      </c>
      <c r="Z835" s="10" t="s">
        <v>22</v>
      </c>
    </row>
    <row r="836" spans="1:26" ht="24" customHeight="1" x14ac:dyDescent="0.2">
      <c r="A836" s="9" t="s">
        <v>18114</v>
      </c>
      <c r="B836" s="9" t="s">
        <v>14</v>
      </c>
      <c r="C836" s="9" t="s">
        <v>3957</v>
      </c>
      <c r="D836" s="6" t="s">
        <v>3958</v>
      </c>
      <c r="E836" s="22">
        <v>45104</v>
      </c>
      <c r="F836" s="22">
        <v>46930</v>
      </c>
      <c r="G836" s="6" t="s">
        <v>3959</v>
      </c>
      <c r="H836" s="6" t="s">
        <v>202</v>
      </c>
      <c r="I836" s="6" t="s">
        <v>873</v>
      </c>
      <c r="J836" s="6" t="s">
        <v>3960</v>
      </c>
      <c r="K836" s="9" t="s">
        <v>3961</v>
      </c>
      <c r="L836" s="10" t="s">
        <v>22</v>
      </c>
      <c r="M836" s="10" t="s">
        <v>22</v>
      </c>
      <c r="N836" s="10" t="s">
        <v>22</v>
      </c>
      <c r="O836" s="10" t="s">
        <v>22</v>
      </c>
      <c r="P836" s="10" t="s">
        <v>22</v>
      </c>
      <c r="Q836" s="10" t="s">
        <v>22</v>
      </c>
      <c r="R836" s="10" t="s">
        <v>22</v>
      </c>
      <c r="S836" s="10" t="s">
        <v>22</v>
      </c>
      <c r="T836" s="10" t="s">
        <v>22</v>
      </c>
      <c r="U836" s="10" t="s">
        <v>22</v>
      </c>
      <c r="V836" s="10" t="s">
        <v>22</v>
      </c>
      <c r="W836" s="10" t="s">
        <v>22</v>
      </c>
      <c r="X836" s="10" t="s">
        <v>22</v>
      </c>
      <c r="Y836" s="10" t="s">
        <v>22</v>
      </c>
      <c r="Z836" s="10" t="s">
        <v>22</v>
      </c>
    </row>
    <row r="837" spans="1:26" ht="24" customHeight="1" x14ac:dyDescent="0.2">
      <c r="A837" s="9" t="s">
        <v>18115</v>
      </c>
      <c r="B837" s="9" t="s">
        <v>14</v>
      </c>
      <c r="C837" s="9" t="s">
        <v>3962</v>
      </c>
      <c r="D837" s="6" t="s">
        <v>3963</v>
      </c>
      <c r="E837" s="22">
        <v>45109</v>
      </c>
      <c r="F837" s="22">
        <v>46935</v>
      </c>
      <c r="G837" s="6" t="s">
        <v>3964</v>
      </c>
      <c r="H837" s="6" t="s">
        <v>62</v>
      </c>
      <c r="I837" s="6" t="s">
        <v>1141</v>
      </c>
      <c r="J837" s="6" t="s">
        <v>3965</v>
      </c>
      <c r="K837" s="9" t="s">
        <v>3966</v>
      </c>
      <c r="L837" s="10" t="s">
        <v>22</v>
      </c>
      <c r="M837" s="10" t="s">
        <v>22</v>
      </c>
      <c r="N837" s="10" t="s">
        <v>22</v>
      </c>
      <c r="O837" s="10" t="s">
        <v>22</v>
      </c>
      <c r="P837" s="10" t="s">
        <v>22</v>
      </c>
      <c r="Q837" s="10" t="s">
        <v>22</v>
      </c>
      <c r="U837" s="10" t="s">
        <v>22</v>
      </c>
      <c r="V837" s="10" t="s">
        <v>22</v>
      </c>
      <c r="W837" s="10" t="s">
        <v>22</v>
      </c>
      <c r="X837" s="10" t="s">
        <v>22</v>
      </c>
      <c r="Y837" s="10" t="s">
        <v>22</v>
      </c>
      <c r="Z837" s="10" t="s">
        <v>22</v>
      </c>
    </row>
    <row r="838" spans="1:26" ht="24" customHeight="1" x14ac:dyDescent="0.2">
      <c r="A838" s="9" t="s">
        <v>18116</v>
      </c>
      <c r="B838" s="9" t="s">
        <v>14</v>
      </c>
      <c r="C838" s="9" t="s">
        <v>3967</v>
      </c>
      <c r="D838" s="6" t="s">
        <v>3968</v>
      </c>
      <c r="E838" s="22">
        <v>45110</v>
      </c>
      <c r="F838" s="22">
        <v>46936</v>
      </c>
      <c r="G838" s="6" t="s">
        <v>3969</v>
      </c>
      <c r="H838" s="6" t="s">
        <v>62</v>
      </c>
      <c r="I838" s="6" t="s">
        <v>252</v>
      </c>
      <c r="J838" s="6" t="s">
        <v>3970</v>
      </c>
      <c r="K838" s="9" t="s">
        <v>3971</v>
      </c>
      <c r="L838" s="10" t="s">
        <v>22</v>
      </c>
      <c r="M838" s="10" t="s">
        <v>22</v>
      </c>
      <c r="N838" s="10" t="s">
        <v>22</v>
      </c>
      <c r="O838" s="10" t="s">
        <v>22</v>
      </c>
      <c r="P838" s="10" t="s">
        <v>22</v>
      </c>
      <c r="Q838" s="10" t="s">
        <v>22</v>
      </c>
      <c r="U838" s="10" t="s">
        <v>22</v>
      </c>
      <c r="V838" s="10" t="s">
        <v>22</v>
      </c>
      <c r="W838" s="10" t="s">
        <v>22</v>
      </c>
      <c r="X838" s="10" t="s">
        <v>22</v>
      </c>
      <c r="Y838" s="10" t="s">
        <v>22</v>
      </c>
      <c r="Z838" s="10" t="s">
        <v>22</v>
      </c>
    </row>
    <row r="839" spans="1:26" ht="24" customHeight="1" x14ac:dyDescent="0.2">
      <c r="A839" s="9" t="s">
        <v>18117</v>
      </c>
      <c r="B839" s="9" t="s">
        <v>14</v>
      </c>
      <c r="C839" s="9" t="s">
        <v>3972</v>
      </c>
      <c r="D839" s="6" t="s">
        <v>3973</v>
      </c>
      <c r="E839" s="22">
        <v>45142</v>
      </c>
      <c r="F839" s="22">
        <v>46968</v>
      </c>
      <c r="G839" s="6" t="s">
        <v>3974</v>
      </c>
      <c r="H839" s="6" t="s">
        <v>18</v>
      </c>
      <c r="I839" s="6" t="s">
        <v>19</v>
      </c>
      <c r="J839" s="6" t="s">
        <v>3975</v>
      </c>
      <c r="K839" s="9" t="s">
        <v>3976</v>
      </c>
      <c r="L839" s="10" t="s">
        <v>22</v>
      </c>
      <c r="M839" s="10" t="s">
        <v>22</v>
      </c>
      <c r="N839" s="10" t="s">
        <v>22</v>
      </c>
      <c r="R839" s="10" t="s">
        <v>22</v>
      </c>
      <c r="S839" s="10" t="s">
        <v>22</v>
      </c>
      <c r="T839" s="10" t="s">
        <v>22</v>
      </c>
      <c r="U839" s="10" t="s">
        <v>22</v>
      </c>
      <c r="V839" s="10" t="s">
        <v>22</v>
      </c>
      <c r="W839" s="10" t="s">
        <v>22</v>
      </c>
    </row>
    <row r="840" spans="1:26" ht="24" customHeight="1" x14ac:dyDescent="0.2">
      <c r="A840" s="9" t="s">
        <v>18118</v>
      </c>
      <c r="B840" s="9" t="s">
        <v>14</v>
      </c>
      <c r="C840" s="9" t="s">
        <v>3977</v>
      </c>
      <c r="D840" s="6" t="s">
        <v>3978</v>
      </c>
      <c r="E840" s="22">
        <v>45179</v>
      </c>
      <c r="F840" s="22">
        <v>47005</v>
      </c>
      <c r="G840" s="6" t="s">
        <v>3979</v>
      </c>
      <c r="H840" s="6" t="s">
        <v>202</v>
      </c>
      <c r="I840" s="6" t="s">
        <v>863</v>
      </c>
      <c r="J840" s="6" t="s">
        <v>3980</v>
      </c>
      <c r="K840" s="9" t="s">
        <v>3981</v>
      </c>
      <c r="L840" s="10" t="s">
        <v>22</v>
      </c>
      <c r="M840" s="10" t="s">
        <v>22</v>
      </c>
      <c r="N840" s="10" t="s">
        <v>22</v>
      </c>
      <c r="O840" s="10" t="s">
        <v>22</v>
      </c>
      <c r="P840" s="10" t="s">
        <v>22</v>
      </c>
      <c r="Q840" s="10" t="s">
        <v>22</v>
      </c>
      <c r="R840" s="10" t="s">
        <v>22</v>
      </c>
      <c r="S840" s="10" t="s">
        <v>22</v>
      </c>
      <c r="T840" s="10" t="s">
        <v>22</v>
      </c>
    </row>
    <row r="841" spans="1:26" ht="24" customHeight="1" x14ac:dyDescent="0.2">
      <c r="A841" s="9" t="s">
        <v>18119</v>
      </c>
      <c r="B841" s="9" t="s">
        <v>14</v>
      </c>
      <c r="C841" s="9" t="s">
        <v>3982</v>
      </c>
      <c r="D841" s="6" t="s">
        <v>3983</v>
      </c>
      <c r="E841" s="22">
        <v>45185</v>
      </c>
      <c r="F841" s="22">
        <v>47011</v>
      </c>
      <c r="G841" s="6" t="s">
        <v>3984</v>
      </c>
      <c r="H841" s="6" t="s">
        <v>18</v>
      </c>
      <c r="I841" s="6" t="s">
        <v>19</v>
      </c>
      <c r="J841" s="6" t="s">
        <v>3985</v>
      </c>
      <c r="K841" s="9" t="s">
        <v>3986</v>
      </c>
      <c r="L841" s="10" t="s">
        <v>22</v>
      </c>
      <c r="M841" s="10" t="s">
        <v>22</v>
      </c>
      <c r="N841" s="10" t="s">
        <v>22</v>
      </c>
      <c r="O841" s="10" t="s">
        <v>22</v>
      </c>
      <c r="P841" s="10" t="s">
        <v>22</v>
      </c>
      <c r="Q841" s="10" t="s">
        <v>22</v>
      </c>
      <c r="R841" s="10" t="s">
        <v>22</v>
      </c>
      <c r="S841" s="10" t="s">
        <v>22</v>
      </c>
      <c r="T841" s="10" t="s">
        <v>22</v>
      </c>
      <c r="U841" s="10" t="s">
        <v>22</v>
      </c>
      <c r="V841" s="10" t="s">
        <v>22</v>
      </c>
      <c r="W841" s="10" t="s">
        <v>22</v>
      </c>
      <c r="X841" s="10" t="s">
        <v>22</v>
      </c>
      <c r="Y841" s="10" t="s">
        <v>22</v>
      </c>
      <c r="Z841" s="10" t="s">
        <v>22</v>
      </c>
    </row>
    <row r="842" spans="1:26" ht="31.75" customHeight="1" x14ac:dyDescent="0.2">
      <c r="A842" s="9" t="s">
        <v>18120</v>
      </c>
      <c r="B842" s="9" t="s">
        <v>14</v>
      </c>
      <c r="C842" s="9" t="s">
        <v>3987</v>
      </c>
      <c r="D842" s="6" t="s">
        <v>3988</v>
      </c>
      <c r="E842" s="22">
        <v>45193</v>
      </c>
      <c r="F842" s="22">
        <v>47019</v>
      </c>
      <c r="G842" s="6" t="s">
        <v>3989</v>
      </c>
      <c r="H842" s="6" t="s">
        <v>18</v>
      </c>
      <c r="I842" s="6" t="s">
        <v>26</v>
      </c>
      <c r="J842" s="6" t="s">
        <v>3990</v>
      </c>
      <c r="K842" s="9" t="s">
        <v>3991</v>
      </c>
      <c r="L842" s="10" t="s">
        <v>22</v>
      </c>
      <c r="M842" s="10" t="s">
        <v>22</v>
      </c>
      <c r="N842" s="10" t="s">
        <v>22</v>
      </c>
      <c r="O842" s="10" t="s">
        <v>22</v>
      </c>
      <c r="P842" s="10" t="s">
        <v>22</v>
      </c>
      <c r="Q842" s="10" t="s">
        <v>22</v>
      </c>
    </row>
    <row r="843" spans="1:26" ht="24" customHeight="1" x14ac:dyDescent="0.2">
      <c r="A843" s="9" t="s">
        <v>18121</v>
      </c>
      <c r="B843" s="9" t="s">
        <v>14</v>
      </c>
      <c r="C843" s="9" t="s">
        <v>3992</v>
      </c>
      <c r="D843" s="6" t="s">
        <v>3759</v>
      </c>
      <c r="E843" s="22">
        <v>45205</v>
      </c>
      <c r="F843" s="22">
        <v>47031</v>
      </c>
      <c r="G843" s="6" t="s">
        <v>3760</v>
      </c>
      <c r="H843" s="6" t="s">
        <v>62</v>
      </c>
      <c r="I843" s="6" t="s">
        <v>994</v>
      </c>
      <c r="J843" s="6" t="s">
        <v>3993</v>
      </c>
      <c r="K843" s="9" t="s">
        <v>3994</v>
      </c>
      <c r="L843" s="10" t="s">
        <v>22</v>
      </c>
      <c r="M843" s="10" t="s">
        <v>22</v>
      </c>
      <c r="N843" s="10" t="s">
        <v>22</v>
      </c>
      <c r="O843" s="10" t="s">
        <v>22</v>
      </c>
      <c r="P843" s="10" t="s">
        <v>22</v>
      </c>
      <c r="Q843" s="10" t="s">
        <v>22</v>
      </c>
      <c r="U843" s="10" t="s">
        <v>22</v>
      </c>
      <c r="V843" s="10" t="s">
        <v>22</v>
      </c>
      <c r="W843" s="10" t="s">
        <v>22</v>
      </c>
      <c r="X843" s="10" t="s">
        <v>22</v>
      </c>
      <c r="Y843" s="10" t="s">
        <v>22</v>
      </c>
      <c r="Z843" s="10" t="s">
        <v>22</v>
      </c>
    </row>
    <row r="844" spans="1:26" ht="24" customHeight="1" x14ac:dyDescent="0.2">
      <c r="A844" s="9" t="s">
        <v>18122</v>
      </c>
      <c r="B844" s="9" t="s">
        <v>14</v>
      </c>
      <c r="C844" s="9" t="s">
        <v>3995</v>
      </c>
      <c r="D844" s="6" t="s">
        <v>3996</v>
      </c>
      <c r="E844" s="22">
        <v>45206</v>
      </c>
      <c r="F844" s="22">
        <v>47032</v>
      </c>
      <c r="G844" s="6" t="s">
        <v>3997</v>
      </c>
      <c r="H844" s="6" t="s">
        <v>62</v>
      </c>
      <c r="I844" s="6" t="s">
        <v>1955</v>
      </c>
      <c r="J844" s="6" t="s">
        <v>3998</v>
      </c>
      <c r="K844" s="9" t="s">
        <v>3999</v>
      </c>
      <c r="L844" s="10" t="s">
        <v>22</v>
      </c>
      <c r="M844" s="10" t="s">
        <v>22</v>
      </c>
      <c r="N844" s="10" t="s">
        <v>22</v>
      </c>
      <c r="O844" s="10" t="s">
        <v>22</v>
      </c>
      <c r="P844" s="10" t="s">
        <v>22</v>
      </c>
      <c r="Q844" s="10" t="s">
        <v>22</v>
      </c>
      <c r="R844" s="10" t="s">
        <v>22</v>
      </c>
      <c r="S844" s="10" t="s">
        <v>22</v>
      </c>
      <c r="T844" s="10" t="s">
        <v>22</v>
      </c>
      <c r="U844" s="10" t="s">
        <v>22</v>
      </c>
      <c r="V844" s="10" t="s">
        <v>22</v>
      </c>
      <c r="W844" s="10" t="s">
        <v>22</v>
      </c>
      <c r="X844" s="10" t="s">
        <v>22</v>
      </c>
      <c r="Y844" s="10" t="s">
        <v>22</v>
      </c>
      <c r="Z844" s="10" t="s">
        <v>22</v>
      </c>
    </row>
    <row r="845" spans="1:26" ht="24" customHeight="1" x14ac:dyDescent="0.2">
      <c r="A845" s="9" t="s">
        <v>18123</v>
      </c>
      <c r="B845" s="9" t="s">
        <v>14</v>
      </c>
      <c r="C845" s="9" t="s">
        <v>4000</v>
      </c>
      <c r="D845" s="6" t="s">
        <v>4001</v>
      </c>
      <c r="E845" s="22">
        <v>45216</v>
      </c>
      <c r="F845" s="22">
        <v>47042</v>
      </c>
      <c r="G845" s="6" t="s">
        <v>4002</v>
      </c>
      <c r="H845" s="6" t="s">
        <v>18</v>
      </c>
      <c r="I845" s="6" t="s">
        <v>26</v>
      </c>
      <c r="J845" s="6" t="s">
        <v>4003</v>
      </c>
      <c r="K845" s="9" t="s">
        <v>4004</v>
      </c>
      <c r="M845" s="10" t="s">
        <v>22</v>
      </c>
      <c r="N845" s="10" t="s">
        <v>22</v>
      </c>
      <c r="V845" s="10" t="s">
        <v>22</v>
      </c>
      <c r="W845" s="10" t="s">
        <v>22</v>
      </c>
    </row>
    <row r="846" spans="1:26" ht="24" customHeight="1" x14ac:dyDescent="0.2">
      <c r="A846" s="9" t="s">
        <v>18124</v>
      </c>
      <c r="B846" s="9" t="s">
        <v>14</v>
      </c>
      <c r="C846" s="9" t="s">
        <v>4005</v>
      </c>
      <c r="D846" s="6" t="s">
        <v>4006</v>
      </c>
      <c r="E846" s="22">
        <v>45229</v>
      </c>
      <c r="F846" s="22">
        <v>47055</v>
      </c>
      <c r="G846" s="6" t="s">
        <v>4007</v>
      </c>
      <c r="H846" s="6" t="s">
        <v>18</v>
      </c>
      <c r="I846" s="6" t="s">
        <v>19</v>
      </c>
      <c r="J846" s="6" t="s">
        <v>4008</v>
      </c>
      <c r="K846" s="9" t="s">
        <v>4009</v>
      </c>
      <c r="L846" s="10" t="s">
        <v>22</v>
      </c>
      <c r="M846" s="10" t="s">
        <v>22</v>
      </c>
      <c r="N846" s="10" t="s">
        <v>22</v>
      </c>
      <c r="O846" s="10" t="s">
        <v>22</v>
      </c>
      <c r="P846" s="10" t="s">
        <v>22</v>
      </c>
      <c r="Q846" s="10" t="s">
        <v>22</v>
      </c>
      <c r="R846" s="10" t="s">
        <v>22</v>
      </c>
      <c r="S846" s="10" t="s">
        <v>22</v>
      </c>
      <c r="T846" s="10" t="s">
        <v>22</v>
      </c>
      <c r="U846" s="10" t="s">
        <v>22</v>
      </c>
      <c r="V846" s="10" t="s">
        <v>22</v>
      </c>
      <c r="W846" s="10" t="s">
        <v>22</v>
      </c>
      <c r="X846" s="10" t="s">
        <v>22</v>
      </c>
      <c r="Y846" s="10" t="s">
        <v>22</v>
      </c>
      <c r="Z846" s="10" t="s">
        <v>22</v>
      </c>
    </row>
    <row r="847" spans="1:26" ht="24" customHeight="1" x14ac:dyDescent="0.2">
      <c r="A847" s="9" t="s">
        <v>18125</v>
      </c>
      <c r="B847" s="9" t="s">
        <v>14</v>
      </c>
      <c r="C847" s="9" t="s">
        <v>4010</v>
      </c>
      <c r="D847" s="6" t="s">
        <v>4011</v>
      </c>
      <c r="E847" s="22">
        <v>45230</v>
      </c>
      <c r="F847" s="22">
        <v>47056</v>
      </c>
      <c r="G847" s="6" t="s">
        <v>4012</v>
      </c>
      <c r="H847" s="6" t="s">
        <v>202</v>
      </c>
      <c r="I847" s="6" t="s">
        <v>336</v>
      </c>
      <c r="J847" s="6" t="s">
        <v>4013</v>
      </c>
      <c r="K847" s="9" t="s">
        <v>4014</v>
      </c>
      <c r="L847" s="10" t="s">
        <v>22</v>
      </c>
      <c r="M847" s="10" t="s">
        <v>22</v>
      </c>
      <c r="N847" s="10" t="s">
        <v>22</v>
      </c>
      <c r="O847" s="10" t="s">
        <v>22</v>
      </c>
      <c r="P847" s="10" t="s">
        <v>22</v>
      </c>
      <c r="Q847" s="10" t="s">
        <v>22</v>
      </c>
      <c r="R847" s="10" t="s">
        <v>22</v>
      </c>
      <c r="S847" s="10" t="s">
        <v>22</v>
      </c>
      <c r="T847" s="10" t="s">
        <v>22</v>
      </c>
      <c r="U847" s="10" t="s">
        <v>22</v>
      </c>
      <c r="V847" s="10" t="s">
        <v>22</v>
      </c>
      <c r="W847" s="10" t="s">
        <v>22</v>
      </c>
      <c r="X847" s="10" t="s">
        <v>22</v>
      </c>
      <c r="Y847" s="10" t="s">
        <v>22</v>
      </c>
      <c r="Z847" s="10" t="s">
        <v>22</v>
      </c>
    </row>
    <row r="848" spans="1:26" ht="24" customHeight="1" x14ac:dyDescent="0.2">
      <c r="A848" s="9" t="s">
        <v>18126</v>
      </c>
      <c r="B848" s="9" t="s">
        <v>14</v>
      </c>
      <c r="C848" s="9" t="s">
        <v>4015</v>
      </c>
      <c r="D848" s="6" t="s">
        <v>4016</v>
      </c>
      <c r="E848" s="22">
        <v>45234</v>
      </c>
      <c r="F848" s="22">
        <v>47060</v>
      </c>
      <c r="G848" s="6" t="s">
        <v>4017</v>
      </c>
      <c r="H848" s="6" t="s">
        <v>18</v>
      </c>
      <c r="I848" s="6" t="s">
        <v>19</v>
      </c>
      <c r="J848" s="6" t="s">
        <v>4018</v>
      </c>
      <c r="K848" s="9" t="s">
        <v>4019</v>
      </c>
      <c r="L848" s="10" t="s">
        <v>22</v>
      </c>
      <c r="M848" s="10" t="s">
        <v>22</v>
      </c>
      <c r="N848" s="10" t="s">
        <v>22</v>
      </c>
      <c r="O848" s="10" t="s">
        <v>22</v>
      </c>
      <c r="P848" s="10" t="s">
        <v>22</v>
      </c>
      <c r="Q848" s="10" t="s">
        <v>22</v>
      </c>
      <c r="R848" s="10" t="s">
        <v>22</v>
      </c>
      <c r="S848" s="10" t="s">
        <v>22</v>
      </c>
      <c r="T848" s="10" t="s">
        <v>22</v>
      </c>
      <c r="U848" s="10" t="s">
        <v>22</v>
      </c>
      <c r="V848" s="10" t="s">
        <v>22</v>
      </c>
      <c r="W848" s="10" t="s">
        <v>22</v>
      </c>
      <c r="X848" s="10" t="s">
        <v>22</v>
      </c>
      <c r="Y848" s="10" t="s">
        <v>22</v>
      </c>
      <c r="Z848" s="10" t="s">
        <v>22</v>
      </c>
    </row>
    <row r="849" spans="1:26" ht="24" customHeight="1" x14ac:dyDescent="0.2">
      <c r="A849" s="9" t="s">
        <v>18127</v>
      </c>
      <c r="B849" s="9" t="s">
        <v>14</v>
      </c>
      <c r="C849" s="9" t="s">
        <v>4020</v>
      </c>
      <c r="D849" s="6" t="s">
        <v>4021</v>
      </c>
      <c r="E849" s="22">
        <v>45240</v>
      </c>
      <c r="F849" s="22">
        <v>47066</v>
      </c>
      <c r="G849" s="6" t="s">
        <v>4022</v>
      </c>
      <c r="H849" s="6" t="s">
        <v>62</v>
      </c>
      <c r="I849" s="6" t="s">
        <v>63</v>
      </c>
      <c r="J849" s="6" t="s">
        <v>4023</v>
      </c>
      <c r="K849" s="9" t="s">
        <v>4024</v>
      </c>
      <c r="L849" s="10" t="s">
        <v>22</v>
      </c>
      <c r="M849" s="10" t="s">
        <v>22</v>
      </c>
      <c r="N849" s="10" t="s">
        <v>22</v>
      </c>
      <c r="O849" s="10" t="s">
        <v>22</v>
      </c>
      <c r="P849" s="10" t="s">
        <v>22</v>
      </c>
      <c r="Q849" s="10" t="s">
        <v>22</v>
      </c>
      <c r="R849" s="10" t="s">
        <v>22</v>
      </c>
      <c r="S849" s="10" t="s">
        <v>22</v>
      </c>
      <c r="T849" s="10" t="s">
        <v>22</v>
      </c>
      <c r="U849" s="10" t="s">
        <v>22</v>
      </c>
      <c r="V849" s="10" t="s">
        <v>22</v>
      </c>
      <c r="W849" s="10" t="s">
        <v>22</v>
      </c>
      <c r="X849" s="10" t="s">
        <v>22</v>
      </c>
      <c r="Y849" s="10" t="s">
        <v>22</v>
      </c>
      <c r="Z849" s="10" t="s">
        <v>22</v>
      </c>
    </row>
    <row r="850" spans="1:26" ht="24" customHeight="1" x14ac:dyDescent="0.2">
      <c r="A850" s="9" t="s">
        <v>18128</v>
      </c>
      <c r="B850" s="9" t="s">
        <v>14</v>
      </c>
      <c r="C850" s="9" t="s">
        <v>4025</v>
      </c>
      <c r="D850" s="6" t="s">
        <v>4026</v>
      </c>
      <c r="E850" s="22">
        <v>45241</v>
      </c>
      <c r="F850" s="22">
        <v>47067</v>
      </c>
      <c r="G850" s="6" t="s">
        <v>4027</v>
      </c>
      <c r="H850" s="6" t="s">
        <v>18</v>
      </c>
      <c r="I850" s="6" t="s">
        <v>19</v>
      </c>
      <c r="J850" s="6" t="s">
        <v>4028</v>
      </c>
      <c r="K850" s="9" t="s">
        <v>4029</v>
      </c>
      <c r="M850" s="10" t="s">
        <v>22</v>
      </c>
      <c r="N850" s="10" t="s">
        <v>22</v>
      </c>
      <c r="P850" s="10" t="s">
        <v>22</v>
      </c>
      <c r="Q850" s="10" t="s">
        <v>22</v>
      </c>
      <c r="S850" s="10" t="s">
        <v>22</v>
      </c>
      <c r="T850" s="10" t="s">
        <v>22</v>
      </c>
      <c r="U850" s="10" t="s">
        <v>22</v>
      </c>
      <c r="V850" s="10" t="s">
        <v>22</v>
      </c>
      <c r="W850" s="10" t="s">
        <v>22</v>
      </c>
      <c r="X850" s="10" t="s">
        <v>22</v>
      </c>
      <c r="Y850" s="10" t="s">
        <v>22</v>
      </c>
      <c r="Z850" s="10" t="s">
        <v>22</v>
      </c>
    </row>
    <row r="851" spans="1:26" ht="24" customHeight="1" x14ac:dyDescent="0.2">
      <c r="A851" s="9" t="s">
        <v>18129</v>
      </c>
      <c r="B851" s="9" t="s">
        <v>14</v>
      </c>
      <c r="C851" s="9" t="s">
        <v>4030</v>
      </c>
      <c r="D851" s="6" t="s">
        <v>4031</v>
      </c>
      <c r="E851" s="22">
        <v>45251</v>
      </c>
      <c r="F851" s="22">
        <v>47077</v>
      </c>
      <c r="G851" s="6" t="s">
        <v>4032</v>
      </c>
      <c r="H851" s="6" t="s">
        <v>62</v>
      </c>
      <c r="I851" s="6" t="s">
        <v>551</v>
      </c>
      <c r="J851" s="6" t="s">
        <v>4033</v>
      </c>
      <c r="L851" s="10" t="s">
        <v>22</v>
      </c>
      <c r="M851" s="10" t="s">
        <v>22</v>
      </c>
      <c r="N851" s="10" t="s">
        <v>22</v>
      </c>
      <c r="O851" s="10" t="s">
        <v>22</v>
      </c>
      <c r="P851" s="10" t="s">
        <v>22</v>
      </c>
      <c r="Q851" s="10" t="s">
        <v>22</v>
      </c>
      <c r="R851" s="10" t="s">
        <v>22</v>
      </c>
      <c r="S851" s="10" t="s">
        <v>22</v>
      </c>
      <c r="T851" s="10" t="s">
        <v>22</v>
      </c>
      <c r="U851" s="10" t="s">
        <v>22</v>
      </c>
      <c r="V851" s="10" t="s">
        <v>22</v>
      </c>
      <c r="W851" s="10" t="s">
        <v>22</v>
      </c>
      <c r="X851" s="10" t="s">
        <v>22</v>
      </c>
      <c r="Y851" s="10" t="s">
        <v>22</v>
      </c>
      <c r="Z851" s="10" t="s">
        <v>22</v>
      </c>
    </row>
    <row r="852" spans="1:26" ht="24" customHeight="1" x14ac:dyDescent="0.2">
      <c r="A852" s="9" t="s">
        <v>18130</v>
      </c>
      <c r="B852" s="9" t="s">
        <v>14</v>
      </c>
      <c r="C852" s="9" t="s">
        <v>4034</v>
      </c>
      <c r="D852" s="6" t="s">
        <v>4035</v>
      </c>
      <c r="E852" s="22">
        <v>45251</v>
      </c>
      <c r="F852" s="22">
        <v>47077</v>
      </c>
      <c r="G852" s="6" t="s">
        <v>4036</v>
      </c>
      <c r="H852" s="6" t="s">
        <v>62</v>
      </c>
      <c r="I852" s="6" t="s">
        <v>379</v>
      </c>
      <c r="J852" s="6" t="s">
        <v>4037</v>
      </c>
      <c r="K852" s="9" t="s">
        <v>4038</v>
      </c>
      <c r="N852" s="10" t="s">
        <v>22</v>
      </c>
      <c r="W852" s="10" t="s">
        <v>22</v>
      </c>
    </row>
    <row r="853" spans="1:26" ht="24" customHeight="1" x14ac:dyDescent="0.2">
      <c r="A853" s="9" t="s">
        <v>18131</v>
      </c>
      <c r="B853" s="9" t="s">
        <v>14</v>
      </c>
      <c r="C853" s="9" t="s">
        <v>4039</v>
      </c>
      <c r="D853" s="6" t="s">
        <v>4040</v>
      </c>
      <c r="E853" s="22">
        <v>45257</v>
      </c>
      <c r="F853" s="22">
        <v>47083</v>
      </c>
      <c r="G853" s="6" t="s">
        <v>4041</v>
      </c>
      <c r="H853" s="6" t="s">
        <v>18</v>
      </c>
      <c r="I853" s="6" t="s">
        <v>19</v>
      </c>
      <c r="J853" s="6" t="s">
        <v>4042</v>
      </c>
      <c r="K853" s="9" t="s">
        <v>4043</v>
      </c>
      <c r="L853" s="10" t="s">
        <v>22</v>
      </c>
      <c r="M853" s="10" t="s">
        <v>22</v>
      </c>
      <c r="N853" s="10" t="s">
        <v>22</v>
      </c>
      <c r="O853" s="10" t="s">
        <v>22</v>
      </c>
      <c r="P853" s="10" t="s">
        <v>22</v>
      </c>
      <c r="Q853" s="10" t="s">
        <v>22</v>
      </c>
      <c r="R853" s="10" t="s">
        <v>22</v>
      </c>
      <c r="S853" s="10" t="s">
        <v>22</v>
      </c>
      <c r="T853" s="10" t="s">
        <v>22</v>
      </c>
      <c r="U853" s="10" t="s">
        <v>22</v>
      </c>
      <c r="V853" s="10" t="s">
        <v>22</v>
      </c>
      <c r="W853" s="10" t="s">
        <v>22</v>
      </c>
      <c r="X853" s="10" t="s">
        <v>22</v>
      </c>
      <c r="Y853" s="10" t="s">
        <v>22</v>
      </c>
      <c r="Z853" s="10" t="s">
        <v>22</v>
      </c>
    </row>
    <row r="854" spans="1:26" ht="24" customHeight="1" x14ac:dyDescent="0.2">
      <c r="A854" s="9" t="s">
        <v>18132</v>
      </c>
      <c r="B854" s="9" t="s">
        <v>14</v>
      </c>
      <c r="C854" s="9" t="s">
        <v>4044</v>
      </c>
      <c r="D854" s="6" t="s">
        <v>4045</v>
      </c>
      <c r="E854" s="22">
        <v>45263</v>
      </c>
      <c r="F854" s="22">
        <v>47089</v>
      </c>
      <c r="G854" s="6" t="s">
        <v>4046</v>
      </c>
      <c r="H854" s="6" t="s">
        <v>62</v>
      </c>
      <c r="I854" s="6" t="s">
        <v>186</v>
      </c>
      <c r="J854" s="6" t="s">
        <v>4047</v>
      </c>
      <c r="K854" s="9" t="s">
        <v>4048</v>
      </c>
      <c r="L854" s="10" t="s">
        <v>22</v>
      </c>
      <c r="M854" s="10" t="s">
        <v>22</v>
      </c>
      <c r="N854" s="10" t="s">
        <v>22</v>
      </c>
      <c r="O854" s="10" t="s">
        <v>22</v>
      </c>
      <c r="P854" s="10" t="s">
        <v>22</v>
      </c>
      <c r="Q854" s="10" t="s">
        <v>22</v>
      </c>
      <c r="R854" s="10" t="s">
        <v>22</v>
      </c>
      <c r="S854" s="10" t="s">
        <v>22</v>
      </c>
      <c r="T854" s="10" t="s">
        <v>22</v>
      </c>
      <c r="U854" s="10" t="s">
        <v>22</v>
      </c>
      <c r="V854" s="10" t="s">
        <v>22</v>
      </c>
      <c r="W854" s="10" t="s">
        <v>22</v>
      </c>
      <c r="X854" s="10" t="s">
        <v>22</v>
      </c>
      <c r="Y854" s="10" t="s">
        <v>22</v>
      </c>
      <c r="Z854" s="10" t="s">
        <v>22</v>
      </c>
    </row>
    <row r="855" spans="1:26" ht="24" customHeight="1" x14ac:dyDescent="0.2">
      <c r="A855" s="9" t="s">
        <v>18133</v>
      </c>
      <c r="B855" s="9" t="s">
        <v>14</v>
      </c>
      <c r="C855" s="9" t="s">
        <v>4049</v>
      </c>
      <c r="D855" s="6" t="s">
        <v>4050</v>
      </c>
      <c r="E855" s="22">
        <v>45268</v>
      </c>
      <c r="F855" s="22">
        <v>47094</v>
      </c>
      <c r="G855" s="6" t="s">
        <v>4051</v>
      </c>
      <c r="H855" s="6" t="s">
        <v>18</v>
      </c>
      <c r="I855" s="6" t="s">
        <v>19</v>
      </c>
      <c r="J855" s="6" t="s">
        <v>4052</v>
      </c>
      <c r="L855" s="10" t="s">
        <v>22</v>
      </c>
      <c r="M855" s="10" t="s">
        <v>22</v>
      </c>
      <c r="N855" s="10" t="s">
        <v>22</v>
      </c>
      <c r="R855" s="10" t="s">
        <v>22</v>
      </c>
      <c r="S855" s="10" t="s">
        <v>22</v>
      </c>
      <c r="T855" s="10" t="s">
        <v>22</v>
      </c>
    </row>
    <row r="856" spans="1:26" ht="24" customHeight="1" x14ac:dyDescent="0.2">
      <c r="A856" s="9" t="s">
        <v>18134</v>
      </c>
      <c r="B856" s="9" t="s">
        <v>14</v>
      </c>
      <c r="C856" s="9" t="s">
        <v>4053</v>
      </c>
      <c r="D856" s="6" t="s">
        <v>4054</v>
      </c>
      <c r="E856" s="22">
        <v>45269</v>
      </c>
      <c r="F856" s="22">
        <v>47095</v>
      </c>
      <c r="G856" s="6" t="s">
        <v>4055</v>
      </c>
      <c r="H856" s="6" t="s">
        <v>18</v>
      </c>
      <c r="I856" s="6" t="s">
        <v>26</v>
      </c>
      <c r="J856" s="6" t="s">
        <v>4056</v>
      </c>
      <c r="K856" s="9" t="s">
        <v>4057</v>
      </c>
      <c r="L856" s="10" t="s">
        <v>22</v>
      </c>
      <c r="M856" s="10" t="s">
        <v>22</v>
      </c>
      <c r="N856" s="10" t="s">
        <v>22</v>
      </c>
      <c r="O856" s="10" t="s">
        <v>22</v>
      </c>
      <c r="P856" s="10" t="s">
        <v>22</v>
      </c>
      <c r="Q856" s="10" t="s">
        <v>22</v>
      </c>
      <c r="R856" s="10" t="s">
        <v>22</v>
      </c>
      <c r="S856" s="10" t="s">
        <v>22</v>
      </c>
      <c r="T856" s="10" t="s">
        <v>22</v>
      </c>
      <c r="U856" s="10" t="s">
        <v>22</v>
      </c>
      <c r="V856" s="10" t="s">
        <v>22</v>
      </c>
      <c r="W856" s="10" t="s">
        <v>22</v>
      </c>
      <c r="X856" s="10" t="s">
        <v>22</v>
      </c>
      <c r="Y856" s="10" t="s">
        <v>22</v>
      </c>
      <c r="Z856" s="10" t="s">
        <v>22</v>
      </c>
    </row>
    <row r="857" spans="1:26" ht="24" customHeight="1" x14ac:dyDescent="0.2">
      <c r="A857" s="9" t="s">
        <v>18135</v>
      </c>
      <c r="B857" s="9" t="s">
        <v>14</v>
      </c>
      <c r="C857" s="9" t="s">
        <v>4058</v>
      </c>
      <c r="D857" s="6" t="s">
        <v>4059</v>
      </c>
      <c r="E857" s="22">
        <v>45270</v>
      </c>
      <c r="F857" s="22">
        <v>47096</v>
      </c>
      <c r="G857" s="6" t="s">
        <v>4060</v>
      </c>
      <c r="H857" s="6" t="s">
        <v>18</v>
      </c>
      <c r="I857" s="6" t="s">
        <v>19</v>
      </c>
      <c r="J857" s="6" t="s">
        <v>4061</v>
      </c>
      <c r="K857" s="9" t="s">
        <v>4062</v>
      </c>
      <c r="L857" s="10" t="s">
        <v>22</v>
      </c>
      <c r="M857" s="10" t="s">
        <v>22</v>
      </c>
      <c r="N857" s="10" t="s">
        <v>22</v>
      </c>
      <c r="O857" s="10" t="s">
        <v>22</v>
      </c>
      <c r="P857" s="10" t="s">
        <v>22</v>
      </c>
      <c r="Q857" s="10" t="s">
        <v>22</v>
      </c>
    </row>
    <row r="858" spans="1:26" ht="24" customHeight="1" x14ac:dyDescent="0.2">
      <c r="A858" s="9" t="s">
        <v>18136</v>
      </c>
      <c r="B858" s="9" t="s">
        <v>14</v>
      </c>
      <c r="C858" s="9" t="s">
        <v>4063</v>
      </c>
      <c r="D858" s="6" t="s">
        <v>4064</v>
      </c>
      <c r="E858" s="22">
        <v>45275</v>
      </c>
      <c r="F858" s="22">
        <v>47101</v>
      </c>
      <c r="G858" s="6" t="s">
        <v>4065</v>
      </c>
      <c r="H858" s="6" t="s">
        <v>202</v>
      </c>
      <c r="I858" s="6" t="s">
        <v>203</v>
      </c>
      <c r="J858" s="6" t="s">
        <v>4066</v>
      </c>
      <c r="K858" s="9" t="s">
        <v>4067</v>
      </c>
      <c r="L858" s="10" t="s">
        <v>22</v>
      </c>
      <c r="M858" s="10" t="s">
        <v>22</v>
      </c>
      <c r="N858" s="10" t="s">
        <v>22</v>
      </c>
      <c r="O858" s="10" t="s">
        <v>22</v>
      </c>
      <c r="P858" s="10" t="s">
        <v>22</v>
      </c>
      <c r="Q858" s="10" t="s">
        <v>22</v>
      </c>
      <c r="U858" s="10" t="s">
        <v>22</v>
      </c>
      <c r="V858" s="10" t="s">
        <v>22</v>
      </c>
      <c r="W858" s="10" t="s">
        <v>22</v>
      </c>
      <c r="X858" s="10" t="s">
        <v>22</v>
      </c>
      <c r="Y858" s="10" t="s">
        <v>22</v>
      </c>
      <c r="Z858" s="10" t="s">
        <v>22</v>
      </c>
    </row>
    <row r="859" spans="1:26" ht="24" customHeight="1" x14ac:dyDescent="0.2">
      <c r="A859" s="9" t="s">
        <v>18137</v>
      </c>
      <c r="B859" s="9" t="s">
        <v>14</v>
      </c>
      <c r="C859" s="9" t="s">
        <v>4068</v>
      </c>
      <c r="D859" s="6" t="s">
        <v>4069</v>
      </c>
      <c r="E859" s="22">
        <v>45275</v>
      </c>
      <c r="F859" s="22">
        <v>47101</v>
      </c>
      <c r="G859" s="6" t="s">
        <v>4070</v>
      </c>
      <c r="H859" s="6" t="s">
        <v>62</v>
      </c>
      <c r="I859" s="6" t="s">
        <v>318</v>
      </c>
      <c r="J859" s="6" t="s">
        <v>4071</v>
      </c>
      <c r="K859" s="9" t="s">
        <v>4072</v>
      </c>
      <c r="L859" s="10" t="s">
        <v>22</v>
      </c>
      <c r="M859" s="10" t="s">
        <v>22</v>
      </c>
      <c r="N859" s="10" t="s">
        <v>22</v>
      </c>
      <c r="O859" s="10" t="s">
        <v>22</v>
      </c>
      <c r="P859" s="10" t="s">
        <v>22</v>
      </c>
      <c r="Q859" s="10" t="s">
        <v>22</v>
      </c>
      <c r="R859" s="10" t="s">
        <v>22</v>
      </c>
      <c r="S859" s="10" t="s">
        <v>22</v>
      </c>
      <c r="T859" s="10" t="s">
        <v>22</v>
      </c>
      <c r="U859" s="10" t="s">
        <v>22</v>
      </c>
      <c r="V859" s="10" t="s">
        <v>22</v>
      </c>
      <c r="W859" s="10" t="s">
        <v>22</v>
      </c>
      <c r="X859" s="10" t="s">
        <v>22</v>
      </c>
      <c r="Y859" s="10" t="s">
        <v>22</v>
      </c>
      <c r="Z859" s="10" t="s">
        <v>22</v>
      </c>
    </row>
    <row r="860" spans="1:26" ht="30" customHeight="1" x14ac:dyDescent="0.2">
      <c r="A860" s="9" t="s">
        <v>18138</v>
      </c>
      <c r="B860" s="9" t="s">
        <v>14</v>
      </c>
      <c r="C860" s="9" t="s">
        <v>4073</v>
      </c>
      <c r="D860" s="6" t="s">
        <v>4074</v>
      </c>
      <c r="E860" s="22">
        <v>45277</v>
      </c>
      <c r="F860" s="22">
        <v>47103</v>
      </c>
      <c r="G860" s="6" t="s">
        <v>4075</v>
      </c>
      <c r="H860" s="6" t="s">
        <v>18</v>
      </c>
      <c r="I860" s="6" t="s">
        <v>19</v>
      </c>
      <c r="J860" s="6" t="s">
        <v>4076</v>
      </c>
      <c r="K860" s="9" t="s">
        <v>4077</v>
      </c>
      <c r="L860" s="10" t="s">
        <v>22</v>
      </c>
      <c r="M860" s="10" t="s">
        <v>22</v>
      </c>
      <c r="N860" s="10" t="s">
        <v>22</v>
      </c>
      <c r="O860" s="10" t="s">
        <v>22</v>
      </c>
      <c r="P860" s="10" t="s">
        <v>22</v>
      </c>
      <c r="Q860" s="10" t="s">
        <v>22</v>
      </c>
    </row>
    <row r="861" spans="1:26" ht="24" customHeight="1" x14ac:dyDescent="0.2">
      <c r="A861" s="9" t="s">
        <v>18139</v>
      </c>
      <c r="B861" s="9" t="s">
        <v>14</v>
      </c>
      <c r="C861" s="9" t="s">
        <v>4078</v>
      </c>
      <c r="D861" s="6" t="s">
        <v>4079</v>
      </c>
      <c r="E861" s="22">
        <v>45277</v>
      </c>
      <c r="F861" s="22">
        <v>47103</v>
      </c>
      <c r="G861" s="6" t="s">
        <v>4080</v>
      </c>
      <c r="H861" s="6" t="s">
        <v>202</v>
      </c>
      <c r="I861" s="6" t="s">
        <v>336</v>
      </c>
      <c r="J861" s="6" t="s">
        <v>4081</v>
      </c>
      <c r="K861" s="9" t="s">
        <v>4082</v>
      </c>
      <c r="L861" s="10" t="s">
        <v>22</v>
      </c>
      <c r="M861" s="10" t="s">
        <v>22</v>
      </c>
      <c r="N861" s="10" t="s">
        <v>22</v>
      </c>
      <c r="O861" s="10" t="s">
        <v>22</v>
      </c>
      <c r="P861" s="10" t="s">
        <v>22</v>
      </c>
      <c r="Q861" s="10" t="s">
        <v>22</v>
      </c>
      <c r="R861" s="10" t="s">
        <v>22</v>
      </c>
      <c r="S861" s="10" t="s">
        <v>22</v>
      </c>
      <c r="T861" s="10" t="s">
        <v>22</v>
      </c>
      <c r="U861" s="10" t="s">
        <v>22</v>
      </c>
      <c r="V861" s="10" t="s">
        <v>22</v>
      </c>
      <c r="W861" s="10" t="s">
        <v>22</v>
      </c>
      <c r="X861" s="10" t="s">
        <v>22</v>
      </c>
      <c r="Y861" s="10" t="s">
        <v>22</v>
      </c>
      <c r="Z861" s="10" t="s">
        <v>22</v>
      </c>
    </row>
    <row r="862" spans="1:26" ht="24" customHeight="1" x14ac:dyDescent="0.2">
      <c r="A862" s="9" t="s">
        <v>18140</v>
      </c>
      <c r="B862" s="9" t="s">
        <v>14</v>
      </c>
      <c r="C862" s="9" t="s">
        <v>4078</v>
      </c>
      <c r="D862" s="6" t="s">
        <v>4079</v>
      </c>
      <c r="E862" s="22">
        <v>45277</v>
      </c>
      <c r="F862" s="22">
        <v>47103</v>
      </c>
      <c r="G862" s="6" t="s">
        <v>4083</v>
      </c>
      <c r="H862" s="6" t="s">
        <v>202</v>
      </c>
      <c r="I862" s="6" t="s">
        <v>336</v>
      </c>
      <c r="J862" s="6" t="s">
        <v>4084</v>
      </c>
      <c r="K862" s="9" t="s">
        <v>4085</v>
      </c>
      <c r="L862" s="10" t="s">
        <v>22</v>
      </c>
      <c r="M862" s="10" t="s">
        <v>22</v>
      </c>
      <c r="N862" s="10" t="s">
        <v>22</v>
      </c>
      <c r="O862" s="10" t="s">
        <v>22</v>
      </c>
      <c r="P862" s="10" t="s">
        <v>22</v>
      </c>
      <c r="Q862" s="10" t="s">
        <v>22</v>
      </c>
      <c r="R862" s="10" t="s">
        <v>22</v>
      </c>
      <c r="S862" s="10" t="s">
        <v>22</v>
      </c>
      <c r="T862" s="10" t="s">
        <v>22</v>
      </c>
      <c r="U862" s="10" t="s">
        <v>22</v>
      </c>
      <c r="V862" s="10" t="s">
        <v>22</v>
      </c>
      <c r="W862" s="10" t="s">
        <v>22</v>
      </c>
      <c r="X862" s="10" t="s">
        <v>22</v>
      </c>
      <c r="Y862" s="10" t="s">
        <v>22</v>
      </c>
      <c r="Z862" s="10" t="s">
        <v>22</v>
      </c>
    </row>
    <row r="863" spans="1:26" ht="31.25" customHeight="1" x14ac:dyDescent="0.2">
      <c r="A863" s="9" t="s">
        <v>18141</v>
      </c>
      <c r="B863" s="9" t="s">
        <v>14</v>
      </c>
      <c r="C863" s="9" t="s">
        <v>4078</v>
      </c>
      <c r="D863" s="6" t="s">
        <v>4079</v>
      </c>
      <c r="E863" s="22">
        <v>45277</v>
      </c>
      <c r="F863" s="22">
        <v>47103</v>
      </c>
      <c r="G863" s="6" t="s">
        <v>4086</v>
      </c>
      <c r="H863" s="6" t="s">
        <v>202</v>
      </c>
      <c r="I863" s="6" t="s">
        <v>336</v>
      </c>
      <c r="J863" s="6" t="s">
        <v>4087</v>
      </c>
      <c r="K863" s="9" t="s">
        <v>4088</v>
      </c>
      <c r="L863" s="10" t="s">
        <v>22</v>
      </c>
      <c r="M863" s="10" t="s">
        <v>22</v>
      </c>
      <c r="N863" s="10" t="s">
        <v>22</v>
      </c>
      <c r="O863" s="10" t="s">
        <v>22</v>
      </c>
      <c r="P863" s="10" t="s">
        <v>22</v>
      </c>
      <c r="Q863" s="10" t="s">
        <v>22</v>
      </c>
      <c r="R863" s="10" t="s">
        <v>22</v>
      </c>
      <c r="S863" s="10" t="s">
        <v>22</v>
      </c>
      <c r="T863" s="10" t="s">
        <v>22</v>
      </c>
      <c r="U863" s="10" t="s">
        <v>22</v>
      </c>
      <c r="V863" s="10" t="s">
        <v>22</v>
      </c>
      <c r="W863" s="10" t="s">
        <v>22</v>
      </c>
      <c r="X863" s="10" t="s">
        <v>22</v>
      </c>
      <c r="Y863" s="10" t="s">
        <v>22</v>
      </c>
      <c r="Z863" s="10" t="s">
        <v>22</v>
      </c>
    </row>
    <row r="864" spans="1:26" ht="31.25" customHeight="1" x14ac:dyDescent="0.2">
      <c r="A864" s="9" t="s">
        <v>18142</v>
      </c>
      <c r="B864" s="9" t="s">
        <v>14</v>
      </c>
      <c r="C864" s="9" t="s">
        <v>4078</v>
      </c>
      <c r="D864" s="6" t="s">
        <v>4079</v>
      </c>
      <c r="E864" s="22">
        <v>45277</v>
      </c>
      <c r="F864" s="22">
        <v>47103</v>
      </c>
      <c r="G864" s="6" t="s">
        <v>4089</v>
      </c>
      <c r="H864" s="6" t="s">
        <v>62</v>
      </c>
      <c r="I864" s="6" t="s">
        <v>306</v>
      </c>
      <c r="J864" s="6" t="s">
        <v>4090</v>
      </c>
      <c r="K864" s="9" t="s">
        <v>4091</v>
      </c>
      <c r="L864" s="10" t="s">
        <v>22</v>
      </c>
      <c r="M864" s="10" t="s">
        <v>22</v>
      </c>
      <c r="N864" s="10" t="s">
        <v>22</v>
      </c>
      <c r="O864" s="10" t="s">
        <v>22</v>
      </c>
      <c r="P864" s="10" t="s">
        <v>22</v>
      </c>
      <c r="Q864" s="10" t="s">
        <v>22</v>
      </c>
      <c r="R864" s="10" t="s">
        <v>22</v>
      </c>
      <c r="S864" s="10" t="s">
        <v>22</v>
      </c>
      <c r="T864" s="10" t="s">
        <v>22</v>
      </c>
      <c r="U864" s="10" t="s">
        <v>22</v>
      </c>
      <c r="V864" s="10" t="s">
        <v>22</v>
      </c>
      <c r="W864" s="10" t="s">
        <v>22</v>
      </c>
      <c r="X864" s="10" t="s">
        <v>22</v>
      </c>
      <c r="Y864" s="10" t="s">
        <v>22</v>
      </c>
      <c r="Z864" s="10" t="s">
        <v>22</v>
      </c>
    </row>
    <row r="865" spans="1:26" ht="24" customHeight="1" x14ac:dyDescent="0.2">
      <c r="A865" s="9" t="s">
        <v>18143</v>
      </c>
      <c r="B865" s="9" t="s">
        <v>14</v>
      </c>
      <c r="C865" s="9" t="s">
        <v>4092</v>
      </c>
      <c r="D865" s="6" t="s">
        <v>4093</v>
      </c>
      <c r="E865" s="22">
        <v>45285</v>
      </c>
      <c r="F865" s="22">
        <v>47111</v>
      </c>
      <c r="G865" s="6" t="s">
        <v>4094</v>
      </c>
      <c r="H865" s="6" t="s">
        <v>229</v>
      </c>
      <c r="I865" s="6" t="s">
        <v>324</v>
      </c>
      <c r="J865" s="6" t="s">
        <v>4095</v>
      </c>
      <c r="K865" s="9" t="s">
        <v>4096</v>
      </c>
      <c r="L865" s="10" t="s">
        <v>22</v>
      </c>
      <c r="M865" s="10" t="s">
        <v>22</v>
      </c>
      <c r="N865" s="10" t="s">
        <v>22</v>
      </c>
      <c r="O865" s="10" t="s">
        <v>22</v>
      </c>
      <c r="P865" s="10" t="s">
        <v>22</v>
      </c>
      <c r="Q865" s="10" t="s">
        <v>22</v>
      </c>
      <c r="R865" s="10" t="s">
        <v>22</v>
      </c>
      <c r="S865" s="10" t="s">
        <v>22</v>
      </c>
      <c r="T865" s="10" t="s">
        <v>22</v>
      </c>
      <c r="U865" s="10" t="s">
        <v>22</v>
      </c>
      <c r="V865" s="10" t="s">
        <v>22</v>
      </c>
      <c r="W865" s="10" t="s">
        <v>22</v>
      </c>
      <c r="X865" s="10" t="s">
        <v>22</v>
      </c>
      <c r="Y865" s="10" t="s">
        <v>22</v>
      </c>
      <c r="Z865" s="10" t="s">
        <v>22</v>
      </c>
    </row>
    <row r="866" spans="1:26" ht="24" customHeight="1" x14ac:dyDescent="0.2">
      <c r="A866" s="9" t="s">
        <v>18144</v>
      </c>
      <c r="B866" s="9" t="s">
        <v>14</v>
      </c>
      <c r="C866" s="9" t="s">
        <v>4097</v>
      </c>
      <c r="D866" s="6" t="s">
        <v>4098</v>
      </c>
      <c r="E866" s="22">
        <v>45296</v>
      </c>
      <c r="F866" s="22">
        <v>47122</v>
      </c>
      <c r="G866" s="6" t="s">
        <v>4099</v>
      </c>
      <c r="H866" s="6" t="s">
        <v>62</v>
      </c>
      <c r="I866" s="6" t="s">
        <v>477</v>
      </c>
      <c r="J866" s="6" t="s">
        <v>4100</v>
      </c>
      <c r="K866" s="9" t="s">
        <v>4101</v>
      </c>
      <c r="L866" s="10" t="s">
        <v>22</v>
      </c>
      <c r="M866" s="10" t="s">
        <v>22</v>
      </c>
      <c r="N866" s="10" t="s">
        <v>22</v>
      </c>
      <c r="O866" s="10" t="s">
        <v>22</v>
      </c>
      <c r="P866" s="10" t="s">
        <v>22</v>
      </c>
      <c r="Q866" s="10" t="s">
        <v>22</v>
      </c>
      <c r="R866" s="10" t="s">
        <v>22</v>
      </c>
      <c r="S866" s="10" t="s">
        <v>22</v>
      </c>
      <c r="T866" s="10" t="s">
        <v>22</v>
      </c>
      <c r="U866" s="10" t="s">
        <v>22</v>
      </c>
      <c r="V866" s="10" t="s">
        <v>22</v>
      </c>
      <c r="W866" s="10" t="s">
        <v>22</v>
      </c>
      <c r="X866" s="10" t="s">
        <v>22</v>
      </c>
      <c r="Y866" s="10" t="s">
        <v>22</v>
      </c>
      <c r="Z866" s="10" t="s">
        <v>22</v>
      </c>
    </row>
    <row r="867" spans="1:26" ht="24" customHeight="1" x14ac:dyDescent="0.2">
      <c r="A867" s="9" t="s">
        <v>18145</v>
      </c>
      <c r="B867" s="9" t="s">
        <v>14</v>
      </c>
      <c r="C867" s="9" t="s">
        <v>4102</v>
      </c>
      <c r="D867" s="6" t="s">
        <v>4103</v>
      </c>
      <c r="E867" s="22">
        <v>45296</v>
      </c>
      <c r="F867" s="22">
        <v>47122</v>
      </c>
      <c r="G867" s="6" t="s">
        <v>4104</v>
      </c>
      <c r="H867" s="6" t="s">
        <v>62</v>
      </c>
      <c r="I867" s="6" t="s">
        <v>186</v>
      </c>
      <c r="J867" s="6" t="s">
        <v>4105</v>
      </c>
      <c r="L867" s="10" t="s">
        <v>22</v>
      </c>
      <c r="M867" s="10" t="s">
        <v>22</v>
      </c>
      <c r="N867" s="10" t="s">
        <v>22</v>
      </c>
      <c r="O867" s="10" t="s">
        <v>22</v>
      </c>
      <c r="P867" s="10" t="s">
        <v>22</v>
      </c>
      <c r="Q867" s="10" t="s">
        <v>22</v>
      </c>
      <c r="U867" s="10" t="s">
        <v>22</v>
      </c>
      <c r="V867" s="10" t="s">
        <v>22</v>
      </c>
      <c r="W867" s="10" t="s">
        <v>22</v>
      </c>
      <c r="X867" s="10" t="s">
        <v>22</v>
      </c>
      <c r="Y867" s="10" t="s">
        <v>22</v>
      </c>
      <c r="Z867" s="10" t="s">
        <v>22</v>
      </c>
    </row>
    <row r="868" spans="1:26" ht="24" customHeight="1" x14ac:dyDescent="0.2">
      <c r="A868" s="9" t="s">
        <v>18146</v>
      </c>
      <c r="B868" s="9" t="s">
        <v>14</v>
      </c>
      <c r="C868" s="9" t="s">
        <v>4106</v>
      </c>
      <c r="D868" s="6" t="s">
        <v>4107</v>
      </c>
      <c r="E868" s="22">
        <v>45307</v>
      </c>
      <c r="F868" s="22">
        <v>47133</v>
      </c>
      <c r="G868" s="6" t="s">
        <v>4108</v>
      </c>
      <c r="H868" s="6" t="s">
        <v>18</v>
      </c>
      <c r="I868" s="6" t="s">
        <v>19</v>
      </c>
      <c r="J868" s="6" t="s">
        <v>4109</v>
      </c>
      <c r="K868" s="9" t="s">
        <v>4110</v>
      </c>
      <c r="L868" s="10" t="s">
        <v>22</v>
      </c>
      <c r="M868" s="10" t="s">
        <v>22</v>
      </c>
      <c r="N868" s="10" t="s">
        <v>22</v>
      </c>
      <c r="O868" s="10" t="s">
        <v>22</v>
      </c>
      <c r="P868" s="10" t="s">
        <v>22</v>
      </c>
      <c r="Q868" s="10" t="s">
        <v>22</v>
      </c>
      <c r="R868" s="10" t="s">
        <v>22</v>
      </c>
      <c r="S868" s="10" t="s">
        <v>22</v>
      </c>
      <c r="T868" s="10" t="s">
        <v>22</v>
      </c>
      <c r="U868" s="10" t="s">
        <v>22</v>
      </c>
      <c r="V868" s="10" t="s">
        <v>22</v>
      </c>
      <c r="W868" s="10" t="s">
        <v>22</v>
      </c>
      <c r="X868" s="10" t="s">
        <v>22</v>
      </c>
      <c r="Y868" s="10" t="s">
        <v>22</v>
      </c>
      <c r="Z868" s="10" t="s">
        <v>22</v>
      </c>
    </row>
    <row r="869" spans="1:26" ht="24" customHeight="1" x14ac:dyDescent="0.2">
      <c r="A869" s="9" t="s">
        <v>18147</v>
      </c>
      <c r="B869" s="9" t="s">
        <v>14</v>
      </c>
      <c r="C869" s="9" t="s">
        <v>4111</v>
      </c>
      <c r="D869" s="6" t="s">
        <v>4112</v>
      </c>
      <c r="E869" s="22">
        <v>45311</v>
      </c>
      <c r="F869" s="22">
        <v>47137</v>
      </c>
      <c r="G869" s="6" t="s">
        <v>4113</v>
      </c>
      <c r="H869" s="6" t="s">
        <v>18</v>
      </c>
      <c r="I869" s="6" t="s">
        <v>26</v>
      </c>
      <c r="J869" s="6" t="s">
        <v>4114</v>
      </c>
      <c r="K869" s="9" t="s">
        <v>4115</v>
      </c>
      <c r="L869" s="10" t="s">
        <v>22</v>
      </c>
      <c r="M869" s="10" t="s">
        <v>22</v>
      </c>
      <c r="N869" s="10" t="s">
        <v>22</v>
      </c>
      <c r="O869" s="10" t="s">
        <v>22</v>
      </c>
      <c r="P869" s="10" t="s">
        <v>22</v>
      </c>
      <c r="Q869" s="10" t="s">
        <v>22</v>
      </c>
      <c r="R869" s="10" t="s">
        <v>22</v>
      </c>
      <c r="S869" s="10" t="s">
        <v>22</v>
      </c>
      <c r="T869" s="10" t="s">
        <v>22</v>
      </c>
      <c r="U869" s="10" t="s">
        <v>22</v>
      </c>
      <c r="V869" s="10" t="s">
        <v>22</v>
      </c>
      <c r="W869" s="10" t="s">
        <v>22</v>
      </c>
      <c r="X869" s="10" t="s">
        <v>22</v>
      </c>
      <c r="Y869" s="10" t="s">
        <v>22</v>
      </c>
      <c r="Z869" s="10" t="s">
        <v>22</v>
      </c>
    </row>
    <row r="870" spans="1:26" ht="24" customHeight="1" x14ac:dyDescent="0.2">
      <c r="A870" s="9" t="s">
        <v>18148</v>
      </c>
      <c r="B870" s="9" t="s">
        <v>14</v>
      </c>
      <c r="C870" s="9" t="s">
        <v>4116</v>
      </c>
      <c r="D870" s="6" t="s">
        <v>4117</v>
      </c>
      <c r="E870" s="22">
        <v>45326</v>
      </c>
      <c r="F870" s="22">
        <v>47152</v>
      </c>
      <c r="G870" s="6" t="s">
        <v>4118</v>
      </c>
      <c r="H870" s="6" t="s">
        <v>18</v>
      </c>
      <c r="I870" s="6" t="s">
        <v>19</v>
      </c>
      <c r="J870" s="6" t="s">
        <v>4119</v>
      </c>
      <c r="K870" s="9" t="s">
        <v>4120</v>
      </c>
      <c r="L870" s="10" t="s">
        <v>22</v>
      </c>
      <c r="M870" s="10" t="s">
        <v>22</v>
      </c>
      <c r="N870" s="10" t="s">
        <v>22</v>
      </c>
      <c r="O870" s="10" t="s">
        <v>22</v>
      </c>
      <c r="P870" s="10" t="s">
        <v>22</v>
      </c>
      <c r="Q870" s="10" t="s">
        <v>22</v>
      </c>
      <c r="R870" s="10" t="s">
        <v>22</v>
      </c>
      <c r="S870" s="10" t="s">
        <v>22</v>
      </c>
      <c r="T870" s="10" t="s">
        <v>22</v>
      </c>
      <c r="U870" s="10" t="s">
        <v>22</v>
      </c>
      <c r="V870" s="10" t="s">
        <v>22</v>
      </c>
      <c r="W870" s="10" t="s">
        <v>22</v>
      </c>
      <c r="X870" s="10" t="s">
        <v>22</v>
      </c>
      <c r="Y870" s="10" t="s">
        <v>22</v>
      </c>
      <c r="Z870" s="10" t="s">
        <v>22</v>
      </c>
    </row>
    <row r="871" spans="1:26" ht="24" customHeight="1" x14ac:dyDescent="0.2">
      <c r="A871" s="9" t="s">
        <v>18149</v>
      </c>
      <c r="B871" s="9" t="s">
        <v>14</v>
      </c>
      <c r="C871" s="9" t="s">
        <v>4121</v>
      </c>
      <c r="D871" s="6" t="s">
        <v>4122</v>
      </c>
      <c r="E871" s="22">
        <v>45332</v>
      </c>
      <c r="F871" s="22">
        <v>47158</v>
      </c>
      <c r="G871" s="6" t="s">
        <v>4123</v>
      </c>
      <c r="H871" s="6" t="s">
        <v>62</v>
      </c>
      <c r="I871" s="6" t="s">
        <v>63</v>
      </c>
      <c r="J871" s="6" t="s">
        <v>4124</v>
      </c>
      <c r="K871" s="9" t="s">
        <v>4125</v>
      </c>
      <c r="L871" s="10" t="s">
        <v>22</v>
      </c>
      <c r="M871" s="10" t="s">
        <v>22</v>
      </c>
      <c r="N871" s="10" t="s">
        <v>22</v>
      </c>
      <c r="O871" s="10" t="s">
        <v>22</v>
      </c>
      <c r="P871" s="10" t="s">
        <v>22</v>
      </c>
      <c r="Q871" s="10" t="s">
        <v>22</v>
      </c>
      <c r="R871" s="10" t="s">
        <v>22</v>
      </c>
      <c r="S871" s="10" t="s">
        <v>22</v>
      </c>
      <c r="T871" s="10" t="s">
        <v>22</v>
      </c>
      <c r="V871" s="10" t="s">
        <v>22</v>
      </c>
      <c r="W871" s="10" t="s">
        <v>22</v>
      </c>
      <c r="Y871" s="10" t="s">
        <v>22</v>
      </c>
      <c r="Z871" s="10" t="s">
        <v>22</v>
      </c>
    </row>
    <row r="872" spans="1:26" ht="24" customHeight="1" x14ac:dyDescent="0.2">
      <c r="A872" s="9" t="s">
        <v>18150</v>
      </c>
      <c r="B872" s="9" t="s">
        <v>14</v>
      </c>
      <c r="C872" s="9" t="s">
        <v>4126</v>
      </c>
      <c r="D872" s="6" t="s">
        <v>4127</v>
      </c>
      <c r="E872" s="22">
        <v>45338</v>
      </c>
      <c r="F872" s="22">
        <v>47164</v>
      </c>
      <c r="G872" s="6" t="s">
        <v>4128</v>
      </c>
      <c r="H872" s="6" t="s">
        <v>18</v>
      </c>
      <c r="I872" s="6" t="s">
        <v>19</v>
      </c>
      <c r="J872" s="6" t="s">
        <v>4129</v>
      </c>
      <c r="L872" s="10" t="s">
        <v>22</v>
      </c>
      <c r="M872" s="10" t="s">
        <v>22</v>
      </c>
      <c r="N872" s="10" t="s">
        <v>22</v>
      </c>
      <c r="O872" s="10" t="s">
        <v>22</v>
      </c>
      <c r="P872" s="10" t="s">
        <v>22</v>
      </c>
      <c r="Q872" s="10" t="s">
        <v>22</v>
      </c>
      <c r="U872" s="10" t="s">
        <v>22</v>
      </c>
      <c r="V872" s="10" t="s">
        <v>22</v>
      </c>
      <c r="W872" s="10" t="s">
        <v>22</v>
      </c>
      <c r="X872" s="10" t="s">
        <v>22</v>
      </c>
      <c r="Y872" s="10" t="s">
        <v>22</v>
      </c>
      <c r="Z872" s="10" t="s">
        <v>22</v>
      </c>
    </row>
    <row r="873" spans="1:26" ht="24" customHeight="1" x14ac:dyDescent="0.2">
      <c r="A873" s="9" t="s">
        <v>18151</v>
      </c>
      <c r="B873" s="9" t="s">
        <v>14</v>
      </c>
      <c r="C873" s="9" t="s">
        <v>4130</v>
      </c>
      <c r="D873" s="6" t="s">
        <v>4131</v>
      </c>
      <c r="E873" s="22">
        <v>45338</v>
      </c>
      <c r="F873" s="22">
        <v>47164</v>
      </c>
      <c r="G873" s="6" t="s">
        <v>4132</v>
      </c>
      <c r="H873" s="6" t="s">
        <v>1047</v>
      </c>
      <c r="I873" s="6" t="s">
        <v>4133</v>
      </c>
      <c r="J873" s="6" t="s">
        <v>4134</v>
      </c>
      <c r="K873" s="9" t="s">
        <v>4135</v>
      </c>
      <c r="L873" s="10" t="s">
        <v>22</v>
      </c>
      <c r="M873" s="10" t="s">
        <v>22</v>
      </c>
      <c r="N873" s="10" t="s">
        <v>22</v>
      </c>
      <c r="O873" s="10" t="s">
        <v>22</v>
      </c>
      <c r="P873" s="10" t="s">
        <v>22</v>
      </c>
      <c r="Q873" s="10" t="s">
        <v>22</v>
      </c>
      <c r="R873" s="10" t="s">
        <v>22</v>
      </c>
      <c r="S873" s="10" t="s">
        <v>22</v>
      </c>
      <c r="T873" s="10" t="s">
        <v>22</v>
      </c>
      <c r="U873" s="10" t="s">
        <v>22</v>
      </c>
      <c r="V873" s="10" t="s">
        <v>22</v>
      </c>
      <c r="W873" s="10" t="s">
        <v>22</v>
      </c>
      <c r="X873" s="10" t="s">
        <v>22</v>
      </c>
      <c r="Y873" s="10" t="s">
        <v>22</v>
      </c>
      <c r="Z873" s="10" t="s">
        <v>22</v>
      </c>
    </row>
    <row r="874" spans="1:26" ht="24" customHeight="1" x14ac:dyDescent="0.2">
      <c r="A874" s="9" t="s">
        <v>18152</v>
      </c>
      <c r="B874" s="9" t="s">
        <v>14</v>
      </c>
      <c r="C874" s="9" t="s">
        <v>4136</v>
      </c>
      <c r="D874" s="6" t="s">
        <v>4137</v>
      </c>
      <c r="E874" s="22">
        <v>45367</v>
      </c>
      <c r="F874" s="22">
        <v>47192</v>
      </c>
      <c r="G874" s="6" t="s">
        <v>4138</v>
      </c>
      <c r="H874" s="6" t="s">
        <v>18</v>
      </c>
      <c r="I874" s="6" t="s">
        <v>19</v>
      </c>
      <c r="J874" s="6" t="s">
        <v>4139</v>
      </c>
      <c r="K874" s="9" t="s">
        <v>33</v>
      </c>
      <c r="L874" s="10" t="s">
        <v>22</v>
      </c>
      <c r="M874" s="10" t="s">
        <v>22</v>
      </c>
      <c r="N874" s="10" t="s">
        <v>22</v>
      </c>
      <c r="O874" s="10" t="s">
        <v>22</v>
      </c>
      <c r="P874" s="10" t="s">
        <v>22</v>
      </c>
      <c r="Q874" s="10" t="s">
        <v>22</v>
      </c>
      <c r="R874" s="10" t="s">
        <v>22</v>
      </c>
      <c r="S874" s="10" t="s">
        <v>22</v>
      </c>
      <c r="T874" s="10" t="s">
        <v>22</v>
      </c>
    </row>
    <row r="875" spans="1:26" ht="24" customHeight="1" x14ac:dyDescent="0.2">
      <c r="A875" s="9" t="s">
        <v>18153</v>
      </c>
      <c r="B875" s="9" t="s">
        <v>14</v>
      </c>
      <c r="C875" s="9" t="s">
        <v>4140</v>
      </c>
      <c r="D875" s="6" t="s">
        <v>4141</v>
      </c>
      <c r="E875" s="22">
        <v>45389</v>
      </c>
      <c r="F875" s="22">
        <v>47214</v>
      </c>
      <c r="G875" s="6" t="s">
        <v>4142</v>
      </c>
      <c r="H875" s="6" t="s">
        <v>18</v>
      </c>
      <c r="I875" s="6" t="s">
        <v>19</v>
      </c>
      <c r="J875" s="6" t="s">
        <v>4143</v>
      </c>
      <c r="K875" s="9" t="s">
        <v>4144</v>
      </c>
      <c r="L875" s="10" t="s">
        <v>22</v>
      </c>
      <c r="M875" s="10" t="s">
        <v>22</v>
      </c>
      <c r="N875" s="10" t="s">
        <v>22</v>
      </c>
      <c r="U875" s="10" t="s">
        <v>22</v>
      </c>
      <c r="V875" s="10" t="s">
        <v>22</v>
      </c>
      <c r="W875" s="10" t="s">
        <v>22</v>
      </c>
    </row>
    <row r="876" spans="1:26" ht="24" customHeight="1" x14ac:dyDescent="0.2">
      <c r="A876" s="9" t="s">
        <v>18154</v>
      </c>
      <c r="B876" s="9" t="s">
        <v>14</v>
      </c>
      <c r="C876" s="9" t="s">
        <v>4145</v>
      </c>
      <c r="D876" s="6" t="s">
        <v>4146</v>
      </c>
      <c r="E876" s="22">
        <v>45390</v>
      </c>
      <c r="F876" s="22">
        <v>47215</v>
      </c>
      <c r="G876" s="6" t="s">
        <v>4147</v>
      </c>
      <c r="H876" s="6" t="s">
        <v>62</v>
      </c>
      <c r="I876" s="6" t="s">
        <v>63</v>
      </c>
      <c r="J876" s="6" t="s">
        <v>4148</v>
      </c>
      <c r="K876" s="9" t="s">
        <v>4149</v>
      </c>
      <c r="L876" s="10" t="s">
        <v>22</v>
      </c>
      <c r="M876" s="10" t="s">
        <v>22</v>
      </c>
      <c r="N876" s="10" t="s">
        <v>22</v>
      </c>
      <c r="O876" s="10" t="s">
        <v>22</v>
      </c>
      <c r="P876" s="10" t="s">
        <v>22</v>
      </c>
      <c r="Q876" s="10" t="s">
        <v>22</v>
      </c>
      <c r="R876" s="10" t="s">
        <v>22</v>
      </c>
      <c r="S876" s="10" t="s">
        <v>22</v>
      </c>
      <c r="T876" s="10" t="s">
        <v>22</v>
      </c>
      <c r="U876" s="10" t="s">
        <v>22</v>
      </c>
      <c r="V876" s="10" t="s">
        <v>22</v>
      </c>
      <c r="W876" s="10" t="s">
        <v>22</v>
      </c>
      <c r="X876" s="10" t="s">
        <v>22</v>
      </c>
      <c r="Y876" s="10" t="s">
        <v>22</v>
      </c>
      <c r="Z876" s="10" t="s">
        <v>22</v>
      </c>
    </row>
    <row r="877" spans="1:26" ht="24" customHeight="1" x14ac:dyDescent="0.2">
      <c r="A877" s="9" t="s">
        <v>18155</v>
      </c>
      <c r="B877" s="9" t="s">
        <v>14</v>
      </c>
      <c r="C877" s="9" t="s">
        <v>4150</v>
      </c>
      <c r="D877" s="6" t="s">
        <v>4151</v>
      </c>
      <c r="E877" s="22">
        <v>45392</v>
      </c>
      <c r="F877" s="22">
        <v>47217</v>
      </c>
      <c r="G877" s="6" t="s">
        <v>4152</v>
      </c>
      <c r="H877" s="6" t="s">
        <v>18</v>
      </c>
      <c r="I877" s="6" t="s">
        <v>26</v>
      </c>
      <c r="J877" s="6" t="s">
        <v>4153</v>
      </c>
      <c r="K877" s="9" t="s">
        <v>4154</v>
      </c>
      <c r="L877" s="10" t="s">
        <v>22</v>
      </c>
      <c r="M877" s="10" t="s">
        <v>22</v>
      </c>
      <c r="N877" s="10" t="s">
        <v>22</v>
      </c>
      <c r="O877" s="10" t="s">
        <v>22</v>
      </c>
      <c r="P877" s="10" t="s">
        <v>22</v>
      </c>
      <c r="Q877" s="10" t="s">
        <v>22</v>
      </c>
      <c r="R877" s="10" t="s">
        <v>22</v>
      </c>
      <c r="S877" s="10" t="s">
        <v>22</v>
      </c>
      <c r="T877" s="10" t="s">
        <v>22</v>
      </c>
      <c r="U877" s="10" t="s">
        <v>22</v>
      </c>
      <c r="V877" s="10" t="s">
        <v>22</v>
      </c>
      <c r="W877" s="10" t="s">
        <v>22</v>
      </c>
      <c r="X877" s="10" t="s">
        <v>22</v>
      </c>
      <c r="Y877" s="10" t="s">
        <v>22</v>
      </c>
      <c r="Z877" s="10" t="s">
        <v>22</v>
      </c>
    </row>
    <row r="878" spans="1:26" ht="24" customHeight="1" x14ac:dyDescent="0.2">
      <c r="A878" s="9" t="s">
        <v>18156</v>
      </c>
      <c r="B878" s="9" t="s">
        <v>14</v>
      </c>
      <c r="C878" s="9" t="s">
        <v>4158</v>
      </c>
      <c r="D878" s="6" t="s">
        <v>4159</v>
      </c>
      <c r="E878" s="22">
        <v>45409</v>
      </c>
      <c r="F878" s="22">
        <v>47234</v>
      </c>
      <c r="G878" s="6" t="s">
        <v>4160</v>
      </c>
      <c r="H878" s="6" t="s">
        <v>18</v>
      </c>
      <c r="I878" s="6" t="s">
        <v>26</v>
      </c>
      <c r="J878" s="6" t="s">
        <v>4161</v>
      </c>
      <c r="K878" s="9" t="s">
        <v>4162</v>
      </c>
      <c r="L878" s="10" t="s">
        <v>22</v>
      </c>
      <c r="M878" s="10" t="s">
        <v>22</v>
      </c>
      <c r="N878" s="10" t="s">
        <v>22</v>
      </c>
      <c r="O878" s="10" t="s">
        <v>22</v>
      </c>
      <c r="P878" s="10" t="s">
        <v>22</v>
      </c>
      <c r="Q878" s="10" t="s">
        <v>22</v>
      </c>
      <c r="U878" s="10" t="s">
        <v>22</v>
      </c>
      <c r="V878" s="10" t="s">
        <v>22</v>
      </c>
      <c r="W878" s="10" t="s">
        <v>22</v>
      </c>
      <c r="X878" s="10" t="s">
        <v>22</v>
      </c>
      <c r="Y878" s="10" t="s">
        <v>22</v>
      </c>
      <c r="Z878" s="10" t="s">
        <v>22</v>
      </c>
    </row>
    <row r="879" spans="1:26" ht="24" customHeight="1" x14ac:dyDescent="0.2">
      <c r="A879" s="9" t="s">
        <v>21238</v>
      </c>
      <c r="B879" s="9" t="s">
        <v>14</v>
      </c>
      <c r="C879" s="9" t="s">
        <v>4163</v>
      </c>
      <c r="D879" s="6" t="s">
        <v>4164</v>
      </c>
      <c r="E879" s="22">
        <v>45423</v>
      </c>
      <c r="F879" s="22">
        <v>47248</v>
      </c>
      <c r="G879" s="6" t="s">
        <v>20951</v>
      </c>
      <c r="H879" s="6" t="s">
        <v>62</v>
      </c>
      <c r="I879" s="6" t="s">
        <v>842</v>
      </c>
      <c r="J879" s="6" t="s">
        <v>16201</v>
      </c>
      <c r="K879" s="9" t="s">
        <v>16202</v>
      </c>
      <c r="L879" s="10" t="s">
        <v>22</v>
      </c>
      <c r="M879" s="10" t="s">
        <v>22</v>
      </c>
      <c r="N879" s="10" t="s">
        <v>22</v>
      </c>
      <c r="O879" s="10" t="s">
        <v>22</v>
      </c>
      <c r="P879" s="10" t="s">
        <v>22</v>
      </c>
      <c r="Q879" s="10" t="s">
        <v>22</v>
      </c>
      <c r="R879" s="10" t="s">
        <v>22</v>
      </c>
      <c r="S879" s="10" t="s">
        <v>22</v>
      </c>
      <c r="T879" s="10" t="s">
        <v>22</v>
      </c>
      <c r="U879" s="10" t="s">
        <v>22</v>
      </c>
      <c r="V879" s="10" t="s">
        <v>22</v>
      </c>
      <c r="W879" s="10" t="s">
        <v>22</v>
      </c>
      <c r="X879" s="10" t="s">
        <v>22</v>
      </c>
      <c r="Y879" s="10" t="s">
        <v>22</v>
      </c>
      <c r="Z879" s="10" t="s">
        <v>22</v>
      </c>
    </row>
    <row r="880" spans="1:26" ht="24" customHeight="1" x14ac:dyDescent="0.2">
      <c r="A880" s="9" t="s">
        <v>18157</v>
      </c>
      <c r="B880" s="9" t="s">
        <v>14</v>
      </c>
      <c r="C880" s="9" t="s">
        <v>4165</v>
      </c>
      <c r="D880" s="6" t="s">
        <v>4166</v>
      </c>
      <c r="E880" s="22">
        <v>45425</v>
      </c>
      <c r="F880" s="22">
        <v>47250</v>
      </c>
      <c r="G880" s="6" t="s">
        <v>4167</v>
      </c>
      <c r="H880" s="6" t="s">
        <v>62</v>
      </c>
      <c r="I880" s="6" t="s">
        <v>414</v>
      </c>
      <c r="J880" s="6" t="s">
        <v>4168</v>
      </c>
      <c r="K880" s="9" t="s">
        <v>4169</v>
      </c>
      <c r="L880" s="10" t="s">
        <v>22</v>
      </c>
      <c r="M880" s="10" t="s">
        <v>22</v>
      </c>
      <c r="N880" s="10" t="s">
        <v>22</v>
      </c>
      <c r="O880" s="10" t="s">
        <v>22</v>
      </c>
      <c r="P880" s="10" t="s">
        <v>22</v>
      </c>
      <c r="Q880" s="10" t="s">
        <v>22</v>
      </c>
      <c r="R880" s="10" t="s">
        <v>22</v>
      </c>
      <c r="S880" s="10" t="s">
        <v>22</v>
      </c>
      <c r="T880" s="10" t="s">
        <v>22</v>
      </c>
      <c r="U880" s="10" t="s">
        <v>22</v>
      </c>
      <c r="V880" s="10" t="s">
        <v>22</v>
      </c>
      <c r="W880" s="10" t="s">
        <v>22</v>
      </c>
      <c r="X880" s="10" t="s">
        <v>22</v>
      </c>
      <c r="Y880" s="10" t="s">
        <v>22</v>
      </c>
      <c r="Z880" s="10" t="s">
        <v>22</v>
      </c>
    </row>
    <row r="881" spans="1:26" ht="24" customHeight="1" x14ac:dyDescent="0.2">
      <c r="A881" s="9" t="s">
        <v>18158</v>
      </c>
      <c r="B881" s="9" t="s">
        <v>14</v>
      </c>
      <c r="C881" s="9" t="s">
        <v>4170</v>
      </c>
      <c r="D881" s="6" t="s">
        <v>4171</v>
      </c>
      <c r="E881" s="22">
        <v>45427</v>
      </c>
      <c r="F881" s="22">
        <v>47252</v>
      </c>
      <c r="G881" s="6" t="s">
        <v>4172</v>
      </c>
      <c r="H881" s="6" t="s">
        <v>62</v>
      </c>
      <c r="I881" s="6" t="s">
        <v>312</v>
      </c>
      <c r="J881" s="6" t="s">
        <v>4173</v>
      </c>
      <c r="M881" s="10" t="s">
        <v>22</v>
      </c>
      <c r="N881" s="10" t="s">
        <v>22</v>
      </c>
      <c r="P881" s="10" t="s">
        <v>22</v>
      </c>
      <c r="Q881" s="10" t="s">
        <v>22</v>
      </c>
      <c r="S881" s="10" t="s">
        <v>22</v>
      </c>
      <c r="T881" s="10" t="s">
        <v>22</v>
      </c>
      <c r="V881" s="10" t="s">
        <v>22</v>
      </c>
      <c r="W881" s="10" t="s">
        <v>22</v>
      </c>
      <c r="Y881" s="10" t="s">
        <v>22</v>
      </c>
      <c r="Z881" s="10" t="s">
        <v>22</v>
      </c>
    </row>
    <row r="882" spans="1:26" ht="24" customHeight="1" x14ac:dyDescent="0.2">
      <c r="A882" s="9" t="s">
        <v>18159</v>
      </c>
      <c r="B882" s="9" t="s">
        <v>14</v>
      </c>
      <c r="C882" s="9" t="s">
        <v>4174</v>
      </c>
      <c r="D882" s="6" t="s">
        <v>4175</v>
      </c>
      <c r="E882" s="22">
        <v>45438</v>
      </c>
      <c r="F882" s="22">
        <v>47263</v>
      </c>
      <c r="G882" s="6" t="s">
        <v>4176</v>
      </c>
      <c r="H882" s="6" t="s">
        <v>18</v>
      </c>
      <c r="I882" s="6" t="s">
        <v>19</v>
      </c>
      <c r="J882" s="6" t="s">
        <v>4177</v>
      </c>
      <c r="K882" s="9" t="s">
        <v>4178</v>
      </c>
      <c r="L882" s="10" t="s">
        <v>22</v>
      </c>
      <c r="M882" s="10" t="s">
        <v>22</v>
      </c>
      <c r="N882" s="10" t="s">
        <v>22</v>
      </c>
      <c r="O882" s="10" t="s">
        <v>22</v>
      </c>
      <c r="P882" s="10" t="s">
        <v>22</v>
      </c>
      <c r="Q882" s="10" t="s">
        <v>22</v>
      </c>
      <c r="R882" s="10" t="s">
        <v>22</v>
      </c>
      <c r="S882" s="10" t="s">
        <v>22</v>
      </c>
      <c r="T882" s="10" t="s">
        <v>22</v>
      </c>
      <c r="U882" s="10" t="s">
        <v>22</v>
      </c>
      <c r="V882" s="10" t="s">
        <v>22</v>
      </c>
      <c r="W882" s="10" t="s">
        <v>22</v>
      </c>
      <c r="X882" s="10" t="s">
        <v>22</v>
      </c>
      <c r="Y882" s="10" t="s">
        <v>22</v>
      </c>
      <c r="Z882" s="10" t="s">
        <v>22</v>
      </c>
    </row>
    <row r="883" spans="1:26" ht="24" customHeight="1" x14ac:dyDescent="0.2">
      <c r="A883" s="9" t="s">
        <v>18160</v>
      </c>
      <c r="B883" s="9" t="s">
        <v>14</v>
      </c>
      <c r="C883" s="9" t="s">
        <v>4179</v>
      </c>
      <c r="D883" s="6" t="s">
        <v>4180</v>
      </c>
      <c r="E883" s="22">
        <v>45446</v>
      </c>
      <c r="F883" s="22">
        <v>47271</v>
      </c>
      <c r="G883" s="6" t="s">
        <v>4181</v>
      </c>
      <c r="H883" s="6" t="s">
        <v>18</v>
      </c>
      <c r="I883" s="6" t="s">
        <v>19</v>
      </c>
      <c r="J883" s="6" t="s">
        <v>4182</v>
      </c>
      <c r="K883" s="9" t="s">
        <v>4183</v>
      </c>
      <c r="L883" s="10" t="s">
        <v>22</v>
      </c>
      <c r="M883" s="10" t="s">
        <v>22</v>
      </c>
      <c r="N883" s="10" t="s">
        <v>22</v>
      </c>
      <c r="O883" s="10" t="s">
        <v>22</v>
      </c>
      <c r="P883" s="10" t="s">
        <v>22</v>
      </c>
      <c r="Q883" s="10" t="s">
        <v>22</v>
      </c>
      <c r="R883" s="10" t="s">
        <v>22</v>
      </c>
      <c r="S883" s="10" t="s">
        <v>22</v>
      </c>
      <c r="T883" s="10" t="s">
        <v>22</v>
      </c>
      <c r="U883" s="10" t="s">
        <v>22</v>
      </c>
      <c r="V883" s="10" t="s">
        <v>22</v>
      </c>
      <c r="W883" s="10" t="s">
        <v>22</v>
      </c>
      <c r="X883" s="10" t="s">
        <v>22</v>
      </c>
      <c r="Y883" s="10" t="s">
        <v>22</v>
      </c>
      <c r="Z883" s="10" t="s">
        <v>22</v>
      </c>
    </row>
    <row r="884" spans="1:26" ht="24" customHeight="1" x14ac:dyDescent="0.2">
      <c r="A884" s="9" t="s">
        <v>18161</v>
      </c>
      <c r="B884" s="9" t="s">
        <v>14</v>
      </c>
      <c r="C884" s="9" t="s">
        <v>4184</v>
      </c>
      <c r="D884" s="6" t="s">
        <v>4185</v>
      </c>
      <c r="E884" s="22">
        <v>45455</v>
      </c>
      <c r="F884" s="22">
        <v>47280</v>
      </c>
      <c r="G884" s="6" t="s">
        <v>4186</v>
      </c>
      <c r="H884" s="6" t="s">
        <v>18</v>
      </c>
      <c r="I884" s="6" t="s">
        <v>19</v>
      </c>
      <c r="J884" s="6" t="s">
        <v>4187</v>
      </c>
      <c r="K884" s="9" t="s">
        <v>4188</v>
      </c>
      <c r="L884" s="10" t="s">
        <v>22</v>
      </c>
      <c r="M884" s="10" t="s">
        <v>22</v>
      </c>
      <c r="N884" s="10" t="s">
        <v>22</v>
      </c>
      <c r="O884" s="10" t="s">
        <v>22</v>
      </c>
      <c r="P884" s="10" t="s">
        <v>22</v>
      </c>
      <c r="Q884" s="10" t="s">
        <v>22</v>
      </c>
      <c r="U884" s="10" t="s">
        <v>22</v>
      </c>
      <c r="V884" s="10" t="s">
        <v>22</v>
      </c>
      <c r="W884" s="10" t="s">
        <v>22</v>
      </c>
      <c r="X884" s="10" t="s">
        <v>22</v>
      </c>
      <c r="Y884" s="10" t="s">
        <v>22</v>
      </c>
      <c r="Z884" s="10" t="s">
        <v>22</v>
      </c>
    </row>
    <row r="885" spans="1:26" ht="24" customHeight="1" x14ac:dyDescent="0.2">
      <c r="A885" s="9" t="s">
        <v>18162</v>
      </c>
      <c r="B885" s="9" t="s">
        <v>14</v>
      </c>
      <c r="C885" s="9" t="s">
        <v>4189</v>
      </c>
      <c r="D885" s="6" t="s">
        <v>4190</v>
      </c>
      <c r="E885" s="22">
        <v>45455</v>
      </c>
      <c r="F885" s="22">
        <v>47280</v>
      </c>
      <c r="G885" s="6" t="s">
        <v>4191</v>
      </c>
      <c r="H885" s="6" t="s">
        <v>18</v>
      </c>
      <c r="I885" s="6" t="s">
        <v>21425</v>
      </c>
      <c r="J885" s="6" t="s">
        <v>21426</v>
      </c>
      <c r="K885" s="9" t="s">
        <v>16203</v>
      </c>
      <c r="L885" s="10" t="s">
        <v>22</v>
      </c>
      <c r="M885" s="10" t="s">
        <v>22</v>
      </c>
      <c r="N885" s="10" t="s">
        <v>22</v>
      </c>
      <c r="O885" s="10" t="s">
        <v>22</v>
      </c>
      <c r="P885" s="10" t="s">
        <v>22</v>
      </c>
      <c r="Q885" s="10" t="s">
        <v>22</v>
      </c>
      <c r="V885" s="10" t="s">
        <v>22</v>
      </c>
      <c r="W885" s="10" t="s">
        <v>22</v>
      </c>
    </row>
    <row r="886" spans="1:26" ht="24" customHeight="1" x14ac:dyDescent="0.2">
      <c r="A886" s="9" t="s">
        <v>18163</v>
      </c>
      <c r="B886" s="9" t="s">
        <v>14</v>
      </c>
      <c r="C886" s="9" t="s">
        <v>4192</v>
      </c>
      <c r="D886" s="6" t="s">
        <v>4193</v>
      </c>
      <c r="E886" s="22">
        <v>45467</v>
      </c>
      <c r="F886" s="22">
        <v>47292</v>
      </c>
      <c r="G886" s="6" t="s">
        <v>4194</v>
      </c>
      <c r="H886" s="6" t="s">
        <v>363</v>
      </c>
      <c r="I886" s="6" t="s">
        <v>3780</v>
      </c>
      <c r="J886" s="6" t="s">
        <v>4195</v>
      </c>
      <c r="K886" s="9" t="s">
        <v>4196</v>
      </c>
      <c r="L886" s="10" t="s">
        <v>22</v>
      </c>
      <c r="M886" s="10" t="s">
        <v>22</v>
      </c>
      <c r="N886" s="10" t="s">
        <v>22</v>
      </c>
      <c r="O886" s="10" t="s">
        <v>22</v>
      </c>
      <c r="P886" s="10" t="s">
        <v>22</v>
      </c>
      <c r="Q886" s="10" t="s">
        <v>22</v>
      </c>
      <c r="R886" s="10" t="s">
        <v>22</v>
      </c>
      <c r="S886" s="10" t="s">
        <v>22</v>
      </c>
      <c r="T886" s="10" t="s">
        <v>22</v>
      </c>
      <c r="U886" s="10" t="s">
        <v>22</v>
      </c>
      <c r="V886" s="10" t="s">
        <v>22</v>
      </c>
      <c r="W886" s="10" t="s">
        <v>22</v>
      </c>
      <c r="X886" s="10" t="s">
        <v>22</v>
      </c>
      <c r="Y886" s="10" t="s">
        <v>22</v>
      </c>
      <c r="Z886" s="10" t="s">
        <v>22</v>
      </c>
    </row>
    <row r="887" spans="1:26" ht="24" customHeight="1" x14ac:dyDescent="0.2">
      <c r="A887" s="9" t="s">
        <v>18164</v>
      </c>
      <c r="B887" s="9" t="s">
        <v>14</v>
      </c>
      <c r="C887" s="9" t="s">
        <v>4197</v>
      </c>
      <c r="D887" s="6" t="s">
        <v>4198</v>
      </c>
      <c r="E887" s="22">
        <v>45479</v>
      </c>
      <c r="F887" s="22">
        <v>47304</v>
      </c>
      <c r="G887" s="6" t="s">
        <v>4199</v>
      </c>
      <c r="H887" s="6" t="s">
        <v>18</v>
      </c>
      <c r="I887" s="6" t="s">
        <v>19</v>
      </c>
      <c r="J887" s="6" t="s">
        <v>4200</v>
      </c>
      <c r="K887" s="9" t="s">
        <v>4201</v>
      </c>
      <c r="L887" s="10" t="s">
        <v>22</v>
      </c>
      <c r="M887" s="10" t="s">
        <v>22</v>
      </c>
      <c r="N887" s="10" t="s">
        <v>22</v>
      </c>
      <c r="O887" s="10" t="s">
        <v>22</v>
      </c>
      <c r="P887" s="10" t="s">
        <v>22</v>
      </c>
      <c r="Q887" s="10" t="s">
        <v>22</v>
      </c>
      <c r="R887" s="10" t="s">
        <v>22</v>
      </c>
      <c r="S887" s="10" t="s">
        <v>22</v>
      </c>
      <c r="T887" s="10" t="s">
        <v>22</v>
      </c>
    </row>
    <row r="888" spans="1:26" ht="24" customHeight="1" x14ac:dyDescent="0.2">
      <c r="A888" s="9" t="s">
        <v>18165</v>
      </c>
      <c r="B888" s="9" t="s">
        <v>14</v>
      </c>
      <c r="C888" s="9" t="s">
        <v>4202</v>
      </c>
      <c r="D888" s="6" t="s">
        <v>4203</v>
      </c>
      <c r="E888" s="22">
        <v>45486</v>
      </c>
      <c r="F888" s="22">
        <v>47311</v>
      </c>
      <c r="G888" s="6" t="s">
        <v>4204</v>
      </c>
      <c r="H888" s="6" t="s">
        <v>363</v>
      </c>
      <c r="I888" s="6" t="s">
        <v>4205</v>
      </c>
      <c r="J888" s="6" t="s">
        <v>16204</v>
      </c>
      <c r="K888" s="9" t="s">
        <v>4206</v>
      </c>
      <c r="L888" s="10" t="s">
        <v>22</v>
      </c>
      <c r="M888" s="10" t="s">
        <v>22</v>
      </c>
      <c r="N888" s="10" t="s">
        <v>22</v>
      </c>
      <c r="O888" s="10" t="s">
        <v>22</v>
      </c>
      <c r="P888" s="10" t="s">
        <v>22</v>
      </c>
      <c r="Q888" s="10" t="s">
        <v>22</v>
      </c>
      <c r="R888" s="10" t="s">
        <v>22</v>
      </c>
      <c r="S888" s="10" t="s">
        <v>22</v>
      </c>
      <c r="T888" s="10" t="s">
        <v>22</v>
      </c>
    </row>
    <row r="889" spans="1:26" ht="24" customHeight="1" x14ac:dyDescent="0.2">
      <c r="A889" s="9" t="s">
        <v>18166</v>
      </c>
      <c r="B889" s="9" t="s">
        <v>14</v>
      </c>
      <c r="C889" s="9" t="s">
        <v>4207</v>
      </c>
      <c r="D889" s="6" t="s">
        <v>4208</v>
      </c>
      <c r="E889" s="22">
        <v>45486</v>
      </c>
      <c r="F889" s="22">
        <v>47311</v>
      </c>
      <c r="G889" s="6" t="s">
        <v>4209</v>
      </c>
      <c r="H889" s="6" t="s">
        <v>202</v>
      </c>
      <c r="I889" s="6" t="s">
        <v>336</v>
      </c>
      <c r="J889" s="6" t="s">
        <v>4210</v>
      </c>
      <c r="K889" s="9" t="s">
        <v>4211</v>
      </c>
      <c r="L889" s="10" t="s">
        <v>22</v>
      </c>
      <c r="M889" s="10" t="s">
        <v>22</v>
      </c>
      <c r="N889" s="10" t="s">
        <v>22</v>
      </c>
      <c r="O889" s="10" t="s">
        <v>22</v>
      </c>
      <c r="P889" s="10" t="s">
        <v>22</v>
      </c>
      <c r="Q889" s="10" t="s">
        <v>22</v>
      </c>
      <c r="U889" s="10" t="s">
        <v>22</v>
      </c>
      <c r="V889" s="10" t="s">
        <v>22</v>
      </c>
      <c r="W889" s="10" t="s">
        <v>22</v>
      </c>
      <c r="X889" s="10" t="s">
        <v>22</v>
      </c>
      <c r="Y889" s="10" t="s">
        <v>22</v>
      </c>
      <c r="Z889" s="10" t="s">
        <v>22</v>
      </c>
    </row>
    <row r="890" spans="1:26" ht="24" customHeight="1" x14ac:dyDescent="0.2">
      <c r="A890" s="9" t="s">
        <v>18167</v>
      </c>
      <c r="B890" s="9" t="s">
        <v>14</v>
      </c>
      <c r="C890" s="9" t="s">
        <v>4212</v>
      </c>
      <c r="D890" s="6" t="s">
        <v>4213</v>
      </c>
      <c r="E890" s="22">
        <v>45487</v>
      </c>
      <c r="F890" s="22">
        <v>47312</v>
      </c>
      <c r="G890" s="6" t="s">
        <v>4214</v>
      </c>
      <c r="H890" s="6" t="s">
        <v>18</v>
      </c>
      <c r="I890" s="6" t="s">
        <v>19</v>
      </c>
      <c r="J890" s="6" t="s">
        <v>4215</v>
      </c>
      <c r="L890" s="10" t="s">
        <v>22</v>
      </c>
      <c r="M890" s="10" t="s">
        <v>22</v>
      </c>
      <c r="N890" s="10" t="s">
        <v>22</v>
      </c>
      <c r="O890" s="10" t="s">
        <v>22</v>
      </c>
      <c r="P890" s="10" t="s">
        <v>22</v>
      </c>
      <c r="Q890" s="10" t="s">
        <v>22</v>
      </c>
      <c r="R890" s="10" t="s">
        <v>22</v>
      </c>
      <c r="S890" s="10" t="s">
        <v>22</v>
      </c>
      <c r="T890" s="10" t="s">
        <v>22</v>
      </c>
      <c r="U890" s="10" t="s">
        <v>22</v>
      </c>
      <c r="V890" s="10" t="s">
        <v>22</v>
      </c>
      <c r="W890" s="10" t="s">
        <v>22</v>
      </c>
      <c r="X890" s="10" t="s">
        <v>22</v>
      </c>
      <c r="Y890" s="10" t="s">
        <v>22</v>
      </c>
      <c r="Z890" s="10" t="s">
        <v>22</v>
      </c>
    </row>
    <row r="891" spans="1:26" ht="24" customHeight="1" x14ac:dyDescent="0.2">
      <c r="A891" s="9" t="s">
        <v>18168</v>
      </c>
      <c r="B891" s="9" t="s">
        <v>14</v>
      </c>
      <c r="C891" s="9" t="s">
        <v>4216</v>
      </c>
      <c r="D891" s="6" t="s">
        <v>4217</v>
      </c>
      <c r="E891" s="22">
        <v>45496</v>
      </c>
      <c r="F891" s="22">
        <v>47321</v>
      </c>
      <c r="G891" s="6" t="s">
        <v>4218</v>
      </c>
      <c r="H891" s="6" t="s">
        <v>202</v>
      </c>
      <c r="I891" s="6" t="s">
        <v>2992</v>
      </c>
      <c r="J891" s="6" t="s">
        <v>4219</v>
      </c>
      <c r="K891" s="9" t="s">
        <v>4220</v>
      </c>
      <c r="L891" s="10" t="s">
        <v>22</v>
      </c>
      <c r="M891" s="10" t="s">
        <v>22</v>
      </c>
      <c r="N891" s="10" t="s">
        <v>22</v>
      </c>
      <c r="O891" s="10" t="s">
        <v>22</v>
      </c>
      <c r="P891" s="10" t="s">
        <v>22</v>
      </c>
      <c r="Q891" s="10" t="s">
        <v>22</v>
      </c>
      <c r="U891" s="10" t="s">
        <v>22</v>
      </c>
      <c r="V891" s="10" t="s">
        <v>22</v>
      </c>
      <c r="W891" s="10" t="s">
        <v>22</v>
      </c>
      <c r="X891" s="10" t="s">
        <v>22</v>
      </c>
      <c r="Y891" s="10" t="s">
        <v>22</v>
      </c>
      <c r="Z891" s="10" t="s">
        <v>22</v>
      </c>
    </row>
    <row r="892" spans="1:26" ht="24" customHeight="1" x14ac:dyDescent="0.2">
      <c r="A892" s="9" t="s">
        <v>18169</v>
      </c>
      <c r="B892" s="9" t="s">
        <v>14</v>
      </c>
      <c r="C892" s="9" t="s">
        <v>4221</v>
      </c>
      <c r="D892" s="6" t="s">
        <v>4222</v>
      </c>
      <c r="E892" s="22">
        <v>45507</v>
      </c>
      <c r="F892" s="22">
        <v>47332</v>
      </c>
      <c r="G892" s="6" t="s">
        <v>4223</v>
      </c>
      <c r="H892" s="6" t="s">
        <v>202</v>
      </c>
      <c r="I892" s="6" t="s">
        <v>863</v>
      </c>
      <c r="J892" s="6" t="s">
        <v>4224</v>
      </c>
      <c r="K892" s="9" t="s">
        <v>4225</v>
      </c>
      <c r="L892" s="10" t="s">
        <v>22</v>
      </c>
      <c r="M892" s="10" t="s">
        <v>22</v>
      </c>
      <c r="N892" s="10" t="s">
        <v>22</v>
      </c>
      <c r="O892" s="10" t="s">
        <v>22</v>
      </c>
      <c r="P892" s="10" t="s">
        <v>22</v>
      </c>
      <c r="Q892" s="10" t="s">
        <v>22</v>
      </c>
      <c r="R892" s="10" t="s">
        <v>22</v>
      </c>
      <c r="S892" s="10" t="s">
        <v>22</v>
      </c>
      <c r="T892" s="10" t="s">
        <v>22</v>
      </c>
      <c r="U892" s="10" t="s">
        <v>22</v>
      </c>
      <c r="V892" s="10" t="s">
        <v>22</v>
      </c>
      <c r="W892" s="10" t="s">
        <v>22</v>
      </c>
      <c r="X892" s="10" t="s">
        <v>22</v>
      </c>
      <c r="Y892" s="10" t="s">
        <v>22</v>
      </c>
      <c r="Z892" s="10" t="s">
        <v>22</v>
      </c>
    </row>
    <row r="893" spans="1:26" ht="24" customHeight="1" x14ac:dyDescent="0.2">
      <c r="A893" s="9" t="s">
        <v>18170</v>
      </c>
      <c r="B893" s="9" t="s">
        <v>14</v>
      </c>
      <c r="C893" s="9" t="s">
        <v>4226</v>
      </c>
      <c r="D893" s="6" t="s">
        <v>4227</v>
      </c>
      <c r="E893" s="22">
        <v>45524</v>
      </c>
      <c r="F893" s="22">
        <v>47349</v>
      </c>
      <c r="G893" s="6" t="s">
        <v>4228</v>
      </c>
      <c r="H893" s="6" t="s">
        <v>18</v>
      </c>
      <c r="I893" s="6" t="s">
        <v>19</v>
      </c>
      <c r="J893" s="6" t="s">
        <v>4229</v>
      </c>
      <c r="K893" s="9" t="s">
        <v>4230</v>
      </c>
      <c r="L893" s="10" t="s">
        <v>22</v>
      </c>
      <c r="M893" s="10" t="s">
        <v>22</v>
      </c>
      <c r="N893" s="10" t="s">
        <v>22</v>
      </c>
      <c r="O893" s="10" t="s">
        <v>22</v>
      </c>
      <c r="P893" s="10" t="s">
        <v>22</v>
      </c>
      <c r="Q893" s="10" t="s">
        <v>22</v>
      </c>
    </row>
    <row r="894" spans="1:26" ht="24" customHeight="1" x14ac:dyDescent="0.2">
      <c r="A894" s="9" t="s">
        <v>18171</v>
      </c>
      <c r="B894" s="9" t="s">
        <v>14</v>
      </c>
      <c r="C894" s="9" t="s">
        <v>4231</v>
      </c>
      <c r="D894" s="6" t="s">
        <v>4232</v>
      </c>
      <c r="E894" s="22">
        <v>45524</v>
      </c>
      <c r="F894" s="22">
        <v>47349</v>
      </c>
      <c r="G894" s="6" t="s">
        <v>4233</v>
      </c>
      <c r="H894" s="6" t="s">
        <v>18</v>
      </c>
      <c r="I894" s="6" t="s">
        <v>19</v>
      </c>
      <c r="J894" s="6" t="s">
        <v>4234</v>
      </c>
      <c r="K894" s="9" t="s">
        <v>4235</v>
      </c>
      <c r="L894" s="10" t="s">
        <v>22</v>
      </c>
      <c r="M894" s="10" t="s">
        <v>22</v>
      </c>
      <c r="N894" s="10" t="s">
        <v>22</v>
      </c>
      <c r="O894" s="10" t="s">
        <v>22</v>
      </c>
      <c r="P894" s="10" t="s">
        <v>22</v>
      </c>
      <c r="Q894" s="10" t="s">
        <v>22</v>
      </c>
      <c r="R894" s="10" t="s">
        <v>22</v>
      </c>
      <c r="S894" s="10" t="s">
        <v>22</v>
      </c>
      <c r="T894" s="10" t="s">
        <v>22</v>
      </c>
      <c r="U894" s="10" t="s">
        <v>22</v>
      </c>
      <c r="V894" s="10" t="s">
        <v>22</v>
      </c>
      <c r="W894" s="10" t="s">
        <v>22</v>
      </c>
      <c r="X894" s="10" t="s">
        <v>22</v>
      </c>
      <c r="Y894" s="10" t="s">
        <v>22</v>
      </c>
      <c r="Z894" s="10" t="s">
        <v>22</v>
      </c>
    </row>
    <row r="895" spans="1:26" ht="30" customHeight="1" x14ac:dyDescent="0.2">
      <c r="A895" s="9" t="s">
        <v>18172</v>
      </c>
      <c r="B895" s="9" t="s">
        <v>14</v>
      </c>
      <c r="C895" s="9" t="s">
        <v>4236</v>
      </c>
      <c r="D895" s="6" t="s">
        <v>4237</v>
      </c>
      <c r="E895" s="22">
        <v>45539</v>
      </c>
      <c r="F895" s="22">
        <v>47364</v>
      </c>
      <c r="G895" s="6" t="s">
        <v>4238</v>
      </c>
      <c r="H895" s="6" t="s">
        <v>18</v>
      </c>
      <c r="I895" s="6" t="s">
        <v>26</v>
      </c>
      <c r="J895" s="6" t="s">
        <v>4239</v>
      </c>
      <c r="K895" s="9" t="s">
        <v>4240</v>
      </c>
      <c r="L895" s="10" t="s">
        <v>22</v>
      </c>
      <c r="M895" s="10" t="s">
        <v>22</v>
      </c>
      <c r="N895" s="10" t="s">
        <v>22</v>
      </c>
      <c r="O895" s="10" t="s">
        <v>22</v>
      </c>
      <c r="P895" s="10" t="s">
        <v>22</v>
      </c>
      <c r="Q895" s="10" t="s">
        <v>22</v>
      </c>
      <c r="R895" s="10" t="s">
        <v>22</v>
      </c>
      <c r="S895" s="10" t="s">
        <v>22</v>
      </c>
      <c r="T895" s="10" t="s">
        <v>22</v>
      </c>
      <c r="U895" s="10" t="s">
        <v>22</v>
      </c>
      <c r="V895" s="10" t="s">
        <v>22</v>
      </c>
      <c r="W895" s="10" t="s">
        <v>22</v>
      </c>
      <c r="X895" s="10" t="s">
        <v>22</v>
      </c>
      <c r="Y895" s="10" t="s">
        <v>22</v>
      </c>
      <c r="Z895" s="10" t="s">
        <v>22</v>
      </c>
    </row>
    <row r="896" spans="1:26" ht="24" customHeight="1" x14ac:dyDescent="0.2">
      <c r="A896" s="9" t="s">
        <v>18173</v>
      </c>
      <c r="B896" s="9" t="s">
        <v>14</v>
      </c>
      <c r="C896" s="9" t="s">
        <v>4241</v>
      </c>
      <c r="D896" s="6" t="s">
        <v>4242</v>
      </c>
      <c r="E896" s="22">
        <v>45563</v>
      </c>
      <c r="F896" s="22">
        <v>47388</v>
      </c>
      <c r="G896" s="6" t="s">
        <v>4243</v>
      </c>
      <c r="H896" s="6" t="s">
        <v>62</v>
      </c>
      <c r="I896" s="6" t="s">
        <v>819</v>
      </c>
      <c r="J896" s="6" t="s">
        <v>4244</v>
      </c>
      <c r="K896" s="9" t="s">
        <v>4245</v>
      </c>
      <c r="L896" s="10" t="s">
        <v>22</v>
      </c>
      <c r="M896" s="10" t="s">
        <v>22</v>
      </c>
      <c r="N896" s="10" t="s">
        <v>22</v>
      </c>
      <c r="O896" s="10" t="s">
        <v>22</v>
      </c>
      <c r="P896" s="10" t="s">
        <v>22</v>
      </c>
      <c r="Q896" s="10" t="s">
        <v>22</v>
      </c>
      <c r="U896" s="10" t="s">
        <v>22</v>
      </c>
      <c r="V896" s="10" t="s">
        <v>22</v>
      </c>
      <c r="W896" s="10" t="s">
        <v>22</v>
      </c>
      <c r="X896" s="10" t="s">
        <v>22</v>
      </c>
      <c r="Y896" s="10" t="s">
        <v>22</v>
      </c>
      <c r="Z896" s="10" t="s">
        <v>22</v>
      </c>
    </row>
    <row r="897" spans="1:26" ht="24" customHeight="1" x14ac:dyDescent="0.2">
      <c r="A897" s="9" t="s">
        <v>18174</v>
      </c>
      <c r="B897" s="9" t="s">
        <v>14</v>
      </c>
      <c r="C897" s="9" t="s">
        <v>4246</v>
      </c>
      <c r="D897" s="6" t="s">
        <v>4247</v>
      </c>
      <c r="E897" s="22">
        <v>45571</v>
      </c>
      <c r="F897" s="22">
        <v>47396</v>
      </c>
      <c r="G897" s="6" t="s">
        <v>4248</v>
      </c>
      <c r="H897" s="6" t="s">
        <v>202</v>
      </c>
      <c r="I897" s="6" t="s">
        <v>3799</v>
      </c>
      <c r="J897" s="6" t="s">
        <v>16205</v>
      </c>
      <c r="K897" s="9" t="s">
        <v>4249</v>
      </c>
      <c r="L897" s="10" t="s">
        <v>22</v>
      </c>
      <c r="M897" s="10" t="s">
        <v>22</v>
      </c>
      <c r="N897" s="10" t="s">
        <v>22</v>
      </c>
      <c r="O897" s="10" t="s">
        <v>22</v>
      </c>
      <c r="P897" s="10" t="s">
        <v>22</v>
      </c>
      <c r="Q897" s="10" t="s">
        <v>22</v>
      </c>
      <c r="R897" s="10" t="s">
        <v>22</v>
      </c>
      <c r="S897" s="10" t="s">
        <v>22</v>
      </c>
      <c r="T897" s="10" t="s">
        <v>22</v>
      </c>
      <c r="U897" s="10" t="s">
        <v>22</v>
      </c>
      <c r="V897" s="10" t="s">
        <v>22</v>
      </c>
      <c r="W897" s="10" t="s">
        <v>22</v>
      </c>
      <c r="X897" s="10" t="s">
        <v>22</v>
      </c>
      <c r="Y897" s="10" t="s">
        <v>22</v>
      </c>
      <c r="Z897" s="10" t="s">
        <v>22</v>
      </c>
    </row>
    <row r="898" spans="1:26" ht="24" customHeight="1" x14ac:dyDescent="0.2">
      <c r="A898" s="9" t="s">
        <v>18175</v>
      </c>
      <c r="B898" s="9" t="s">
        <v>14</v>
      </c>
      <c r="C898" s="9" t="s">
        <v>4250</v>
      </c>
      <c r="D898" s="6" t="s">
        <v>4251</v>
      </c>
      <c r="E898" s="22">
        <v>45578</v>
      </c>
      <c r="F898" s="22">
        <v>47403</v>
      </c>
      <c r="G898" s="6" t="s">
        <v>4252</v>
      </c>
      <c r="H898" s="6" t="s">
        <v>18</v>
      </c>
      <c r="I898" s="6" t="s">
        <v>19</v>
      </c>
      <c r="J898" s="6" t="s">
        <v>4253</v>
      </c>
      <c r="K898" s="9" t="s">
        <v>4254</v>
      </c>
      <c r="L898" s="10" t="s">
        <v>22</v>
      </c>
      <c r="M898" s="10" t="s">
        <v>22</v>
      </c>
      <c r="N898" s="10" t="s">
        <v>22</v>
      </c>
      <c r="O898" s="10" t="s">
        <v>22</v>
      </c>
      <c r="P898" s="10" t="s">
        <v>22</v>
      </c>
      <c r="Q898" s="10" t="s">
        <v>22</v>
      </c>
    </row>
    <row r="899" spans="1:26" ht="24" customHeight="1" x14ac:dyDescent="0.2">
      <c r="A899" s="9" t="s">
        <v>18176</v>
      </c>
      <c r="B899" s="9" t="s">
        <v>14</v>
      </c>
      <c r="C899" s="9" t="s">
        <v>4255</v>
      </c>
      <c r="D899" s="6" t="s">
        <v>4256</v>
      </c>
      <c r="E899" s="22">
        <v>45578</v>
      </c>
      <c r="F899" s="22">
        <v>47403</v>
      </c>
      <c r="G899" s="6" t="s">
        <v>4257</v>
      </c>
      <c r="H899" s="6" t="s">
        <v>18</v>
      </c>
      <c r="I899" s="6" t="s">
        <v>26</v>
      </c>
      <c r="J899" s="6" t="s">
        <v>4258</v>
      </c>
      <c r="K899" s="9" t="s">
        <v>4259</v>
      </c>
      <c r="L899" s="10" t="s">
        <v>22</v>
      </c>
      <c r="M899" s="10" t="s">
        <v>22</v>
      </c>
      <c r="N899" s="10" t="s">
        <v>22</v>
      </c>
      <c r="O899" s="10" t="s">
        <v>22</v>
      </c>
      <c r="P899" s="10" t="s">
        <v>22</v>
      </c>
      <c r="Q899" s="10" t="s">
        <v>22</v>
      </c>
      <c r="R899" s="10" t="s">
        <v>22</v>
      </c>
      <c r="S899" s="10" t="s">
        <v>22</v>
      </c>
      <c r="T899" s="10" t="s">
        <v>22</v>
      </c>
      <c r="U899" s="10" t="s">
        <v>22</v>
      </c>
      <c r="V899" s="10" t="s">
        <v>22</v>
      </c>
      <c r="W899" s="10" t="s">
        <v>22</v>
      </c>
      <c r="X899" s="10" t="s">
        <v>22</v>
      </c>
      <c r="Y899" s="10" t="s">
        <v>22</v>
      </c>
      <c r="Z899" s="10" t="s">
        <v>22</v>
      </c>
    </row>
    <row r="900" spans="1:26" ht="24" customHeight="1" x14ac:dyDescent="0.2">
      <c r="A900" s="9" t="s">
        <v>18177</v>
      </c>
      <c r="B900" s="9" t="s">
        <v>14</v>
      </c>
      <c r="C900" s="9" t="s">
        <v>4260</v>
      </c>
      <c r="D900" s="6" t="s">
        <v>4261</v>
      </c>
      <c r="E900" s="22">
        <v>45580</v>
      </c>
      <c r="F900" s="22">
        <v>47405</v>
      </c>
      <c r="G900" s="6" t="s">
        <v>4262</v>
      </c>
      <c r="H900" s="6" t="s">
        <v>202</v>
      </c>
      <c r="I900" s="6" t="s">
        <v>336</v>
      </c>
      <c r="J900" s="6" t="s">
        <v>4263</v>
      </c>
      <c r="L900" s="10" t="s">
        <v>22</v>
      </c>
      <c r="M900" s="10" t="s">
        <v>22</v>
      </c>
      <c r="N900" s="10" t="s">
        <v>22</v>
      </c>
      <c r="O900" s="10" t="s">
        <v>22</v>
      </c>
      <c r="P900" s="10" t="s">
        <v>22</v>
      </c>
      <c r="Q900" s="10" t="s">
        <v>22</v>
      </c>
      <c r="R900" s="10" t="s">
        <v>22</v>
      </c>
      <c r="S900" s="10" t="s">
        <v>22</v>
      </c>
      <c r="T900" s="10" t="s">
        <v>22</v>
      </c>
      <c r="U900" s="10" t="s">
        <v>22</v>
      </c>
      <c r="V900" s="10" t="s">
        <v>22</v>
      </c>
      <c r="W900" s="10" t="s">
        <v>22</v>
      </c>
      <c r="X900" s="10" t="s">
        <v>22</v>
      </c>
      <c r="Y900" s="10" t="s">
        <v>22</v>
      </c>
      <c r="Z900" s="10" t="s">
        <v>22</v>
      </c>
    </row>
    <row r="901" spans="1:26" ht="24" customHeight="1" x14ac:dyDescent="0.2">
      <c r="A901" s="9" t="s">
        <v>18178</v>
      </c>
      <c r="B901" s="9" t="s">
        <v>14</v>
      </c>
      <c r="C901" s="9" t="s">
        <v>4264</v>
      </c>
      <c r="D901" s="6" t="s">
        <v>2576</v>
      </c>
      <c r="E901" s="22">
        <v>45587</v>
      </c>
      <c r="F901" s="22">
        <v>47412</v>
      </c>
      <c r="G901" s="6" t="s">
        <v>2577</v>
      </c>
      <c r="H901" s="6" t="s">
        <v>62</v>
      </c>
      <c r="I901" s="6" t="s">
        <v>435</v>
      </c>
      <c r="J901" s="6" t="s">
        <v>4265</v>
      </c>
      <c r="K901" s="9" t="s">
        <v>4266</v>
      </c>
      <c r="L901" s="10" t="s">
        <v>22</v>
      </c>
      <c r="M901" s="10" t="s">
        <v>22</v>
      </c>
      <c r="N901" s="10" t="s">
        <v>22</v>
      </c>
      <c r="O901" s="10" t="s">
        <v>22</v>
      </c>
      <c r="P901" s="10" t="s">
        <v>22</v>
      </c>
      <c r="Q901" s="10" t="s">
        <v>22</v>
      </c>
      <c r="R901" s="10" t="s">
        <v>22</v>
      </c>
      <c r="S901" s="10" t="s">
        <v>22</v>
      </c>
      <c r="T901" s="10" t="s">
        <v>22</v>
      </c>
      <c r="U901" s="10" t="s">
        <v>22</v>
      </c>
      <c r="V901" s="10" t="s">
        <v>22</v>
      </c>
      <c r="W901" s="10" t="s">
        <v>22</v>
      </c>
      <c r="X901" s="10" t="s">
        <v>22</v>
      </c>
      <c r="Y901" s="10" t="s">
        <v>22</v>
      </c>
      <c r="Z901" s="10" t="s">
        <v>22</v>
      </c>
    </row>
    <row r="902" spans="1:26" ht="24" customHeight="1" x14ac:dyDescent="0.2">
      <c r="A902" s="9" t="s">
        <v>18179</v>
      </c>
      <c r="B902" s="9" t="s">
        <v>14</v>
      </c>
      <c r="C902" s="9" t="s">
        <v>4267</v>
      </c>
      <c r="D902" s="6" t="s">
        <v>4268</v>
      </c>
      <c r="E902" s="22">
        <v>45605</v>
      </c>
      <c r="F902" s="22">
        <v>47430</v>
      </c>
      <c r="G902" s="6" t="s">
        <v>4269</v>
      </c>
      <c r="H902" s="6" t="s">
        <v>62</v>
      </c>
      <c r="I902" s="6" t="s">
        <v>1125</v>
      </c>
      <c r="J902" s="6" t="s">
        <v>4270</v>
      </c>
      <c r="L902" s="10" t="s">
        <v>22</v>
      </c>
      <c r="M902" s="10" t="s">
        <v>22</v>
      </c>
      <c r="N902" s="10" t="s">
        <v>22</v>
      </c>
      <c r="O902" s="10" t="s">
        <v>22</v>
      </c>
      <c r="P902" s="10" t="s">
        <v>22</v>
      </c>
      <c r="Q902" s="10" t="s">
        <v>22</v>
      </c>
      <c r="R902" s="10" t="s">
        <v>22</v>
      </c>
      <c r="S902" s="10" t="s">
        <v>22</v>
      </c>
      <c r="T902" s="10" t="s">
        <v>22</v>
      </c>
      <c r="U902" s="10" t="s">
        <v>22</v>
      </c>
      <c r="V902" s="10" t="s">
        <v>22</v>
      </c>
      <c r="W902" s="10" t="s">
        <v>22</v>
      </c>
      <c r="X902" s="10" t="s">
        <v>22</v>
      </c>
      <c r="Y902" s="10" t="s">
        <v>22</v>
      </c>
      <c r="Z902" s="10" t="s">
        <v>22</v>
      </c>
    </row>
    <row r="903" spans="1:26" ht="24" customHeight="1" x14ac:dyDescent="0.2">
      <c r="A903" s="9" t="s">
        <v>18180</v>
      </c>
      <c r="B903" s="9" t="s">
        <v>14</v>
      </c>
      <c r="C903" s="9" t="s">
        <v>4271</v>
      </c>
      <c r="D903" s="6" t="s">
        <v>4272</v>
      </c>
      <c r="E903" s="22">
        <v>45607</v>
      </c>
      <c r="F903" s="22">
        <v>47432</v>
      </c>
      <c r="G903" s="6" t="s">
        <v>4273</v>
      </c>
      <c r="H903" s="6" t="s">
        <v>18</v>
      </c>
      <c r="I903" s="6" t="s">
        <v>19</v>
      </c>
      <c r="J903" s="6" t="s">
        <v>4274</v>
      </c>
      <c r="K903" s="9" t="s">
        <v>4275</v>
      </c>
      <c r="O903" s="10" t="s">
        <v>22</v>
      </c>
      <c r="P903" s="10" t="s">
        <v>22</v>
      </c>
      <c r="Q903" s="10" t="s">
        <v>22</v>
      </c>
      <c r="X903" s="10" t="s">
        <v>22</v>
      </c>
      <c r="Y903" s="10" t="s">
        <v>22</v>
      </c>
      <c r="Z903" s="10" t="s">
        <v>22</v>
      </c>
    </row>
    <row r="904" spans="1:26" ht="24" customHeight="1" x14ac:dyDescent="0.2">
      <c r="A904" s="9" t="s">
        <v>18181</v>
      </c>
      <c r="B904" s="9" t="s">
        <v>14</v>
      </c>
      <c r="C904" s="9" t="s">
        <v>4276</v>
      </c>
      <c r="D904" s="6" t="s">
        <v>4277</v>
      </c>
      <c r="E904" s="22">
        <v>45613</v>
      </c>
      <c r="F904" s="22">
        <v>47438</v>
      </c>
      <c r="G904" s="6" t="s">
        <v>4278</v>
      </c>
      <c r="H904" s="6" t="s">
        <v>62</v>
      </c>
      <c r="I904" s="6" t="s">
        <v>1433</v>
      </c>
      <c r="J904" s="6" t="s">
        <v>4279</v>
      </c>
      <c r="K904" s="9" t="s">
        <v>4280</v>
      </c>
      <c r="L904" s="10" t="s">
        <v>22</v>
      </c>
      <c r="M904" s="10" t="s">
        <v>22</v>
      </c>
      <c r="N904" s="10" t="s">
        <v>22</v>
      </c>
      <c r="O904" s="10" t="s">
        <v>22</v>
      </c>
      <c r="P904" s="10" t="s">
        <v>22</v>
      </c>
      <c r="Q904" s="10" t="s">
        <v>22</v>
      </c>
      <c r="R904" s="10" t="s">
        <v>22</v>
      </c>
      <c r="S904" s="10" t="s">
        <v>22</v>
      </c>
      <c r="T904" s="10" t="s">
        <v>22</v>
      </c>
      <c r="U904" s="10" t="s">
        <v>22</v>
      </c>
      <c r="V904" s="10" t="s">
        <v>22</v>
      </c>
      <c r="W904" s="10" t="s">
        <v>22</v>
      </c>
      <c r="X904" s="10" t="s">
        <v>22</v>
      </c>
      <c r="Y904" s="10" t="s">
        <v>22</v>
      </c>
      <c r="Z904" s="10" t="s">
        <v>22</v>
      </c>
    </row>
    <row r="905" spans="1:26" ht="24" customHeight="1" x14ac:dyDescent="0.2">
      <c r="A905" s="9" t="s">
        <v>18182</v>
      </c>
      <c r="B905" s="9" t="s">
        <v>14</v>
      </c>
      <c r="C905" s="9" t="s">
        <v>4283</v>
      </c>
      <c r="D905" s="6" t="s">
        <v>4284</v>
      </c>
      <c r="E905" s="22">
        <v>45637</v>
      </c>
      <c r="F905" s="22">
        <v>47462</v>
      </c>
      <c r="G905" s="6" t="s">
        <v>4285</v>
      </c>
      <c r="H905" s="6" t="s">
        <v>202</v>
      </c>
      <c r="I905" s="6" t="s">
        <v>954</v>
      </c>
      <c r="J905" s="6" t="s">
        <v>16206</v>
      </c>
      <c r="K905" s="9" t="s">
        <v>4286</v>
      </c>
      <c r="L905" s="10" t="s">
        <v>22</v>
      </c>
      <c r="M905" s="10" t="s">
        <v>22</v>
      </c>
      <c r="N905" s="10" t="s">
        <v>22</v>
      </c>
      <c r="O905" s="10" t="s">
        <v>22</v>
      </c>
      <c r="P905" s="10" t="s">
        <v>22</v>
      </c>
      <c r="Q905" s="10" t="s">
        <v>22</v>
      </c>
      <c r="R905" s="10" t="s">
        <v>22</v>
      </c>
      <c r="S905" s="10" t="s">
        <v>22</v>
      </c>
      <c r="T905" s="10" t="s">
        <v>22</v>
      </c>
      <c r="U905" s="10" t="s">
        <v>22</v>
      </c>
      <c r="V905" s="10" t="s">
        <v>22</v>
      </c>
      <c r="W905" s="10" t="s">
        <v>22</v>
      </c>
      <c r="X905" s="10" t="s">
        <v>22</v>
      </c>
      <c r="Y905" s="10" t="s">
        <v>22</v>
      </c>
      <c r="Z905" s="10" t="s">
        <v>22</v>
      </c>
    </row>
    <row r="906" spans="1:26" ht="24" customHeight="1" x14ac:dyDescent="0.2">
      <c r="A906" s="9" t="s">
        <v>21239</v>
      </c>
      <c r="B906" s="9" t="s">
        <v>14</v>
      </c>
      <c r="C906" s="9" t="s">
        <v>4287</v>
      </c>
      <c r="D906" s="6" t="s">
        <v>4288</v>
      </c>
      <c r="E906" s="22">
        <v>45643</v>
      </c>
      <c r="F906" s="22">
        <v>47468</v>
      </c>
      <c r="G906" s="6" t="s">
        <v>4289</v>
      </c>
      <c r="H906" s="6" t="s">
        <v>62</v>
      </c>
      <c r="I906" s="6" t="s">
        <v>186</v>
      </c>
      <c r="J906" s="6" t="s">
        <v>4290</v>
      </c>
      <c r="K906" s="9" t="s">
        <v>4291</v>
      </c>
      <c r="L906" s="10" t="s">
        <v>22</v>
      </c>
      <c r="M906" s="10" t="s">
        <v>22</v>
      </c>
      <c r="N906" s="10" t="s">
        <v>22</v>
      </c>
      <c r="O906" s="10" t="s">
        <v>22</v>
      </c>
      <c r="P906" s="10" t="s">
        <v>22</v>
      </c>
      <c r="Q906" s="10" t="s">
        <v>22</v>
      </c>
      <c r="U906" s="10" t="s">
        <v>22</v>
      </c>
      <c r="V906" s="10" t="s">
        <v>22</v>
      </c>
      <c r="W906" s="10" t="s">
        <v>22</v>
      </c>
      <c r="X906" s="10" t="s">
        <v>22</v>
      </c>
      <c r="Y906" s="10" t="s">
        <v>22</v>
      </c>
      <c r="Z906" s="10" t="s">
        <v>22</v>
      </c>
    </row>
    <row r="907" spans="1:26" ht="24" customHeight="1" x14ac:dyDescent="0.2">
      <c r="A907" s="9" t="s">
        <v>21240</v>
      </c>
      <c r="B907" s="9" t="s">
        <v>14</v>
      </c>
      <c r="C907" s="9" t="s">
        <v>4292</v>
      </c>
      <c r="D907" s="6" t="s">
        <v>4293</v>
      </c>
      <c r="E907" s="22">
        <v>45669</v>
      </c>
      <c r="F907" s="22">
        <v>47494</v>
      </c>
      <c r="G907" s="6" t="s">
        <v>4294</v>
      </c>
      <c r="H907" s="6" t="s">
        <v>62</v>
      </c>
      <c r="I907" s="6" t="s">
        <v>551</v>
      </c>
      <c r="J907" s="6" t="s">
        <v>4295</v>
      </c>
      <c r="K907" s="9" t="s">
        <v>4296</v>
      </c>
      <c r="L907" s="10" t="s">
        <v>22</v>
      </c>
      <c r="M907" s="10" t="s">
        <v>22</v>
      </c>
      <c r="N907" s="10" t="s">
        <v>22</v>
      </c>
      <c r="O907" s="10" t="s">
        <v>22</v>
      </c>
      <c r="P907" s="10" t="s">
        <v>22</v>
      </c>
      <c r="Q907" s="10" t="s">
        <v>22</v>
      </c>
      <c r="R907" s="10" t="s">
        <v>22</v>
      </c>
      <c r="S907" s="10" t="s">
        <v>22</v>
      </c>
      <c r="T907" s="10" t="s">
        <v>22</v>
      </c>
      <c r="U907" s="10" t="s">
        <v>22</v>
      </c>
      <c r="V907" s="10" t="s">
        <v>22</v>
      </c>
      <c r="W907" s="10" t="s">
        <v>22</v>
      </c>
      <c r="X907" s="10" t="s">
        <v>22</v>
      </c>
      <c r="Y907" s="10" t="s">
        <v>22</v>
      </c>
      <c r="Z907" s="10" t="s">
        <v>22</v>
      </c>
    </row>
    <row r="908" spans="1:26" ht="24" customHeight="1" x14ac:dyDescent="0.2">
      <c r="A908" s="9" t="s">
        <v>21241</v>
      </c>
      <c r="B908" s="9" t="s">
        <v>14</v>
      </c>
      <c r="C908" s="9" t="s">
        <v>4297</v>
      </c>
      <c r="D908" s="6" t="s">
        <v>4298</v>
      </c>
      <c r="E908" s="22">
        <v>45669</v>
      </c>
      <c r="F908" s="22">
        <v>47494</v>
      </c>
      <c r="G908" s="6" t="s">
        <v>4299</v>
      </c>
      <c r="H908" s="6" t="s">
        <v>18</v>
      </c>
      <c r="I908" s="6" t="s">
        <v>727</v>
      </c>
      <c r="J908" s="6" t="s">
        <v>4300</v>
      </c>
      <c r="K908" s="9" t="s">
        <v>4301</v>
      </c>
      <c r="L908" s="10" t="s">
        <v>22</v>
      </c>
      <c r="M908" s="10" t="s">
        <v>22</v>
      </c>
      <c r="N908" s="10" t="s">
        <v>22</v>
      </c>
      <c r="O908" s="10" t="s">
        <v>22</v>
      </c>
      <c r="P908" s="10" t="s">
        <v>22</v>
      </c>
      <c r="Q908" s="10" t="s">
        <v>22</v>
      </c>
      <c r="R908" s="10" t="s">
        <v>22</v>
      </c>
      <c r="S908" s="10" t="s">
        <v>22</v>
      </c>
      <c r="T908" s="10" t="s">
        <v>22</v>
      </c>
      <c r="U908" s="10" t="s">
        <v>22</v>
      </c>
      <c r="V908" s="10" t="s">
        <v>22</v>
      </c>
      <c r="W908" s="10" t="s">
        <v>22</v>
      </c>
      <c r="X908" s="10" t="s">
        <v>22</v>
      </c>
      <c r="Y908" s="10" t="s">
        <v>22</v>
      </c>
      <c r="Z908" s="10" t="s">
        <v>22</v>
      </c>
    </row>
    <row r="909" spans="1:26" ht="24" customHeight="1" x14ac:dyDescent="0.2">
      <c r="A909" s="9" t="s">
        <v>21242</v>
      </c>
      <c r="B909" s="9" t="s">
        <v>14</v>
      </c>
      <c r="C909" s="9" t="s">
        <v>4302</v>
      </c>
      <c r="D909" s="6" t="s">
        <v>4303</v>
      </c>
      <c r="E909" s="22">
        <v>45669</v>
      </c>
      <c r="F909" s="22">
        <v>47494</v>
      </c>
      <c r="G909" s="6" t="s">
        <v>4304</v>
      </c>
      <c r="H909" s="6" t="s">
        <v>62</v>
      </c>
      <c r="I909" s="6" t="s">
        <v>738</v>
      </c>
      <c r="J909" s="6" t="s">
        <v>4305</v>
      </c>
      <c r="K909" s="9" t="s">
        <v>4306</v>
      </c>
      <c r="L909" s="10" t="s">
        <v>22</v>
      </c>
      <c r="M909" s="10" t="s">
        <v>22</v>
      </c>
      <c r="N909" s="10" t="s">
        <v>22</v>
      </c>
      <c r="O909" s="10" t="s">
        <v>22</v>
      </c>
      <c r="P909" s="10" t="s">
        <v>22</v>
      </c>
      <c r="Q909" s="10" t="s">
        <v>22</v>
      </c>
      <c r="R909" s="10" t="s">
        <v>22</v>
      </c>
      <c r="S909" s="10" t="s">
        <v>22</v>
      </c>
      <c r="T909" s="10" t="s">
        <v>22</v>
      </c>
      <c r="U909" s="10" t="s">
        <v>22</v>
      </c>
      <c r="V909" s="10" t="s">
        <v>22</v>
      </c>
      <c r="W909" s="10" t="s">
        <v>22</v>
      </c>
      <c r="X909" s="10" t="s">
        <v>22</v>
      </c>
      <c r="Y909" s="10" t="s">
        <v>22</v>
      </c>
      <c r="Z909" s="10" t="s">
        <v>22</v>
      </c>
    </row>
    <row r="910" spans="1:26" ht="24" customHeight="1" x14ac:dyDescent="0.2">
      <c r="A910" s="9" t="s">
        <v>21243</v>
      </c>
      <c r="B910" s="9" t="s">
        <v>14</v>
      </c>
      <c r="C910" s="9" t="s">
        <v>4307</v>
      </c>
      <c r="D910" s="6" t="s">
        <v>4308</v>
      </c>
      <c r="E910" s="22">
        <v>45675</v>
      </c>
      <c r="F910" s="22">
        <v>47500</v>
      </c>
      <c r="G910" s="6" t="s">
        <v>4309</v>
      </c>
      <c r="H910" s="6" t="s">
        <v>62</v>
      </c>
      <c r="I910" s="6" t="s">
        <v>279</v>
      </c>
      <c r="J910" s="6" t="s">
        <v>4310</v>
      </c>
      <c r="K910" s="9" t="s">
        <v>4311</v>
      </c>
      <c r="L910" s="10" t="s">
        <v>22</v>
      </c>
      <c r="M910" s="10" t="s">
        <v>22</v>
      </c>
      <c r="N910" s="10" t="s">
        <v>22</v>
      </c>
      <c r="O910" s="10" t="s">
        <v>22</v>
      </c>
      <c r="P910" s="10" t="s">
        <v>22</v>
      </c>
      <c r="Q910" s="10" t="s">
        <v>22</v>
      </c>
      <c r="U910" s="10" t="s">
        <v>22</v>
      </c>
      <c r="V910" s="10" t="s">
        <v>22</v>
      </c>
      <c r="W910" s="10" t="s">
        <v>22</v>
      </c>
      <c r="X910" s="10" t="s">
        <v>22</v>
      </c>
      <c r="Y910" s="10" t="s">
        <v>22</v>
      </c>
      <c r="Z910" s="10" t="s">
        <v>22</v>
      </c>
    </row>
    <row r="911" spans="1:26" ht="24" customHeight="1" x14ac:dyDescent="0.2">
      <c r="A911" s="9" t="s">
        <v>21244</v>
      </c>
      <c r="B911" s="9" t="s">
        <v>14</v>
      </c>
      <c r="C911" s="9" t="s">
        <v>4312</v>
      </c>
      <c r="D911" s="6" t="s">
        <v>4313</v>
      </c>
      <c r="E911" s="22">
        <v>45679</v>
      </c>
      <c r="F911" s="22">
        <v>47504</v>
      </c>
      <c r="G911" s="6" t="s">
        <v>4314</v>
      </c>
      <c r="H911" s="6" t="s">
        <v>62</v>
      </c>
      <c r="I911" s="6" t="s">
        <v>318</v>
      </c>
      <c r="J911" s="6" t="s">
        <v>4315</v>
      </c>
      <c r="K911" s="9" t="s">
        <v>4316</v>
      </c>
      <c r="L911" s="10" t="s">
        <v>22</v>
      </c>
      <c r="M911" s="10" t="s">
        <v>22</v>
      </c>
      <c r="N911" s="10" t="s">
        <v>22</v>
      </c>
      <c r="O911" s="10" t="s">
        <v>22</v>
      </c>
      <c r="P911" s="10" t="s">
        <v>22</v>
      </c>
      <c r="Q911" s="10" t="s">
        <v>22</v>
      </c>
      <c r="R911" s="10" t="s">
        <v>22</v>
      </c>
      <c r="S911" s="10" t="s">
        <v>22</v>
      </c>
      <c r="T911" s="10" t="s">
        <v>22</v>
      </c>
      <c r="U911" s="10" t="s">
        <v>22</v>
      </c>
      <c r="V911" s="10" t="s">
        <v>22</v>
      </c>
      <c r="W911" s="10" t="s">
        <v>22</v>
      </c>
      <c r="X911" s="10" t="s">
        <v>22</v>
      </c>
      <c r="Y911" s="10" t="s">
        <v>22</v>
      </c>
      <c r="Z911" s="10" t="s">
        <v>22</v>
      </c>
    </row>
    <row r="912" spans="1:26" ht="24" customHeight="1" x14ac:dyDescent="0.2">
      <c r="A912" s="9" t="s">
        <v>21245</v>
      </c>
      <c r="B912" s="9" t="s">
        <v>14</v>
      </c>
      <c r="C912" s="9" t="s">
        <v>4317</v>
      </c>
      <c r="D912" s="6" t="s">
        <v>4318</v>
      </c>
      <c r="E912" s="22">
        <v>45679</v>
      </c>
      <c r="F912" s="22">
        <v>47504</v>
      </c>
      <c r="G912" s="6" t="s">
        <v>4319</v>
      </c>
      <c r="H912" s="6" t="s">
        <v>62</v>
      </c>
      <c r="I912" s="6" t="s">
        <v>551</v>
      </c>
      <c r="J912" s="6" t="s">
        <v>4320</v>
      </c>
      <c r="K912" s="9" t="s">
        <v>4321</v>
      </c>
      <c r="L912" s="10" t="s">
        <v>22</v>
      </c>
      <c r="M912" s="10" t="s">
        <v>22</v>
      </c>
      <c r="N912" s="10" t="s">
        <v>22</v>
      </c>
      <c r="O912" s="10" t="s">
        <v>22</v>
      </c>
      <c r="P912" s="10" t="s">
        <v>22</v>
      </c>
      <c r="Q912" s="10" t="s">
        <v>22</v>
      </c>
      <c r="R912" s="10" t="s">
        <v>22</v>
      </c>
      <c r="S912" s="10" t="s">
        <v>22</v>
      </c>
      <c r="T912" s="10" t="s">
        <v>22</v>
      </c>
      <c r="U912" s="10" t="s">
        <v>22</v>
      </c>
      <c r="V912" s="10" t="s">
        <v>22</v>
      </c>
      <c r="W912" s="10" t="s">
        <v>22</v>
      </c>
      <c r="X912" s="10" t="s">
        <v>22</v>
      </c>
      <c r="Y912" s="10" t="s">
        <v>22</v>
      </c>
      <c r="Z912" s="10" t="s">
        <v>22</v>
      </c>
    </row>
    <row r="913" spans="1:26" ht="24" customHeight="1" x14ac:dyDescent="0.2">
      <c r="A913" s="9" t="s">
        <v>21246</v>
      </c>
      <c r="B913" s="9" t="s">
        <v>14</v>
      </c>
      <c r="C913" s="9" t="s">
        <v>4322</v>
      </c>
      <c r="D913" s="6" t="s">
        <v>4323</v>
      </c>
      <c r="E913" s="22">
        <v>45679</v>
      </c>
      <c r="F913" s="22">
        <v>47504</v>
      </c>
      <c r="G913" s="6" t="s">
        <v>4324</v>
      </c>
      <c r="H913" s="6" t="s">
        <v>62</v>
      </c>
      <c r="I913" s="6" t="s">
        <v>306</v>
      </c>
      <c r="J913" s="6" t="s">
        <v>4325</v>
      </c>
      <c r="K913" s="9" t="s">
        <v>4326</v>
      </c>
      <c r="L913" s="10" t="s">
        <v>22</v>
      </c>
      <c r="M913" s="10" t="s">
        <v>22</v>
      </c>
      <c r="N913" s="10" t="s">
        <v>22</v>
      </c>
      <c r="O913" s="10" t="s">
        <v>22</v>
      </c>
      <c r="P913" s="10" t="s">
        <v>22</v>
      </c>
      <c r="Q913" s="10" t="s">
        <v>22</v>
      </c>
      <c r="R913" s="10" t="s">
        <v>22</v>
      </c>
      <c r="S913" s="10" t="s">
        <v>22</v>
      </c>
      <c r="T913" s="10" t="s">
        <v>22</v>
      </c>
      <c r="U913" s="10" t="s">
        <v>22</v>
      </c>
      <c r="V913" s="10" t="s">
        <v>22</v>
      </c>
      <c r="W913" s="10" t="s">
        <v>22</v>
      </c>
      <c r="X913" s="10" t="s">
        <v>22</v>
      </c>
      <c r="Y913" s="10" t="s">
        <v>22</v>
      </c>
      <c r="Z913" s="10" t="s">
        <v>22</v>
      </c>
    </row>
    <row r="914" spans="1:26" ht="24" customHeight="1" x14ac:dyDescent="0.2">
      <c r="A914" s="9" t="s">
        <v>21247</v>
      </c>
      <c r="B914" s="9" t="s">
        <v>14</v>
      </c>
      <c r="C914" s="9" t="s">
        <v>4327</v>
      </c>
      <c r="D914" s="6" t="s">
        <v>4328</v>
      </c>
      <c r="E914" s="22">
        <v>45689</v>
      </c>
      <c r="F914" s="22">
        <v>47514</v>
      </c>
      <c r="G914" s="6" t="s">
        <v>4329</v>
      </c>
      <c r="H914" s="6" t="s">
        <v>3283</v>
      </c>
      <c r="I914" s="6" t="s">
        <v>3284</v>
      </c>
      <c r="J914" s="6" t="s">
        <v>20952</v>
      </c>
      <c r="K914" s="9" t="s">
        <v>4330</v>
      </c>
      <c r="L914" s="10" t="s">
        <v>22</v>
      </c>
      <c r="M914" s="10" t="s">
        <v>22</v>
      </c>
      <c r="N914" s="10" t="s">
        <v>22</v>
      </c>
      <c r="O914" s="10" t="s">
        <v>22</v>
      </c>
      <c r="P914" s="10" t="s">
        <v>22</v>
      </c>
      <c r="Q914" s="10" t="s">
        <v>22</v>
      </c>
      <c r="R914" s="10" t="s">
        <v>22</v>
      </c>
      <c r="S914" s="10" t="s">
        <v>22</v>
      </c>
      <c r="T914" s="10" t="s">
        <v>22</v>
      </c>
      <c r="U914" s="10" t="s">
        <v>22</v>
      </c>
      <c r="V914" s="10" t="s">
        <v>22</v>
      </c>
      <c r="W914" s="10" t="s">
        <v>22</v>
      </c>
      <c r="X914" s="10" t="s">
        <v>22</v>
      </c>
      <c r="Y914" s="10" t="s">
        <v>22</v>
      </c>
      <c r="Z914" s="10" t="s">
        <v>22</v>
      </c>
    </row>
    <row r="915" spans="1:26" ht="24" customHeight="1" x14ac:dyDescent="0.2">
      <c r="A915" s="9" t="s">
        <v>18183</v>
      </c>
      <c r="B915" s="9" t="s">
        <v>14</v>
      </c>
      <c r="C915" s="9" t="s">
        <v>4331</v>
      </c>
      <c r="D915" s="6" t="s">
        <v>4332</v>
      </c>
      <c r="E915" s="22">
        <v>45696</v>
      </c>
      <c r="F915" s="22">
        <v>47521</v>
      </c>
      <c r="G915" s="6" t="s">
        <v>4333</v>
      </c>
      <c r="H915" s="6" t="s">
        <v>363</v>
      </c>
      <c r="I915" s="6" t="s">
        <v>4334</v>
      </c>
      <c r="J915" s="6" t="s">
        <v>4335</v>
      </c>
      <c r="K915" s="9" t="s">
        <v>4336</v>
      </c>
      <c r="L915" s="10" t="s">
        <v>22</v>
      </c>
      <c r="M915" s="10" t="s">
        <v>22</v>
      </c>
      <c r="N915" s="10" t="s">
        <v>22</v>
      </c>
      <c r="O915" s="10" t="s">
        <v>22</v>
      </c>
      <c r="P915" s="10" t="s">
        <v>22</v>
      </c>
      <c r="Q915" s="10" t="s">
        <v>22</v>
      </c>
      <c r="R915" s="10" t="s">
        <v>22</v>
      </c>
      <c r="S915" s="10" t="s">
        <v>22</v>
      </c>
      <c r="T915" s="10" t="s">
        <v>22</v>
      </c>
      <c r="U915" s="10" t="s">
        <v>22</v>
      </c>
      <c r="V915" s="10" t="s">
        <v>22</v>
      </c>
      <c r="W915" s="10" t="s">
        <v>22</v>
      </c>
      <c r="X915" s="10" t="s">
        <v>22</v>
      </c>
      <c r="Y915" s="10" t="s">
        <v>22</v>
      </c>
      <c r="Z915" s="10" t="s">
        <v>22</v>
      </c>
    </row>
    <row r="916" spans="1:26" ht="24" customHeight="1" x14ac:dyDescent="0.2">
      <c r="A916" s="9" t="s">
        <v>18184</v>
      </c>
      <c r="B916" s="9" t="s">
        <v>14</v>
      </c>
      <c r="C916" s="9" t="s">
        <v>4337</v>
      </c>
      <c r="D916" s="6" t="s">
        <v>4338</v>
      </c>
      <c r="E916" s="22">
        <v>43871</v>
      </c>
      <c r="F916" s="22">
        <v>45697</v>
      </c>
      <c r="G916" s="6" t="s">
        <v>4339</v>
      </c>
      <c r="H916" s="6" t="s">
        <v>62</v>
      </c>
      <c r="I916" s="6" t="s">
        <v>414</v>
      </c>
      <c r="J916" s="6" t="s">
        <v>4340</v>
      </c>
      <c r="K916" s="9" t="s">
        <v>4341</v>
      </c>
      <c r="L916" s="10" t="s">
        <v>22</v>
      </c>
      <c r="M916" s="10" t="s">
        <v>22</v>
      </c>
      <c r="N916" s="10" t="s">
        <v>22</v>
      </c>
      <c r="O916" s="10" t="s">
        <v>22</v>
      </c>
      <c r="P916" s="10" t="s">
        <v>22</v>
      </c>
      <c r="Q916" s="10" t="s">
        <v>22</v>
      </c>
      <c r="R916" s="10" t="s">
        <v>22</v>
      </c>
      <c r="S916" s="10" t="s">
        <v>22</v>
      </c>
      <c r="T916" s="10" t="s">
        <v>22</v>
      </c>
    </row>
    <row r="917" spans="1:26" ht="24" customHeight="1" x14ac:dyDescent="0.2">
      <c r="A917" s="9" t="s">
        <v>18185</v>
      </c>
      <c r="B917" s="9" t="s">
        <v>14</v>
      </c>
      <c r="C917" s="9" t="s">
        <v>4342</v>
      </c>
      <c r="D917" s="6" t="s">
        <v>4343</v>
      </c>
      <c r="E917" s="22">
        <v>45698</v>
      </c>
      <c r="F917" s="22">
        <v>47523</v>
      </c>
      <c r="G917" s="6" t="s">
        <v>4344</v>
      </c>
      <c r="H917" s="6" t="s">
        <v>62</v>
      </c>
      <c r="I917" s="6" t="s">
        <v>1955</v>
      </c>
      <c r="J917" s="6" t="s">
        <v>4345</v>
      </c>
      <c r="K917" s="9" t="s">
        <v>4346</v>
      </c>
      <c r="L917" s="10" t="s">
        <v>22</v>
      </c>
      <c r="M917" s="10" t="s">
        <v>22</v>
      </c>
      <c r="N917" s="10" t="s">
        <v>22</v>
      </c>
      <c r="O917" s="10" t="s">
        <v>22</v>
      </c>
      <c r="P917" s="10" t="s">
        <v>22</v>
      </c>
      <c r="Q917" s="10" t="s">
        <v>22</v>
      </c>
      <c r="R917" s="10" t="s">
        <v>22</v>
      </c>
      <c r="S917" s="10" t="s">
        <v>22</v>
      </c>
      <c r="T917" s="10" t="s">
        <v>22</v>
      </c>
      <c r="U917" s="10" t="s">
        <v>22</v>
      </c>
      <c r="V917" s="10" t="s">
        <v>22</v>
      </c>
      <c r="W917" s="10" t="s">
        <v>22</v>
      </c>
      <c r="X917" s="10" t="s">
        <v>22</v>
      </c>
      <c r="Y917" s="10" t="s">
        <v>22</v>
      </c>
      <c r="Z917" s="10" t="s">
        <v>22</v>
      </c>
    </row>
    <row r="918" spans="1:26" ht="24" customHeight="1" x14ac:dyDescent="0.2">
      <c r="A918" s="9" t="s">
        <v>18186</v>
      </c>
      <c r="B918" s="9" t="s">
        <v>14</v>
      </c>
      <c r="C918" s="9" t="s">
        <v>4347</v>
      </c>
      <c r="D918" s="6" t="s">
        <v>4348</v>
      </c>
      <c r="E918" s="22">
        <v>45705</v>
      </c>
      <c r="F918" s="22">
        <v>47530</v>
      </c>
      <c r="G918" s="6" t="s">
        <v>4349</v>
      </c>
      <c r="H918" s="6" t="s">
        <v>229</v>
      </c>
      <c r="I918" s="6" t="s">
        <v>3094</v>
      </c>
      <c r="J918" s="6" t="s">
        <v>4350</v>
      </c>
      <c r="K918" s="9" t="s">
        <v>4351</v>
      </c>
      <c r="L918" s="10" t="s">
        <v>22</v>
      </c>
      <c r="M918" s="10" t="s">
        <v>22</v>
      </c>
      <c r="N918" s="10" t="s">
        <v>22</v>
      </c>
      <c r="O918" s="10" t="s">
        <v>22</v>
      </c>
      <c r="P918" s="10" t="s">
        <v>22</v>
      </c>
      <c r="Q918" s="10" t="s">
        <v>22</v>
      </c>
      <c r="R918" s="10" t="s">
        <v>22</v>
      </c>
      <c r="S918" s="10" t="s">
        <v>22</v>
      </c>
      <c r="T918" s="10" t="s">
        <v>22</v>
      </c>
      <c r="U918" s="10" t="s">
        <v>22</v>
      </c>
      <c r="V918" s="10" t="s">
        <v>22</v>
      </c>
      <c r="W918" s="10" t="s">
        <v>22</v>
      </c>
      <c r="X918" s="10" t="s">
        <v>22</v>
      </c>
      <c r="Y918" s="10" t="s">
        <v>22</v>
      </c>
      <c r="Z918" s="10" t="s">
        <v>22</v>
      </c>
    </row>
    <row r="919" spans="1:26" ht="24" customHeight="1" x14ac:dyDescent="0.2">
      <c r="A919" s="9" t="s">
        <v>18187</v>
      </c>
      <c r="B919" s="9" t="s">
        <v>14</v>
      </c>
      <c r="C919" s="9" t="s">
        <v>4352</v>
      </c>
      <c r="D919" s="6" t="s">
        <v>4353</v>
      </c>
      <c r="E919" s="22">
        <v>45705</v>
      </c>
      <c r="F919" s="22">
        <v>47530</v>
      </c>
      <c r="G919" s="6" t="s">
        <v>4354</v>
      </c>
      <c r="H919" s="6" t="s">
        <v>62</v>
      </c>
      <c r="I919" s="6" t="s">
        <v>312</v>
      </c>
      <c r="J919" s="6" t="s">
        <v>4355</v>
      </c>
      <c r="K919" s="9" t="s">
        <v>4356</v>
      </c>
      <c r="L919" s="10" t="s">
        <v>22</v>
      </c>
      <c r="M919" s="10" t="s">
        <v>22</v>
      </c>
      <c r="N919" s="10" t="s">
        <v>22</v>
      </c>
      <c r="O919" s="10" t="s">
        <v>22</v>
      </c>
      <c r="P919" s="10" t="s">
        <v>22</v>
      </c>
      <c r="Q919" s="10" t="s">
        <v>22</v>
      </c>
      <c r="R919" s="10" t="s">
        <v>22</v>
      </c>
      <c r="S919" s="10" t="s">
        <v>22</v>
      </c>
      <c r="T919" s="10" t="s">
        <v>22</v>
      </c>
      <c r="U919" s="10" t="s">
        <v>22</v>
      </c>
      <c r="V919" s="10" t="s">
        <v>22</v>
      </c>
      <c r="W919" s="10" t="s">
        <v>22</v>
      </c>
      <c r="X919" s="10" t="s">
        <v>22</v>
      </c>
      <c r="Y919" s="10" t="s">
        <v>22</v>
      </c>
      <c r="Z919" s="10" t="s">
        <v>22</v>
      </c>
    </row>
    <row r="920" spans="1:26" ht="24" customHeight="1" x14ac:dyDescent="0.2">
      <c r="A920" s="9" t="s">
        <v>18188</v>
      </c>
      <c r="B920" s="9" t="s">
        <v>14</v>
      </c>
      <c r="C920" s="9" t="s">
        <v>4357</v>
      </c>
      <c r="D920" s="6" t="s">
        <v>4358</v>
      </c>
      <c r="E920" s="22">
        <v>45707</v>
      </c>
      <c r="F920" s="22">
        <v>47532</v>
      </c>
      <c r="G920" s="6" t="s">
        <v>4359</v>
      </c>
      <c r="H920" s="6" t="s">
        <v>363</v>
      </c>
      <c r="I920" s="6" t="s">
        <v>597</v>
      </c>
      <c r="J920" s="6" t="s">
        <v>4360</v>
      </c>
      <c r="K920" s="9" t="s">
        <v>4361</v>
      </c>
      <c r="L920" s="10" t="s">
        <v>22</v>
      </c>
      <c r="M920" s="10" t="s">
        <v>22</v>
      </c>
      <c r="N920" s="10" t="s">
        <v>22</v>
      </c>
      <c r="O920" s="10" t="s">
        <v>22</v>
      </c>
      <c r="P920" s="10" t="s">
        <v>22</v>
      </c>
      <c r="Q920" s="10" t="s">
        <v>22</v>
      </c>
      <c r="R920" s="10" t="s">
        <v>22</v>
      </c>
      <c r="S920" s="10" t="s">
        <v>22</v>
      </c>
      <c r="T920" s="10" t="s">
        <v>22</v>
      </c>
      <c r="U920" s="10" t="s">
        <v>22</v>
      </c>
      <c r="V920" s="10" t="s">
        <v>22</v>
      </c>
      <c r="W920" s="10" t="s">
        <v>22</v>
      </c>
      <c r="X920" s="10" t="s">
        <v>22</v>
      </c>
      <c r="Y920" s="10" t="s">
        <v>22</v>
      </c>
      <c r="Z920" s="10" t="s">
        <v>22</v>
      </c>
    </row>
    <row r="921" spans="1:26" ht="24" customHeight="1" x14ac:dyDescent="0.2">
      <c r="A921" s="9" t="s">
        <v>18189</v>
      </c>
      <c r="B921" s="9" t="s">
        <v>14</v>
      </c>
      <c r="C921" s="9" t="s">
        <v>4362</v>
      </c>
      <c r="D921" s="6" t="s">
        <v>4363</v>
      </c>
      <c r="E921" s="22">
        <v>45718</v>
      </c>
      <c r="F921" s="22">
        <v>47543</v>
      </c>
      <c r="G921" s="6" t="s">
        <v>4364</v>
      </c>
      <c r="H921" s="6" t="s">
        <v>363</v>
      </c>
      <c r="I921" s="6" t="s">
        <v>558</v>
      </c>
      <c r="J921" s="6" t="s">
        <v>4365</v>
      </c>
      <c r="K921" s="9" t="s">
        <v>4366</v>
      </c>
      <c r="L921" s="10" t="s">
        <v>22</v>
      </c>
      <c r="M921" s="10" t="s">
        <v>22</v>
      </c>
      <c r="N921" s="10" t="s">
        <v>22</v>
      </c>
      <c r="O921" s="10" t="s">
        <v>22</v>
      </c>
      <c r="P921" s="10" t="s">
        <v>22</v>
      </c>
      <c r="Q921" s="10" t="s">
        <v>22</v>
      </c>
      <c r="R921" s="10" t="s">
        <v>22</v>
      </c>
      <c r="S921" s="10" t="s">
        <v>22</v>
      </c>
      <c r="T921" s="10" t="s">
        <v>22</v>
      </c>
      <c r="U921" s="10" t="s">
        <v>22</v>
      </c>
      <c r="V921" s="10" t="s">
        <v>22</v>
      </c>
      <c r="W921" s="10" t="s">
        <v>22</v>
      </c>
      <c r="X921" s="10" t="s">
        <v>22</v>
      </c>
      <c r="Y921" s="10" t="s">
        <v>22</v>
      </c>
      <c r="Z921" s="10" t="s">
        <v>22</v>
      </c>
    </row>
    <row r="922" spans="1:26" ht="24" customHeight="1" x14ac:dyDescent="0.2">
      <c r="A922" s="9" t="s">
        <v>18190</v>
      </c>
      <c r="B922" s="9" t="s">
        <v>14</v>
      </c>
      <c r="C922" s="9" t="s">
        <v>4367</v>
      </c>
      <c r="D922" s="6" t="s">
        <v>4368</v>
      </c>
      <c r="E922" s="22">
        <v>45720</v>
      </c>
      <c r="F922" s="22">
        <v>47545</v>
      </c>
      <c r="G922" s="6" t="s">
        <v>4369</v>
      </c>
      <c r="H922" s="6" t="s">
        <v>202</v>
      </c>
      <c r="I922" s="6" t="s">
        <v>3655</v>
      </c>
      <c r="J922" s="6" t="s">
        <v>4370</v>
      </c>
      <c r="K922" s="9" t="s">
        <v>4371</v>
      </c>
      <c r="L922" s="10" t="s">
        <v>22</v>
      </c>
      <c r="M922" s="10" t="s">
        <v>22</v>
      </c>
      <c r="N922" s="10" t="s">
        <v>22</v>
      </c>
      <c r="O922" s="10" t="s">
        <v>22</v>
      </c>
      <c r="P922" s="10" t="s">
        <v>22</v>
      </c>
      <c r="Q922" s="10" t="s">
        <v>22</v>
      </c>
      <c r="R922" s="10" t="s">
        <v>22</v>
      </c>
      <c r="S922" s="10" t="s">
        <v>22</v>
      </c>
      <c r="T922" s="10" t="s">
        <v>22</v>
      </c>
      <c r="U922" s="10" t="s">
        <v>22</v>
      </c>
      <c r="V922" s="10" t="s">
        <v>22</v>
      </c>
      <c r="W922" s="10" t="s">
        <v>22</v>
      </c>
      <c r="X922" s="10" t="s">
        <v>22</v>
      </c>
      <c r="Y922" s="10" t="s">
        <v>22</v>
      </c>
      <c r="Z922" s="10" t="s">
        <v>22</v>
      </c>
    </row>
    <row r="923" spans="1:26" ht="24" customHeight="1" x14ac:dyDescent="0.2">
      <c r="A923" s="9" t="s">
        <v>18191</v>
      </c>
      <c r="B923" s="9" t="s">
        <v>14</v>
      </c>
      <c r="C923" s="9" t="s">
        <v>4372</v>
      </c>
      <c r="D923" s="6" t="s">
        <v>4373</v>
      </c>
      <c r="E923" s="22">
        <v>43899</v>
      </c>
      <c r="F923" s="22">
        <v>45724</v>
      </c>
      <c r="G923" s="6" t="s">
        <v>4374</v>
      </c>
      <c r="H923" s="6" t="s">
        <v>62</v>
      </c>
      <c r="I923" s="6" t="s">
        <v>493</v>
      </c>
      <c r="J923" s="6" t="s">
        <v>4375</v>
      </c>
      <c r="K923" s="9" t="s">
        <v>4376</v>
      </c>
      <c r="L923" s="10" t="s">
        <v>22</v>
      </c>
      <c r="M923" s="10" t="s">
        <v>22</v>
      </c>
      <c r="N923" s="10" t="s">
        <v>22</v>
      </c>
      <c r="O923" s="10" t="s">
        <v>22</v>
      </c>
      <c r="P923" s="10" t="s">
        <v>22</v>
      </c>
      <c r="Q923" s="10" t="s">
        <v>22</v>
      </c>
      <c r="R923" s="10" t="s">
        <v>22</v>
      </c>
      <c r="S923" s="10" t="s">
        <v>22</v>
      </c>
      <c r="T923" s="10" t="s">
        <v>22</v>
      </c>
      <c r="U923" s="10" t="s">
        <v>22</v>
      </c>
      <c r="V923" s="10" t="s">
        <v>22</v>
      </c>
      <c r="W923" s="10" t="s">
        <v>22</v>
      </c>
      <c r="X923" s="10" t="s">
        <v>22</v>
      </c>
      <c r="Y923" s="10" t="s">
        <v>22</v>
      </c>
      <c r="Z923" s="10" t="s">
        <v>22</v>
      </c>
    </row>
    <row r="924" spans="1:26" ht="24" customHeight="1" x14ac:dyDescent="0.2">
      <c r="A924" s="9" t="s">
        <v>18192</v>
      </c>
      <c r="B924" s="9" t="s">
        <v>14</v>
      </c>
      <c r="C924" s="9" t="s">
        <v>4377</v>
      </c>
      <c r="D924" s="6" t="s">
        <v>4378</v>
      </c>
      <c r="E924" s="22">
        <v>45725</v>
      </c>
      <c r="F924" s="22">
        <v>47550</v>
      </c>
      <c r="G924" s="6" t="s">
        <v>4379</v>
      </c>
      <c r="H924" s="6" t="s">
        <v>18</v>
      </c>
      <c r="I924" s="6" t="s">
        <v>26</v>
      </c>
      <c r="J924" s="6" t="s">
        <v>4380</v>
      </c>
      <c r="K924" s="9" t="s">
        <v>4381</v>
      </c>
      <c r="L924" s="10" t="s">
        <v>22</v>
      </c>
      <c r="M924" s="10" t="s">
        <v>22</v>
      </c>
      <c r="N924" s="10" t="s">
        <v>22</v>
      </c>
      <c r="O924" s="10" t="s">
        <v>22</v>
      </c>
      <c r="P924" s="10" t="s">
        <v>22</v>
      </c>
      <c r="Q924" s="10" t="s">
        <v>22</v>
      </c>
      <c r="R924" s="10" t="s">
        <v>22</v>
      </c>
      <c r="S924" s="10" t="s">
        <v>22</v>
      </c>
      <c r="T924" s="10" t="s">
        <v>22</v>
      </c>
    </row>
    <row r="925" spans="1:26" ht="24" customHeight="1" x14ac:dyDescent="0.2">
      <c r="A925" s="9" t="s">
        <v>18193</v>
      </c>
      <c r="B925" s="9" t="s">
        <v>14</v>
      </c>
      <c r="C925" s="9" t="s">
        <v>4382</v>
      </c>
      <c r="D925" s="6" t="s">
        <v>4383</v>
      </c>
      <c r="E925" s="22">
        <v>45735</v>
      </c>
      <c r="F925" s="22">
        <v>47560</v>
      </c>
      <c r="G925" s="6" t="s">
        <v>4384</v>
      </c>
      <c r="H925" s="6" t="s">
        <v>202</v>
      </c>
      <c r="I925" s="6" t="s">
        <v>336</v>
      </c>
      <c r="J925" s="6" t="s">
        <v>4385</v>
      </c>
      <c r="K925" s="9" t="s">
        <v>4386</v>
      </c>
      <c r="L925" s="10" t="s">
        <v>22</v>
      </c>
      <c r="M925" s="10" t="s">
        <v>22</v>
      </c>
      <c r="N925" s="10" t="s">
        <v>22</v>
      </c>
      <c r="O925" s="10" t="s">
        <v>22</v>
      </c>
      <c r="P925" s="10" t="s">
        <v>22</v>
      </c>
      <c r="Q925" s="10" t="s">
        <v>22</v>
      </c>
      <c r="R925" s="10" t="s">
        <v>22</v>
      </c>
      <c r="S925" s="10" t="s">
        <v>22</v>
      </c>
      <c r="T925" s="10" t="s">
        <v>22</v>
      </c>
      <c r="V925" s="10" t="s">
        <v>22</v>
      </c>
      <c r="W925" s="10" t="s">
        <v>22</v>
      </c>
      <c r="Y925" s="10" t="s">
        <v>22</v>
      </c>
      <c r="Z925" s="10" t="s">
        <v>22</v>
      </c>
    </row>
    <row r="926" spans="1:26" ht="24" customHeight="1" x14ac:dyDescent="0.2">
      <c r="A926" s="9" t="s">
        <v>18194</v>
      </c>
      <c r="B926" s="9" t="s">
        <v>14</v>
      </c>
      <c r="C926" s="9" t="s">
        <v>4387</v>
      </c>
      <c r="D926" s="6" t="s">
        <v>4388</v>
      </c>
      <c r="E926" s="22">
        <v>43922</v>
      </c>
      <c r="F926" s="22">
        <v>45747</v>
      </c>
      <c r="G926" s="6" t="s">
        <v>4389</v>
      </c>
      <c r="H926" s="6" t="s">
        <v>18</v>
      </c>
      <c r="I926" s="6" t="s">
        <v>19</v>
      </c>
      <c r="J926" s="6" t="s">
        <v>4390</v>
      </c>
      <c r="K926" s="9" t="s">
        <v>4391</v>
      </c>
      <c r="L926" s="10" t="s">
        <v>22</v>
      </c>
      <c r="M926" s="10" t="s">
        <v>22</v>
      </c>
      <c r="N926" s="10" t="s">
        <v>22</v>
      </c>
      <c r="O926" s="10" t="s">
        <v>22</v>
      </c>
      <c r="P926" s="10" t="s">
        <v>22</v>
      </c>
      <c r="Q926" s="10" t="s">
        <v>22</v>
      </c>
      <c r="R926" s="10" t="s">
        <v>22</v>
      </c>
      <c r="S926" s="10" t="s">
        <v>22</v>
      </c>
      <c r="T926" s="10" t="s">
        <v>22</v>
      </c>
      <c r="U926" s="10" t="s">
        <v>22</v>
      </c>
      <c r="V926" s="10" t="s">
        <v>22</v>
      </c>
      <c r="W926" s="10" t="s">
        <v>22</v>
      </c>
      <c r="X926" s="10" t="s">
        <v>22</v>
      </c>
      <c r="Y926" s="10" t="s">
        <v>22</v>
      </c>
      <c r="Z926" s="10" t="s">
        <v>22</v>
      </c>
    </row>
    <row r="927" spans="1:26" ht="24" customHeight="1" x14ac:dyDescent="0.2">
      <c r="A927" s="9" t="s">
        <v>18195</v>
      </c>
      <c r="B927" s="9" t="s">
        <v>14</v>
      </c>
      <c r="C927" s="9" t="s">
        <v>4392</v>
      </c>
      <c r="D927" s="6" t="s">
        <v>4393</v>
      </c>
      <c r="E927" s="22">
        <v>43940</v>
      </c>
      <c r="F927" s="22">
        <v>45765</v>
      </c>
      <c r="G927" s="6" t="s">
        <v>4394</v>
      </c>
      <c r="H927" s="6" t="s">
        <v>62</v>
      </c>
      <c r="I927" s="6" t="s">
        <v>252</v>
      </c>
      <c r="J927" s="6" t="s">
        <v>4395</v>
      </c>
      <c r="K927" s="9" t="s">
        <v>4396</v>
      </c>
      <c r="L927" s="10" t="s">
        <v>22</v>
      </c>
      <c r="M927" s="10" t="s">
        <v>22</v>
      </c>
      <c r="N927" s="10" t="s">
        <v>22</v>
      </c>
      <c r="O927" s="10" t="s">
        <v>22</v>
      </c>
      <c r="P927" s="10" t="s">
        <v>22</v>
      </c>
      <c r="Q927" s="10" t="s">
        <v>22</v>
      </c>
      <c r="R927" s="10" t="s">
        <v>22</v>
      </c>
      <c r="S927" s="10" t="s">
        <v>22</v>
      </c>
      <c r="T927" s="10" t="s">
        <v>22</v>
      </c>
      <c r="U927" s="10" t="s">
        <v>22</v>
      </c>
      <c r="V927" s="10" t="s">
        <v>22</v>
      </c>
      <c r="W927" s="10" t="s">
        <v>22</v>
      </c>
      <c r="X927" s="10" t="s">
        <v>22</v>
      </c>
      <c r="Y927" s="10" t="s">
        <v>22</v>
      </c>
      <c r="Z927" s="10" t="s">
        <v>22</v>
      </c>
    </row>
    <row r="928" spans="1:26" ht="24" customHeight="1" x14ac:dyDescent="0.2">
      <c r="A928" s="9" t="s">
        <v>18196</v>
      </c>
      <c r="B928" s="9" t="s">
        <v>14</v>
      </c>
      <c r="C928" s="9" t="s">
        <v>4397</v>
      </c>
      <c r="D928" s="6" t="s">
        <v>4398</v>
      </c>
      <c r="E928" s="22">
        <v>43940</v>
      </c>
      <c r="F928" s="22">
        <v>45765</v>
      </c>
      <c r="G928" s="6" t="s">
        <v>4399</v>
      </c>
      <c r="H928" s="6" t="s">
        <v>18</v>
      </c>
      <c r="I928" s="6" t="s">
        <v>727</v>
      </c>
      <c r="J928" s="6" t="s">
        <v>4400</v>
      </c>
      <c r="K928" s="9" t="s">
        <v>4401</v>
      </c>
      <c r="L928" s="10" t="s">
        <v>22</v>
      </c>
      <c r="M928" s="10" t="s">
        <v>22</v>
      </c>
      <c r="N928" s="10" t="s">
        <v>22</v>
      </c>
      <c r="O928" s="10" t="s">
        <v>22</v>
      </c>
      <c r="P928" s="10" t="s">
        <v>22</v>
      </c>
      <c r="Q928" s="10" t="s">
        <v>22</v>
      </c>
      <c r="R928" s="10" t="s">
        <v>22</v>
      </c>
      <c r="S928" s="10" t="s">
        <v>22</v>
      </c>
      <c r="T928" s="10" t="s">
        <v>22</v>
      </c>
      <c r="U928" s="10" t="s">
        <v>22</v>
      </c>
      <c r="V928" s="10" t="s">
        <v>22</v>
      </c>
      <c r="W928" s="10" t="s">
        <v>22</v>
      </c>
      <c r="X928" s="10" t="s">
        <v>22</v>
      </c>
      <c r="Y928" s="10" t="s">
        <v>22</v>
      </c>
      <c r="Z928" s="10" t="s">
        <v>22</v>
      </c>
    </row>
    <row r="929" spans="1:26" ht="24" customHeight="1" x14ac:dyDescent="0.2">
      <c r="A929" s="9" t="s">
        <v>18197</v>
      </c>
      <c r="B929" s="9" t="s">
        <v>14</v>
      </c>
      <c r="C929" s="9" t="s">
        <v>4397</v>
      </c>
      <c r="D929" s="6" t="s">
        <v>4398</v>
      </c>
      <c r="E929" s="22">
        <v>43940</v>
      </c>
      <c r="F929" s="22">
        <v>45765</v>
      </c>
      <c r="G929" s="6" t="s">
        <v>4402</v>
      </c>
      <c r="H929" s="6" t="s">
        <v>62</v>
      </c>
      <c r="I929" s="6" t="s">
        <v>258</v>
      </c>
      <c r="J929" s="6" t="s">
        <v>4403</v>
      </c>
      <c r="K929" s="9" t="s">
        <v>4404</v>
      </c>
      <c r="L929" s="10" t="s">
        <v>22</v>
      </c>
      <c r="M929" s="10" t="s">
        <v>22</v>
      </c>
      <c r="N929" s="10" t="s">
        <v>22</v>
      </c>
      <c r="O929" s="10" t="s">
        <v>22</v>
      </c>
      <c r="P929" s="10" t="s">
        <v>22</v>
      </c>
      <c r="Q929" s="10" t="s">
        <v>22</v>
      </c>
      <c r="R929" s="10" t="s">
        <v>22</v>
      </c>
      <c r="S929" s="10" t="s">
        <v>22</v>
      </c>
      <c r="T929" s="10" t="s">
        <v>22</v>
      </c>
      <c r="U929" s="10" t="s">
        <v>22</v>
      </c>
      <c r="V929" s="10" t="s">
        <v>22</v>
      </c>
      <c r="W929" s="10" t="s">
        <v>22</v>
      </c>
      <c r="X929" s="10" t="s">
        <v>22</v>
      </c>
      <c r="Y929" s="10" t="s">
        <v>22</v>
      </c>
      <c r="Z929" s="10" t="s">
        <v>22</v>
      </c>
    </row>
    <row r="930" spans="1:26" ht="24" customHeight="1" x14ac:dyDescent="0.2">
      <c r="A930" s="9" t="s">
        <v>18198</v>
      </c>
      <c r="B930" s="9" t="s">
        <v>14</v>
      </c>
      <c r="C930" s="9" t="s">
        <v>4397</v>
      </c>
      <c r="D930" s="6" t="s">
        <v>4398</v>
      </c>
      <c r="E930" s="22">
        <v>43940</v>
      </c>
      <c r="F930" s="22">
        <v>45765</v>
      </c>
      <c r="G930" s="6" t="s">
        <v>4405</v>
      </c>
      <c r="H930" s="6" t="s">
        <v>18</v>
      </c>
      <c r="I930" s="6" t="s">
        <v>26</v>
      </c>
      <c r="J930" s="6" t="s">
        <v>4406</v>
      </c>
      <c r="K930" s="9" t="s">
        <v>4407</v>
      </c>
      <c r="L930" s="10" t="s">
        <v>22</v>
      </c>
      <c r="M930" s="10" t="s">
        <v>22</v>
      </c>
      <c r="N930" s="10" t="s">
        <v>22</v>
      </c>
      <c r="O930" s="10" t="s">
        <v>22</v>
      </c>
      <c r="P930" s="10" t="s">
        <v>22</v>
      </c>
      <c r="Q930" s="10" t="s">
        <v>22</v>
      </c>
      <c r="R930" s="10" t="s">
        <v>22</v>
      </c>
      <c r="S930" s="10" t="s">
        <v>22</v>
      </c>
      <c r="T930" s="10" t="s">
        <v>22</v>
      </c>
      <c r="U930" s="10" t="s">
        <v>22</v>
      </c>
      <c r="V930" s="10" t="s">
        <v>22</v>
      </c>
      <c r="W930" s="10" t="s">
        <v>22</v>
      </c>
      <c r="X930" s="10" t="s">
        <v>22</v>
      </c>
      <c r="Y930" s="10" t="s">
        <v>22</v>
      </c>
      <c r="Z930" s="10" t="s">
        <v>22</v>
      </c>
    </row>
    <row r="931" spans="1:26" ht="24" customHeight="1" x14ac:dyDescent="0.2">
      <c r="A931" s="9" t="s">
        <v>18199</v>
      </c>
      <c r="B931" s="9" t="s">
        <v>14</v>
      </c>
      <c r="C931" s="9" t="s">
        <v>4397</v>
      </c>
      <c r="D931" s="6" t="s">
        <v>4398</v>
      </c>
      <c r="E931" s="22">
        <v>43940</v>
      </c>
      <c r="F931" s="22">
        <v>45765</v>
      </c>
      <c r="G931" s="6" t="s">
        <v>4408</v>
      </c>
      <c r="H931" s="6" t="s">
        <v>4409</v>
      </c>
      <c r="I931" s="6" t="s">
        <v>4410</v>
      </c>
      <c r="J931" s="6" t="s">
        <v>4411</v>
      </c>
      <c r="K931" s="9" t="s">
        <v>4412</v>
      </c>
      <c r="U931" s="10" t="s">
        <v>22</v>
      </c>
      <c r="V931" s="10" t="s">
        <v>22</v>
      </c>
      <c r="W931" s="10" t="s">
        <v>22</v>
      </c>
      <c r="X931" s="10" t="s">
        <v>22</v>
      </c>
      <c r="Y931" s="10" t="s">
        <v>22</v>
      </c>
      <c r="Z931" s="10" t="s">
        <v>22</v>
      </c>
    </row>
    <row r="932" spans="1:26" ht="24" customHeight="1" x14ac:dyDescent="0.2">
      <c r="A932" s="9" t="s">
        <v>18200</v>
      </c>
      <c r="B932" s="9" t="s">
        <v>14</v>
      </c>
      <c r="C932" s="9" t="s">
        <v>4413</v>
      </c>
      <c r="D932" s="6" t="s">
        <v>4414</v>
      </c>
      <c r="E932" s="22">
        <v>43947</v>
      </c>
      <c r="F932" s="22">
        <v>45772</v>
      </c>
      <c r="G932" s="6" t="s">
        <v>4415</v>
      </c>
      <c r="H932" s="6" t="s">
        <v>62</v>
      </c>
      <c r="I932" s="6" t="s">
        <v>403</v>
      </c>
      <c r="J932" s="6" t="s">
        <v>4416</v>
      </c>
      <c r="K932" s="9" t="s">
        <v>4417</v>
      </c>
      <c r="L932" s="10" t="s">
        <v>22</v>
      </c>
      <c r="M932" s="10" t="s">
        <v>22</v>
      </c>
      <c r="N932" s="10" t="s">
        <v>22</v>
      </c>
      <c r="O932" s="10" t="s">
        <v>22</v>
      </c>
      <c r="P932" s="10" t="s">
        <v>22</v>
      </c>
      <c r="Q932" s="10" t="s">
        <v>22</v>
      </c>
      <c r="R932" s="10" t="s">
        <v>22</v>
      </c>
      <c r="S932" s="10" t="s">
        <v>22</v>
      </c>
      <c r="T932" s="10" t="s">
        <v>22</v>
      </c>
      <c r="U932" s="10" t="s">
        <v>22</v>
      </c>
      <c r="V932" s="10" t="s">
        <v>22</v>
      </c>
      <c r="W932" s="10" t="s">
        <v>22</v>
      </c>
      <c r="X932" s="10" t="s">
        <v>22</v>
      </c>
      <c r="Y932" s="10" t="s">
        <v>22</v>
      </c>
      <c r="Z932" s="10" t="s">
        <v>22</v>
      </c>
    </row>
    <row r="933" spans="1:26" ht="24" customHeight="1" x14ac:dyDescent="0.2">
      <c r="A933" s="9" t="s">
        <v>18201</v>
      </c>
      <c r="B933" s="9" t="s">
        <v>14</v>
      </c>
      <c r="C933" s="9" t="s">
        <v>4418</v>
      </c>
      <c r="D933" s="6" t="s">
        <v>4419</v>
      </c>
      <c r="E933" s="22">
        <v>43969</v>
      </c>
      <c r="F933" s="22">
        <v>45794</v>
      </c>
      <c r="G933" s="6" t="s">
        <v>4420</v>
      </c>
      <c r="H933" s="6" t="s">
        <v>202</v>
      </c>
      <c r="I933" s="6" t="s">
        <v>1707</v>
      </c>
      <c r="J933" s="6" t="s">
        <v>4421</v>
      </c>
      <c r="K933" s="9" t="s">
        <v>4422</v>
      </c>
      <c r="L933" s="10" t="s">
        <v>22</v>
      </c>
      <c r="M933" s="10" t="s">
        <v>22</v>
      </c>
      <c r="N933" s="10" t="s">
        <v>22</v>
      </c>
      <c r="O933" s="10" t="s">
        <v>22</v>
      </c>
      <c r="P933" s="10" t="s">
        <v>22</v>
      </c>
      <c r="Q933" s="10" t="s">
        <v>22</v>
      </c>
      <c r="U933" s="10" t="s">
        <v>22</v>
      </c>
      <c r="V933" s="10" t="s">
        <v>22</v>
      </c>
      <c r="W933" s="10" t="s">
        <v>22</v>
      </c>
      <c r="X933" s="10" t="s">
        <v>22</v>
      </c>
      <c r="Y933" s="10" t="s">
        <v>22</v>
      </c>
      <c r="Z933" s="10" t="s">
        <v>22</v>
      </c>
    </row>
    <row r="934" spans="1:26" ht="24" customHeight="1" x14ac:dyDescent="0.2">
      <c r="A934" s="9" t="s">
        <v>18202</v>
      </c>
      <c r="B934" s="9" t="s">
        <v>14</v>
      </c>
      <c r="C934" s="9" t="s">
        <v>4423</v>
      </c>
      <c r="D934" s="6" t="s">
        <v>4424</v>
      </c>
      <c r="E934" s="22">
        <v>43969</v>
      </c>
      <c r="F934" s="22">
        <v>45794</v>
      </c>
      <c r="G934" s="6" t="s">
        <v>4425</v>
      </c>
      <c r="H934" s="6" t="s">
        <v>229</v>
      </c>
      <c r="I934" s="6" t="s">
        <v>2600</v>
      </c>
      <c r="J934" s="6" t="s">
        <v>4426</v>
      </c>
      <c r="K934" s="9" t="s">
        <v>4427</v>
      </c>
      <c r="L934" s="10" t="s">
        <v>22</v>
      </c>
      <c r="M934" s="10" t="s">
        <v>22</v>
      </c>
      <c r="N934" s="10" t="s">
        <v>22</v>
      </c>
      <c r="O934" s="10" t="s">
        <v>22</v>
      </c>
      <c r="P934" s="10" t="s">
        <v>22</v>
      </c>
      <c r="Q934" s="10" t="s">
        <v>22</v>
      </c>
      <c r="R934" s="10" t="s">
        <v>22</v>
      </c>
      <c r="S934" s="10" t="s">
        <v>22</v>
      </c>
      <c r="T934" s="10" t="s">
        <v>22</v>
      </c>
      <c r="U934" s="10" t="s">
        <v>22</v>
      </c>
      <c r="V934" s="10" t="s">
        <v>22</v>
      </c>
      <c r="W934" s="10" t="s">
        <v>22</v>
      </c>
      <c r="X934" s="10" t="s">
        <v>22</v>
      </c>
      <c r="Y934" s="10" t="s">
        <v>22</v>
      </c>
      <c r="Z934" s="10" t="s">
        <v>22</v>
      </c>
    </row>
    <row r="935" spans="1:26" ht="24" customHeight="1" x14ac:dyDescent="0.2">
      <c r="A935" s="9" t="s">
        <v>18203</v>
      </c>
      <c r="B935" s="9" t="s">
        <v>14</v>
      </c>
      <c r="C935" s="9" t="s">
        <v>4428</v>
      </c>
      <c r="D935" s="6" t="s">
        <v>4429</v>
      </c>
      <c r="E935" s="22">
        <v>43985</v>
      </c>
      <c r="F935" s="22">
        <v>45810</v>
      </c>
      <c r="G935" s="6" t="s">
        <v>4430</v>
      </c>
      <c r="H935" s="6" t="s">
        <v>202</v>
      </c>
      <c r="I935" s="6" t="s">
        <v>4431</v>
      </c>
      <c r="J935" s="6" t="s">
        <v>4432</v>
      </c>
      <c r="K935" s="9" t="s">
        <v>4433</v>
      </c>
      <c r="M935" s="10" t="s">
        <v>22</v>
      </c>
      <c r="N935" s="10" t="s">
        <v>22</v>
      </c>
      <c r="P935" s="10" t="s">
        <v>22</v>
      </c>
      <c r="Q935" s="10" t="s">
        <v>22</v>
      </c>
      <c r="V935" s="10" t="s">
        <v>22</v>
      </c>
      <c r="W935" s="10" t="s">
        <v>22</v>
      </c>
      <c r="Y935" s="10" t="s">
        <v>22</v>
      </c>
      <c r="Z935" s="10" t="s">
        <v>22</v>
      </c>
    </row>
    <row r="936" spans="1:26" ht="24" customHeight="1" x14ac:dyDescent="0.2">
      <c r="A936" s="9" t="s">
        <v>18204</v>
      </c>
      <c r="B936" s="9" t="s">
        <v>14</v>
      </c>
      <c r="C936" s="9" t="s">
        <v>4434</v>
      </c>
      <c r="D936" s="6" t="s">
        <v>4435</v>
      </c>
      <c r="E936" s="22">
        <v>43998</v>
      </c>
      <c r="F936" s="22">
        <v>45823</v>
      </c>
      <c r="G936" s="6" t="s">
        <v>4436</v>
      </c>
      <c r="H936" s="6" t="s">
        <v>18</v>
      </c>
      <c r="I936" s="6" t="s">
        <v>19</v>
      </c>
      <c r="J936" s="6" t="s">
        <v>4437</v>
      </c>
      <c r="K936" s="9" t="s">
        <v>4438</v>
      </c>
      <c r="O936" s="10" t="s">
        <v>22</v>
      </c>
      <c r="P936" s="10" t="s">
        <v>22</v>
      </c>
      <c r="Q936" s="10" t="s">
        <v>22</v>
      </c>
      <c r="Y936" s="10" t="s">
        <v>22</v>
      </c>
      <c r="Z936" s="10" t="s">
        <v>22</v>
      </c>
    </row>
    <row r="937" spans="1:26" ht="24" customHeight="1" x14ac:dyDescent="0.2">
      <c r="A937" s="9" t="s">
        <v>18205</v>
      </c>
      <c r="B937" s="9" t="s">
        <v>14</v>
      </c>
      <c r="C937" s="9" t="s">
        <v>4439</v>
      </c>
      <c r="D937" s="6" t="s">
        <v>4440</v>
      </c>
      <c r="E937" s="22">
        <v>44003</v>
      </c>
      <c r="F937" s="22">
        <v>45828</v>
      </c>
      <c r="G937" s="6" t="s">
        <v>4441</v>
      </c>
      <c r="H937" s="6" t="s">
        <v>62</v>
      </c>
      <c r="I937" s="6" t="s">
        <v>551</v>
      </c>
      <c r="J937" s="6" t="s">
        <v>4442</v>
      </c>
      <c r="K937" s="9" t="s">
        <v>4443</v>
      </c>
      <c r="L937" s="10" t="s">
        <v>22</v>
      </c>
      <c r="M937" s="10" t="s">
        <v>22</v>
      </c>
      <c r="N937" s="10" t="s">
        <v>22</v>
      </c>
      <c r="O937" s="10" t="s">
        <v>22</v>
      </c>
      <c r="P937" s="10" t="s">
        <v>22</v>
      </c>
      <c r="Q937" s="10" t="s">
        <v>22</v>
      </c>
      <c r="U937" s="10" t="s">
        <v>22</v>
      </c>
      <c r="V937" s="10" t="s">
        <v>22</v>
      </c>
      <c r="W937" s="10" t="s">
        <v>22</v>
      </c>
      <c r="X937" s="10" t="s">
        <v>22</v>
      </c>
      <c r="Y937" s="10" t="s">
        <v>22</v>
      </c>
      <c r="Z937" s="10" t="s">
        <v>22</v>
      </c>
    </row>
    <row r="938" spans="1:26" ht="24" customHeight="1" x14ac:dyDescent="0.2">
      <c r="A938" s="9" t="s">
        <v>18206</v>
      </c>
      <c r="B938" s="9" t="s">
        <v>14</v>
      </c>
      <c r="C938" s="9" t="s">
        <v>4444</v>
      </c>
      <c r="D938" s="6" t="s">
        <v>4445</v>
      </c>
      <c r="E938" s="22">
        <v>44003</v>
      </c>
      <c r="F938" s="22">
        <v>45828</v>
      </c>
      <c r="G938" s="6" t="s">
        <v>4446</v>
      </c>
      <c r="H938" s="6" t="s">
        <v>62</v>
      </c>
      <c r="I938" s="6" t="s">
        <v>414</v>
      </c>
      <c r="J938" s="6" t="s">
        <v>4447</v>
      </c>
      <c r="K938" s="9" t="s">
        <v>4448</v>
      </c>
      <c r="M938" s="10" t="s">
        <v>22</v>
      </c>
      <c r="N938" s="10" t="s">
        <v>22</v>
      </c>
    </row>
    <row r="939" spans="1:26" ht="24" customHeight="1" x14ac:dyDescent="0.2">
      <c r="A939" s="9" t="s">
        <v>18207</v>
      </c>
      <c r="B939" s="9" t="s">
        <v>14</v>
      </c>
      <c r="C939" s="9" t="s">
        <v>4449</v>
      </c>
      <c r="D939" s="6" t="s">
        <v>2576</v>
      </c>
      <c r="E939" s="22">
        <v>44003</v>
      </c>
      <c r="F939" s="22">
        <v>45828</v>
      </c>
      <c r="G939" s="6" t="s">
        <v>2577</v>
      </c>
      <c r="H939" s="6" t="s">
        <v>363</v>
      </c>
      <c r="I939" s="6" t="s">
        <v>558</v>
      </c>
      <c r="J939" s="6" t="s">
        <v>4450</v>
      </c>
      <c r="K939" s="9" t="s">
        <v>4451</v>
      </c>
      <c r="L939" s="10" t="s">
        <v>22</v>
      </c>
      <c r="M939" s="10" t="s">
        <v>22</v>
      </c>
      <c r="N939" s="10" t="s">
        <v>22</v>
      </c>
      <c r="O939" s="10" t="s">
        <v>22</v>
      </c>
      <c r="P939" s="10" t="s">
        <v>22</v>
      </c>
      <c r="Q939" s="10" t="s">
        <v>22</v>
      </c>
      <c r="R939" s="10" t="s">
        <v>22</v>
      </c>
      <c r="S939" s="10" t="s">
        <v>22</v>
      </c>
      <c r="T939" s="10" t="s">
        <v>22</v>
      </c>
      <c r="U939" s="10" t="s">
        <v>22</v>
      </c>
      <c r="V939" s="10" t="s">
        <v>22</v>
      </c>
      <c r="W939" s="10" t="s">
        <v>22</v>
      </c>
      <c r="X939" s="10" t="s">
        <v>22</v>
      </c>
      <c r="Y939" s="10" t="s">
        <v>22</v>
      </c>
      <c r="Z939" s="10" t="s">
        <v>22</v>
      </c>
    </row>
    <row r="940" spans="1:26" ht="24" customHeight="1" x14ac:dyDescent="0.2">
      <c r="A940" s="9" t="s">
        <v>18208</v>
      </c>
      <c r="B940" s="9" t="s">
        <v>14</v>
      </c>
      <c r="C940" s="9" t="s">
        <v>4452</v>
      </c>
      <c r="D940" s="6" t="s">
        <v>4453</v>
      </c>
      <c r="E940" s="22">
        <v>44003</v>
      </c>
      <c r="F940" s="22">
        <v>45828</v>
      </c>
      <c r="G940" s="6" t="s">
        <v>4454</v>
      </c>
      <c r="H940" s="6" t="s">
        <v>62</v>
      </c>
      <c r="I940" s="6" t="s">
        <v>819</v>
      </c>
      <c r="J940" s="6" t="s">
        <v>4455</v>
      </c>
      <c r="K940" s="9" t="s">
        <v>4456</v>
      </c>
      <c r="L940" s="10" t="s">
        <v>22</v>
      </c>
      <c r="M940" s="10" t="s">
        <v>22</v>
      </c>
      <c r="N940" s="10" t="s">
        <v>22</v>
      </c>
      <c r="U940" s="10" t="s">
        <v>22</v>
      </c>
      <c r="V940" s="10" t="s">
        <v>22</v>
      </c>
      <c r="W940" s="10" t="s">
        <v>22</v>
      </c>
    </row>
    <row r="941" spans="1:26" ht="24" customHeight="1" x14ac:dyDescent="0.2">
      <c r="A941" s="9" t="s">
        <v>18209</v>
      </c>
      <c r="B941" s="9" t="s">
        <v>14</v>
      </c>
      <c r="C941" s="9" t="s">
        <v>4457</v>
      </c>
      <c r="D941" s="6" t="s">
        <v>4458</v>
      </c>
      <c r="E941" s="22">
        <v>44012</v>
      </c>
      <c r="F941" s="22">
        <v>45837</v>
      </c>
      <c r="G941" s="6" t="s">
        <v>4459</v>
      </c>
      <c r="H941" s="6" t="s">
        <v>202</v>
      </c>
      <c r="I941" s="6" t="s">
        <v>3050</v>
      </c>
      <c r="J941" s="6" t="s">
        <v>4460</v>
      </c>
      <c r="K941" s="9" t="s">
        <v>4461</v>
      </c>
      <c r="L941" s="10" t="s">
        <v>22</v>
      </c>
      <c r="M941" s="10" t="s">
        <v>22</v>
      </c>
      <c r="N941" s="10" t="s">
        <v>22</v>
      </c>
      <c r="O941" s="10" t="s">
        <v>22</v>
      </c>
      <c r="P941" s="10" t="s">
        <v>22</v>
      </c>
      <c r="Q941" s="10" t="s">
        <v>22</v>
      </c>
      <c r="R941" s="10" t="s">
        <v>22</v>
      </c>
      <c r="S941" s="10" t="s">
        <v>22</v>
      </c>
      <c r="T941" s="10" t="s">
        <v>22</v>
      </c>
      <c r="U941" s="10" t="s">
        <v>22</v>
      </c>
      <c r="V941" s="10" t="s">
        <v>22</v>
      </c>
      <c r="W941" s="10" t="s">
        <v>22</v>
      </c>
      <c r="X941" s="10" t="s">
        <v>22</v>
      </c>
      <c r="Y941" s="10" t="s">
        <v>22</v>
      </c>
      <c r="Z941" s="10" t="s">
        <v>22</v>
      </c>
    </row>
    <row r="942" spans="1:26" ht="24" customHeight="1" x14ac:dyDescent="0.2">
      <c r="A942" s="9" t="s">
        <v>18210</v>
      </c>
      <c r="B942" s="9" t="s">
        <v>14</v>
      </c>
      <c r="C942" s="9" t="s">
        <v>4462</v>
      </c>
      <c r="D942" s="6" t="s">
        <v>4463</v>
      </c>
      <c r="E942" s="22">
        <v>44012</v>
      </c>
      <c r="F942" s="22">
        <v>45837</v>
      </c>
      <c r="G942" s="6" t="s">
        <v>4464</v>
      </c>
      <c r="H942" s="6" t="s">
        <v>202</v>
      </c>
      <c r="I942" s="6" t="s">
        <v>879</v>
      </c>
      <c r="J942" s="6" t="s">
        <v>4465</v>
      </c>
      <c r="K942" s="9" t="s">
        <v>4466</v>
      </c>
      <c r="L942" s="10" t="s">
        <v>22</v>
      </c>
      <c r="M942" s="10" t="s">
        <v>22</v>
      </c>
      <c r="N942" s="10" t="s">
        <v>22</v>
      </c>
      <c r="O942" s="10" t="s">
        <v>22</v>
      </c>
      <c r="P942" s="10" t="s">
        <v>22</v>
      </c>
      <c r="Q942" s="10" t="s">
        <v>22</v>
      </c>
      <c r="R942" s="10" t="s">
        <v>22</v>
      </c>
      <c r="S942" s="10" t="s">
        <v>22</v>
      </c>
      <c r="T942" s="10" t="s">
        <v>22</v>
      </c>
      <c r="U942" s="10" t="s">
        <v>22</v>
      </c>
      <c r="V942" s="10" t="s">
        <v>22</v>
      </c>
      <c r="W942" s="10" t="s">
        <v>22</v>
      </c>
      <c r="X942" s="10" t="s">
        <v>22</v>
      </c>
      <c r="Y942" s="10" t="s">
        <v>22</v>
      </c>
      <c r="Z942" s="10" t="s">
        <v>22</v>
      </c>
    </row>
    <row r="943" spans="1:26" ht="24" customHeight="1" x14ac:dyDescent="0.2">
      <c r="A943" s="9" t="s">
        <v>18211</v>
      </c>
      <c r="B943" s="9" t="s">
        <v>14</v>
      </c>
      <c r="C943" s="9" t="s">
        <v>4467</v>
      </c>
      <c r="D943" s="6" t="s">
        <v>4468</v>
      </c>
      <c r="E943" s="22">
        <v>44012</v>
      </c>
      <c r="F943" s="22">
        <v>45837</v>
      </c>
      <c r="G943" s="6" t="s">
        <v>4469</v>
      </c>
      <c r="H943" s="6" t="s">
        <v>18</v>
      </c>
      <c r="I943" s="6" t="s">
        <v>19</v>
      </c>
      <c r="J943" s="6" t="s">
        <v>4470</v>
      </c>
      <c r="K943" s="9" t="s">
        <v>4471</v>
      </c>
      <c r="L943" s="10" t="s">
        <v>22</v>
      </c>
      <c r="M943" s="10" t="s">
        <v>22</v>
      </c>
      <c r="N943" s="10" t="s">
        <v>22</v>
      </c>
      <c r="O943" s="10" t="s">
        <v>22</v>
      </c>
      <c r="P943" s="10" t="s">
        <v>22</v>
      </c>
      <c r="Q943" s="10" t="s">
        <v>22</v>
      </c>
      <c r="R943" s="10" t="s">
        <v>22</v>
      </c>
      <c r="S943" s="10" t="s">
        <v>22</v>
      </c>
      <c r="T943" s="10" t="s">
        <v>22</v>
      </c>
    </row>
    <row r="944" spans="1:26" ht="24" customHeight="1" x14ac:dyDescent="0.2">
      <c r="A944" s="9" t="s">
        <v>18212</v>
      </c>
      <c r="B944" s="9" t="s">
        <v>14</v>
      </c>
      <c r="C944" s="9" t="s">
        <v>4472</v>
      </c>
      <c r="D944" s="6" t="s">
        <v>4473</v>
      </c>
      <c r="E944" s="22">
        <v>44032</v>
      </c>
      <c r="F944" s="22">
        <v>45857</v>
      </c>
      <c r="G944" s="6" t="s">
        <v>4474</v>
      </c>
      <c r="H944" s="6" t="s">
        <v>62</v>
      </c>
      <c r="I944" s="6" t="s">
        <v>63</v>
      </c>
      <c r="J944" s="6" t="s">
        <v>4475</v>
      </c>
      <c r="K944" s="9" t="s">
        <v>4476</v>
      </c>
      <c r="L944" s="10" t="s">
        <v>22</v>
      </c>
      <c r="M944" s="10" t="s">
        <v>22</v>
      </c>
      <c r="N944" s="10" t="s">
        <v>22</v>
      </c>
      <c r="O944" s="10" t="s">
        <v>22</v>
      </c>
      <c r="P944" s="10" t="s">
        <v>22</v>
      </c>
      <c r="Q944" s="10" t="s">
        <v>22</v>
      </c>
      <c r="R944" s="10" t="s">
        <v>22</v>
      </c>
      <c r="S944" s="10" t="s">
        <v>22</v>
      </c>
      <c r="T944" s="10" t="s">
        <v>22</v>
      </c>
      <c r="U944" s="10" t="s">
        <v>22</v>
      </c>
      <c r="V944" s="10" t="s">
        <v>22</v>
      </c>
      <c r="W944" s="10" t="s">
        <v>22</v>
      </c>
      <c r="X944" s="10" t="s">
        <v>22</v>
      </c>
      <c r="Y944" s="10" t="s">
        <v>22</v>
      </c>
      <c r="Z944" s="10" t="s">
        <v>22</v>
      </c>
    </row>
    <row r="945" spans="1:26" ht="24" customHeight="1" x14ac:dyDescent="0.2">
      <c r="A945" s="9" t="s">
        <v>18213</v>
      </c>
      <c r="B945" s="9" t="s">
        <v>14</v>
      </c>
      <c r="C945" s="9" t="s">
        <v>4477</v>
      </c>
      <c r="D945" s="6" t="s">
        <v>4478</v>
      </c>
      <c r="E945" s="22">
        <v>44034</v>
      </c>
      <c r="F945" s="22">
        <v>45859</v>
      </c>
      <c r="G945" s="6" t="s">
        <v>4479</v>
      </c>
      <c r="H945" s="6" t="s">
        <v>2069</v>
      </c>
      <c r="I945" s="6" t="s">
        <v>2070</v>
      </c>
      <c r="J945" s="6" t="s">
        <v>4480</v>
      </c>
      <c r="K945" s="9" t="s">
        <v>4481</v>
      </c>
      <c r="L945" s="10" t="s">
        <v>22</v>
      </c>
      <c r="M945" s="10" t="s">
        <v>22</v>
      </c>
      <c r="N945" s="10" t="s">
        <v>22</v>
      </c>
      <c r="O945" s="10" t="s">
        <v>22</v>
      </c>
      <c r="P945" s="10" t="s">
        <v>22</v>
      </c>
      <c r="Q945" s="10" t="s">
        <v>22</v>
      </c>
      <c r="R945" s="10" t="s">
        <v>22</v>
      </c>
      <c r="S945" s="10" t="s">
        <v>22</v>
      </c>
      <c r="T945" s="10" t="s">
        <v>22</v>
      </c>
      <c r="U945" s="10" t="s">
        <v>22</v>
      </c>
      <c r="V945" s="10" t="s">
        <v>22</v>
      </c>
      <c r="W945" s="10" t="s">
        <v>22</v>
      </c>
      <c r="X945" s="10" t="s">
        <v>22</v>
      </c>
      <c r="Y945" s="10" t="s">
        <v>22</v>
      </c>
      <c r="Z945" s="10" t="s">
        <v>22</v>
      </c>
    </row>
    <row r="946" spans="1:26" ht="24" customHeight="1" x14ac:dyDescent="0.2">
      <c r="A946" s="9" t="s">
        <v>18214</v>
      </c>
      <c r="B946" s="9" t="s">
        <v>14</v>
      </c>
      <c r="C946" s="9" t="s">
        <v>4477</v>
      </c>
      <c r="D946" s="6" t="s">
        <v>4478</v>
      </c>
      <c r="E946" s="22">
        <v>44034</v>
      </c>
      <c r="F946" s="22">
        <v>45859</v>
      </c>
      <c r="G946" s="6" t="s">
        <v>4482</v>
      </c>
      <c r="H946" s="6" t="s">
        <v>62</v>
      </c>
      <c r="I946" s="6" t="s">
        <v>306</v>
      </c>
      <c r="J946" s="6" t="s">
        <v>4483</v>
      </c>
      <c r="K946" s="9" t="s">
        <v>4484</v>
      </c>
      <c r="L946" s="10" t="s">
        <v>22</v>
      </c>
      <c r="M946" s="10" t="s">
        <v>22</v>
      </c>
      <c r="N946" s="10" t="s">
        <v>22</v>
      </c>
      <c r="O946" s="10" t="s">
        <v>22</v>
      </c>
      <c r="P946" s="10" t="s">
        <v>22</v>
      </c>
      <c r="Q946" s="10" t="s">
        <v>22</v>
      </c>
      <c r="R946" s="10" t="s">
        <v>22</v>
      </c>
      <c r="S946" s="10" t="s">
        <v>22</v>
      </c>
      <c r="T946" s="10" t="s">
        <v>22</v>
      </c>
      <c r="U946" s="10" t="s">
        <v>22</v>
      </c>
      <c r="V946" s="10" t="s">
        <v>22</v>
      </c>
      <c r="W946" s="10" t="s">
        <v>22</v>
      </c>
      <c r="X946" s="10" t="s">
        <v>22</v>
      </c>
      <c r="Y946" s="10" t="s">
        <v>22</v>
      </c>
      <c r="Z946" s="10" t="s">
        <v>22</v>
      </c>
    </row>
    <row r="947" spans="1:26" ht="24" customHeight="1" x14ac:dyDescent="0.2">
      <c r="A947" s="9" t="s">
        <v>18215</v>
      </c>
      <c r="B947" s="9" t="s">
        <v>14</v>
      </c>
      <c r="C947" s="9" t="s">
        <v>4477</v>
      </c>
      <c r="D947" s="6" t="s">
        <v>4478</v>
      </c>
      <c r="E947" s="22">
        <v>44034</v>
      </c>
      <c r="F947" s="22">
        <v>45859</v>
      </c>
      <c r="G947" s="6" t="s">
        <v>4485</v>
      </c>
      <c r="H947" s="6" t="s">
        <v>229</v>
      </c>
      <c r="I947" s="6" t="s">
        <v>825</v>
      </c>
      <c r="J947" s="6" t="s">
        <v>4486</v>
      </c>
      <c r="K947" s="9" t="s">
        <v>4487</v>
      </c>
      <c r="L947" s="10" t="s">
        <v>22</v>
      </c>
      <c r="M947" s="10" t="s">
        <v>22</v>
      </c>
      <c r="N947" s="10" t="s">
        <v>22</v>
      </c>
      <c r="O947" s="10" t="s">
        <v>22</v>
      </c>
      <c r="P947" s="10" t="s">
        <v>22</v>
      </c>
      <c r="Q947" s="10" t="s">
        <v>22</v>
      </c>
      <c r="R947" s="10" t="s">
        <v>22</v>
      </c>
      <c r="S947" s="10" t="s">
        <v>22</v>
      </c>
      <c r="T947" s="10" t="s">
        <v>22</v>
      </c>
      <c r="U947" s="10" t="s">
        <v>22</v>
      </c>
      <c r="V947" s="10" t="s">
        <v>22</v>
      </c>
      <c r="W947" s="10" t="s">
        <v>22</v>
      </c>
      <c r="X947" s="10" t="s">
        <v>22</v>
      </c>
      <c r="Y947" s="10" t="s">
        <v>22</v>
      </c>
      <c r="Z947" s="10" t="s">
        <v>22</v>
      </c>
    </row>
    <row r="948" spans="1:26" ht="24" customHeight="1" x14ac:dyDescent="0.2">
      <c r="A948" s="9" t="s">
        <v>18216</v>
      </c>
      <c r="B948" s="9" t="s">
        <v>14</v>
      </c>
      <c r="C948" s="9" t="s">
        <v>4477</v>
      </c>
      <c r="D948" s="6" t="s">
        <v>4478</v>
      </c>
      <c r="E948" s="22">
        <v>44034</v>
      </c>
      <c r="F948" s="22">
        <v>45859</v>
      </c>
      <c r="G948" s="6" t="s">
        <v>4488</v>
      </c>
      <c r="H948" s="6" t="s">
        <v>2368</v>
      </c>
      <c r="I948" s="6" t="s">
        <v>4489</v>
      </c>
      <c r="J948" s="6" t="s">
        <v>4490</v>
      </c>
      <c r="K948" s="9" t="s">
        <v>4491</v>
      </c>
      <c r="L948" s="10" t="s">
        <v>22</v>
      </c>
      <c r="M948" s="10" t="s">
        <v>22</v>
      </c>
      <c r="N948" s="10" t="s">
        <v>22</v>
      </c>
      <c r="O948" s="10" t="s">
        <v>22</v>
      </c>
      <c r="P948" s="10" t="s">
        <v>22</v>
      </c>
      <c r="Q948" s="10" t="s">
        <v>22</v>
      </c>
      <c r="R948" s="10" t="s">
        <v>22</v>
      </c>
      <c r="S948" s="10" t="s">
        <v>22</v>
      </c>
      <c r="T948" s="10" t="s">
        <v>22</v>
      </c>
      <c r="U948" s="10" t="s">
        <v>22</v>
      </c>
      <c r="V948" s="10" t="s">
        <v>22</v>
      </c>
      <c r="W948" s="10" t="s">
        <v>22</v>
      </c>
      <c r="X948" s="10" t="s">
        <v>22</v>
      </c>
      <c r="Y948" s="10" t="s">
        <v>22</v>
      </c>
      <c r="Z948" s="10" t="s">
        <v>22</v>
      </c>
    </row>
    <row r="949" spans="1:26" ht="24" customHeight="1" x14ac:dyDescent="0.2">
      <c r="A949" s="9" t="s">
        <v>18217</v>
      </c>
      <c r="B949" s="9" t="s">
        <v>14</v>
      </c>
      <c r="C949" s="9" t="s">
        <v>4477</v>
      </c>
      <c r="D949" s="6" t="s">
        <v>4478</v>
      </c>
      <c r="E949" s="22">
        <v>44034</v>
      </c>
      <c r="F949" s="22">
        <v>45859</v>
      </c>
      <c r="G949" s="6" t="s">
        <v>4492</v>
      </c>
      <c r="H949" s="6" t="s">
        <v>4493</v>
      </c>
      <c r="I949" s="6" t="s">
        <v>4494</v>
      </c>
      <c r="J949" s="6" t="s">
        <v>4495</v>
      </c>
      <c r="K949" s="9" t="s">
        <v>4496</v>
      </c>
      <c r="L949" s="10" t="s">
        <v>22</v>
      </c>
      <c r="M949" s="10" t="s">
        <v>22</v>
      </c>
      <c r="N949" s="10" t="s">
        <v>22</v>
      </c>
      <c r="O949" s="10" t="s">
        <v>22</v>
      </c>
      <c r="P949" s="10" t="s">
        <v>22</v>
      </c>
      <c r="Q949" s="10" t="s">
        <v>22</v>
      </c>
      <c r="R949" s="10" t="s">
        <v>22</v>
      </c>
      <c r="S949" s="10" t="s">
        <v>22</v>
      </c>
      <c r="T949" s="10" t="s">
        <v>22</v>
      </c>
      <c r="U949" s="10" t="s">
        <v>22</v>
      </c>
      <c r="V949" s="10" t="s">
        <v>22</v>
      </c>
      <c r="W949" s="10" t="s">
        <v>22</v>
      </c>
      <c r="X949" s="10" t="s">
        <v>22</v>
      </c>
      <c r="Y949" s="10" t="s">
        <v>22</v>
      </c>
      <c r="Z949" s="10" t="s">
        <v>22</v>
      </c>
    </row>
    <row r="950" spans="1:26" ht="24" customHeight="1" x14ac:dyDescent="0.2">
      <c r="A950" s="9" t="s">
        <v>18218</v>
      </c>
      <c r="B950" s="9" t="s">
        <v>14</v>
      </c>
      <c r="C950" s="9" t="s">
        <v>4497</v>
      </c>
      <c r="D950" s="6" t="s">
        <v>4498</v>
      </c>
      <c r="E950" s="22">
        <v>44034</v>
      </c>
      <c r="F950" s="22">
        <v>45859</v>
      </c>
      <c r="G950" s="6" t="s">
        <v>4499</v>
      </c>
      <c r="H950" s="6" t="s">
        <v>363</v>
      </c>
      <c r="I950" s="6" t="s">
        <v>558</v>
      </c>
      <c r="J950" s="6" t="s">
        <v>4500</v>
      </c>
      <c r="K950" s="9" t="s">
        <v>4501</v>
      </c>
      <c r="L950" s="10" t="s">
        <v>22</v>
      </c>
      <c r="M950" s="10" t="s">
        <v>22</v>
      </c>
      <c r="N950" s="10" t="s">
        <v>22</v>
      </c>
      <c r="O950" s="10" t="s">
        <v>22</v>
      </c>
      <c r="P950" s="10" t="s">
        <v>22</v>
      </c>
      <c r="Q950" s="10" t="s">
        <v>22</v>
      </c>
      <c r="R950" s="10" t="s">
        <v>22</v>
      </c>
      <c r="S950" s="10" t="s">
        <v>22</v>
      </c>
      <c r="T950" s="10" t="s">
        <v>22</v>
      </c>
      <c r="U950" s="10" t="s">
        <v>22</v>
      </c>
      <c r="V950" s="10" t="s">
        <v>22</v>
      </c>
      <c r="W950" s="10" t="s">
        <v>22</v>
      </c>
      <c r="X950" s="10" t="s">
        <v>22</v>
      </c>
      <c r="Y950" s="10" t="s">
        <v>22</v>
      </c>
      <c r="Z950" s="10" t="s">
        <v>22</v>
      </c>
    </row>
    <row r="951" spans="1:26" ht="24" customHeight="1" x14ac:dyDescent="0.2">
      <c r="A951" s="9" t="s">
        <v>18219</v>
      </c>
      <c r="B951" s="9" t="s">
        <v>14</v>
      </c>
      <c r="C951" s="9" t="s">
        <v>4502</v>
      </c>
      <c r="D951" s="6" t="s">
        <v>4503</v>
      </c>
      <c r="E951" s="22">
        <v>44034</v>
      </c>
      <c r="F951" s="22">
        <v>45859</v>
      </c>
      <c r="G951" s="6" t="s">
        <v>4504</v>
      </c>
      <c r="H951" s="6" t="s">
        <v>18</v>
      </c>
      <c r="I951" s="6" t="s">
        <v>19</v>
      </c>
      <c r="J951" s="6" t="s">
        <v>4505</v>
      </c>
      <c r="K951" s="9" t="s">
        <v>4506</v>
      </c>
      <c r="L951" s="10" t="s">
        <v>22</v>
      </c>
      <c r="M951" s="10" t="s">
        <v>22</v>
      </c>
      <c r="N951" s="10" t="s">
        <v>22</v>
      </c>
      <c r="O951" s="10" t="s">
        <v>22</v>
      </c>
      <c r="P951" s="10" t="s">
        <v>22</v>
      </c>
      <c r="Q951" s="10" t="s">
        <v>22</v>
      </c>
      <c r="R951" s="10" t="s">
        <v>22</v>
      </c>
      <c r="S951" s="10" t="s">
        <v>22</v>
      </c>
      <c r="T951" s="10" t="s">
        <v>22</v>
      </c>
      <c r="U951" s="10" t="s">
        <v>22</v>
      </c>
      <c r="V951" s="10" t="s">
        <v>22</v>
      </c>
      <c r="W951" s="10" t="s">
        <v>22</v>
      </c>
      <c r="X951" s="10" t="s">
        <v>22</v>
      </c>
      <c r="Y951" s="10" t="s">
        <v>22</v>
      </c>
      <c r="Z951" s="10" t="s">
        <v>22</v>
      </c>
    </row>
    <row r="952" spans="1:26" ht="24" customHeight="1" x14ac:dyDescent="0.2">
      <c r="A952" s="9" t="s">
        <v>18220</v>
      </c>
      <c r="B952" s="9" t="s">
        <v>14</v>
      </c>
      <c r="C952" s="9" t="s">
        <v>4507</v>
      </c>
      <c r="D952" s="6" t="s">
        <v>4508</v>
      </c>
      <c r="E952" s="22">
        <v>44038</v>
      </c>
      <c r="F952" s="22">
        <v>45863</v>
      </c>
      <c r="G952" s="6" t="s">
        <v>4509</v>
      </c>
      <c r="H952" s="6" t="s">
        <v>18</v>
      </c>
      <c r="I952" s="6" t="s">
        <v>19</v>
      </c>
      <c r="J952" s="6" t="s">
        <v>4510</v>
      </c>
      <c r="K952" s="9" t="s">
        <v>4511</v>
      </c>
      <c r="L952" s="10" t="s">
        <v>22</v>
      </c>
      <c r="M952" s="10" t="s">
        <v>22</v>
      </c>
      <c r="N952" s="10" t="s">
        <v>22</v>
      </c>
      <c r="O952" s="10" t="s">
        <v>22</v>
      </c>
      <c r="P952" s="10" t="s">
        <v>22</v>
      </c>
      <c r="Q952" s="10" t="s">
        <v>22</v>
      </c>
      <c r="R952" s="10" t="s">
        <v>22</v>
      </c>
      <c r="S952" s="10" t="s">
        <v>22</v>
      </c>
      <c r="T952" s="10" t="s">
        <v>22</v>
      </c>
      <c r="U952" s="10" t="s">
        <v>22</v>
      </c>
      <c r="V952" s="10" t="s">
        <v>22</v>
      </c>
      <c r="W952" s="10" t="s">
        <v>22</v>
      </c>
      <c r="X952" s="10" t="s">
        <v>22</v>
      </c>
      <c r="Y952" s="10" t="s">
        <v>22</v>
      </c>
      <c r="Z952" s="10" t="s">
        <v>22</v>
      </c>
    </row>
    <row r="953" spans="1:26" ht="24" customHeight="1" x14ac:dyDescent="0.2">
      <c r="A953" s="9" t="s">
        <v>18221</v>
      </c>
      <c r="B953" s="9" t="s">
        <v>14</v>
      </c>
      <c r="C953" s="9" t="s">
        <v>4512</v>
      </c>
      <c r="D953" s="6" t="s">
        <v>4513</v>
      </c>
      <c r="E953" s="22">
        <v>44046</v>
      </c>
      <c r="F953" s="22">
        <v>45871</v>
      </c>
      <c r="G953" s="6" t="s">
        <v>4514</v>
      </c>
      <c r="H953" s="6" t="s">
        <v>202</v>
      </c>
      <c r="I953" s="6" t="s">
        <v>863</v>
      </c>
      <c r="J953" s="6" t="s">
        <v>4515</v>
      </c>
      <c r="K953" s="9" t="s">
        <v>4516</v>
      </c>
      <c r="L953" s="10" t="s">
        <v>22</v>
      </c>
      <c r="M953" s="10" t="s">
        <v>22</v>
      </c>
      <c r="N953" s="10" t="s">
        <v>22</v>
      </c>
      <c r="U953" s="10" t="s">
        <v>22</v>
      </c>
      <c r="V953" s="10" t="s">
        <v>22</v>
      </c>
      <c r="W953" s="10" t="s">
        <v>22</v>
      </c>
    </row>
    <row r="954" spans="1:26" ht="24" customHeight="1" x14ac:dyDescent="0.2">
      <c r="A954" s="9" t="s">
        <v>18222</v>
      </c>
      <c r="B954" s="9" t="s">
        <v>14</v>
      </c>
      <c r="C954" s="9" t="s">
        <v>4517</v>
      </c>
      <c r="D954" s="6" t="s">
        <v>4518</v>
      </c>
      <c r="E954" s="22">
        <v>44047</v>
      </c>
      <c r="F954" s="22">
        <v>45872</v>
      </c>
      <c r="G954" s="6" t="s">
        <v>4519</v>
      </c>
      <c r="H954" s="6" t="s">
        <v>62</v>
      </c>
      <c r="I954" s="6" t="s">
        <v>819</v>
      </c>
      <c r="J954" s="6" t="s">
        <v>4520</v>
      </c>
      <c r="K954" s="9" t="s">
        <v>4521</v>
      </c>
      <c r="L954" s="10" t="s">
        <v>22</v>
      </c>
      <c r="M954" s="10" t="s">
        <v>22</v>
      </c>
      <c r="N954" s="10" t="s">
        <v>22</v>
      </c>
      <c r="O954" s="10" t="s">
        <v>22</v>
      </c>
      <c r="P954" s="10" t="s">
        <v>22</v>
      </c>
      <c r="Q954" s="10" t="s">
        <v>22</v>
      </c>
      <c r="R954" s="10" t="s">
        <v>22</v>
      </c>
      <c r="S954" s="10" t="s">
        <v>22</v>
      </c>
      <c r="T954" s="10" t="s">
        <v>22</v>
      </c>
      <c r="U954" s="10" t="s">
        <v>22</v>
      </c>
      <c r="V954" s="10" t="s">
        <v>22</v>
      </c>
      <c r="W954" s="10" t="s">
        <v>22</v>
      </c>
      <c r="X954" s="10" t="s">
        <v>22</v>
      </c>
      <c r="Y954" s="10" t="s">
        <v>22</v>
      </c>
      <c r="Z954" s="10" t="s">
        <v>22</v>
      </c>
    </row>
    <row r="955" spans="1:26" ht="24" customHeight="1" x14ac:dyDescent="0.2">
      <c r="A955" s="9" t="s">
        <v>18223</v>
      </c>
      <c r="B955" s="9" t="s">
        <v>14</v>
      </c>
      <c r="C955" s="9" t="s">
        <v>4522</v>
      </c>
      <c r="D955" s="6" t="s">
        <v>4523</v>
      </c>
      <c r="E955" s="22">
        <v>44047</v>
      </c>
      <c r="F955" s="22">
        <v>45872</v>
      </c>
      <c r="G955" s="6" t="s">
        <v>4524</v>
      </c>
      <c r="H955" s="6" t="s">
        <v>62</v>
      </c>
      <c r="I955" s="6" t="s">
        <v>435</v>
      </c>
      <c r="J955" s="6" t="s">
        <v>4525</v>
      </c>
      <c r="K955" s="9" t="s">
        <v>4526</v>
      </c>
      <c r="L955" s="10" t="s">
        <v>22</v>
      </c>
      <c r="M955" s="10" t="s">
        <v>22</v>
      </c>
      <c r="N955" s="10" t="s">
        <v>22</v>
      </c>
      <c r="O955" s="10" t="s">
        <v>22</v>
      </c>
      <c r="P955" s="10" t="s">
        <v>22</v>
      </c>
      <c r="Q955" s="10" t="s">
        <v>22</v>
      </c>
      <c r="R955" s="10" t="s">
        <v>22</v>
      </c>
      <c r="S955" s="10" t="s">
        <v>22</v>
      </c>
      <c r="T955" s="10" t="s">
        <v>22</v>
      </c>
      <c r="U955" s="10" t="s">
        <v>22</v>
      </c>
      <c r="V955" s="10" t="s">
        <v>22</v>
      </c>
      <c r="W955" s="10" t="s">
        <v>22</v>
      </c>
      <c r="X955" s="10" t="s">
        <v>22</v>
      </c>
      <c r="Y955" s="10" t="s">
        <v>22</v>
      </c>
      <c r="Z955" s="10" t="s">
        <v>22</v>
      </c>
    </row>
    <row r="956" spans="1:26" ht="24" customHeight="1" x14ac:dyDescent="0.2">
      <c r="A956" s="9" t="s">
        <v>18224</v>
      </c>
      <c r="B956" s="9" t="s">
        <v>14</v>
      </c>
      <c r="C956" s="9" t="s">
        <v>4527</v>
      </c>
      <c r="D956" s="6" t="s">
        <v>4528</v>
      </c>
      <c r="E956" s="22">
        <v>44047</v>
      </c>
      <c r="F956" s="22">
        <v>45872</v>
      </c>
      <c r="G956" s="6" t="s">
        <v>4529</v>
      </c>
      <c r="H956" s="6" t="s">
        <v>202</v>
      </c>
      <c r="I956" s="6" t="s">
        <v>857</v>
      </c>
      <c r="J956" s="6" t="s">
        <v>4530</v>
      </c>
      <c r="K956" s="9" t="s">
        <v>4531</v>
      </c>
      <c r="L956" s="10" t="s">
        <v>22</v>
      </c>
      <c r="M956" s="10" t="s">
        <v>22</v>
      </c>
      <c r="N956" s="10" t="s">
        <v>22</v>
      </c>
      <c r="O956" s="10" t="s">
        <v>22</v>
      </c>
      <c r="P956" s="10" t="s">
        <v>22</v>
      </c>
      <c r="Q956" s="10" t="s">
        <v>22</v>
      </c>
    </row>
    <row r="957" spans="1:26" ht="24" customHeight="1" x14ac:dyDescent="0.2">
      <c r="A957" s="9" t="s">
        <v>18225</v>
      </c>
      <c r="B957" s="9" t="s">
        <v>14</v>
      </c>
      <c r="C957" s="9" t="s">
        <v>4532</v>
      </c>
      <c r="D957" s="6" t="s">
        <v>4533</v>
      </c>
      <c r="E957" s="22">
        <v>44077</v>
      </c>
      <c r="F957" s="22">
        <v>45902</v>
      </c>
      <c r="G957" s="6" t="s">
        <v>4534</v>
      </c>
      <c r="H957" s="6" t="s">
        <v>2069</v>
      </c>
      <c r="I957" s="6" t="s">
        <v>2070</v>
      </c>
      <c r="J957" s="6" t="s">
        <v>4535</v>
      </c>
      <c r="K957" s="9" t="s">
        <v>4536</v>
      </c>
      <c r="L957" s="10" t="s">
        <v>22</v>
      </c>
      <c r="M957" s="10" t="s">
        <v>22</v>
      </c>
      <c r="N957" s="10" t="s">
        <v>22</v>
      </c>
      <c r="O957" s="10" t="s">
        <v>22</v>
      </c>
      <c r="P957" s="10" t="s">
        <v>22</v>
      </c>
      <c r="Q957" s="10" t="s">
        <v>22</v>
      </c>
      <c r="R957" s="10" t="s">
        <v>22</v>
      </c>
      <c r="S957" s="10" t="s">
        <v>22</v>
      </c>
      <c r="T957" s="10" t="s">
        <v>22</v>
      </c>
      <c r="U957" s="10" t="s">
        <v>22</v>
      </c>
      <c r="V957" s="10" t="s">
        <v>22</v>
      </c>
      <c r="W957" s="10" t="s">
        <v>22</v>
      </c>
      <c r="X957" s="10" t="s">
        <v>22</v>
      </c>
      <c r="Y957" s="10" t="s">
        <v>22</v>
      </c>
      <c r="Z957" s="10" t="s">
        <v>22</v>
      </c>
    </row>
    <row r="958" spans="1:26" ht="24" customHeight="1" x14ac:dyDescent="0.2">
      <c r="A958" s="9" t="s">
        <v>18226</v>
      </c>
      <c r="B958" s="9" t="s">
        <v>14</v>
      </c>
      <c r="C958" s="9" t="s">
        <v>4537</v>
      </c>
      <c r="D958" s="6" t="s">
        <v>4538</v>
      </c>
      <c r="E958" s="22">
        <v>44091</v>
      </c>
      <c r="F958" s="22">
        <v>45916</v>
      </c>
      <c r="G958" s="6" t="s">
        <v>4539</v>
      </c>
      <c r="H958" s="6" t="s">
        <v>1625</v>
      </c>
      <c r="I958" s="6" t="s">
        <v>4540</v>
      </c>
      <c r="J958" s="6" t="s">
        <v>4541</v>
      </c>
      <c r="K958" s="9" t="s">
        <v>4542</v>
      </c>
      <c r="P958" s="10" t="s">
        <v>22</v>
      </c>
      <c r="Q958" s="10" t="s">
        <v>22</v>
      </c>
      <c r="S958" s="10" t="s">
        <v>22</v>
      </c>
      <c r="T958" s="10" t="s">
        <v>22</v>
      </c>
      <c r="Y958" s="10" t="s">
        <v>22</v>
      </c>
      <c r="Z958" s="10" t="s">
        <v>22</v>
      </c>
    </row>
    <row r="959" spans="1:26" ht="24" customHeight="1" x14ac:dyDescent="0.2">
      <c r="A959" s="9" t="s">
        <v>18227</v>
      </c>
      <c r="B959" s="9" t="s">
        <v>14</v>
      </c>
      <c r="C959" s="9" t="s">
        <v>4543</v>
      </c>
      <c r="D959" s="6" t="s">
        <v>4544</v>
      </c>
      <c r="E959" s="22">
        <v>44091</v>
      </c>
      <c r="F959" s="22">
        <v>45916</v>
      </c>
      <c r="G959" s="6" t="s">
        <v>4545</v>
      </c>
      <c r="H959" s="6" t="s">
        <v>18</v>
      </c>
      <c r="I959" s="6" t="s">
        <v>26</v>
      </c>
      <c r="J959" s="6" t="s">
        <v>4546</v>
      </c>
      <c r="K959" s="9" t="s">
        <v>4547</v>
      </c>
      <c r="L959" s="10" t="s">
        <v>22</v>
      </c>
      <c r="M959" s="10" t="s">
        <v>22</v>
      </c>
      <c r="N959" s="10" t="s">
        <v>22</v>
      </c>
      <c r="O959" s="10" t="s">
        <v>22</v>
      </c>
      <c r="P959" s="10" t="s">
        <v>22</v>
      </c>
      <c r="Q959" s="10" t="s">
        <v>22</v>
      </c>
      <c r="R959" s="10" t="s">
        <v>22</v>
      </c>
      <c r="S959" s="10" t="s">
        <v>22</v>
      </c>
      <c r="T959" s="10" t="s">
        <v>22</v>
      </c>
    </row>
    <row r="960" spans="1:26" ht="24" customHeight="1" x14ac:dyDescent="0.2">
      <c r="A960" s="9" t="s">
        <v>18228</v>
      </c>
      <c r="B960" s="9" t="s">
        <v>14</v>
      </c>
      <c r="C960" s="9" t="s">
        <v>4548</v>
      </c>
      <c r="D960" s="6" t="s">
        <v>4549</v>
      </c>
      <c r="E960" s="22">
        <v>44103</v>
      </c>
      <c r="F960" s="22">
        <v>45928</v>
      </c>
      <c r="G960" s="6" t="s">
        <v>4550</v>
      </c>
      <c r="H960" s="6" t="s">
        <v>18</v>
      </c>
      <c r="I960" s="6" t="s">
        <v>19</v>
      </c>
      <c r="J960" s="6" t="s">
        <v>4551</v>
      </c>
      <c r="K960" s="9" t="s">
        <v>4552</v>
      </c>
      <c r="L960" s="10" t="s">
        <v>22</v>
      </c>
      <c r="M960" s="10" t="s">
        <v>22</v>
      </c>
      <c r="N960" s="10" t="s">
        <v>22</v>
      </c>
      <c r="O960" s="10" t="s">
        <v>22</v>
      </c>
      <c r="P960" s="10" t="s">
        <v>22</v>
      </c>
      <c r="Q960" s="10" t="s">
        <v>22</v>
      </c>
      <c r="R960" s="10" t="s">
        <v>22</v>
      </c>
      <c r="S960" s="10" t="s">
        <v>22</v>
      </c>
      <c r="T960" s="10" t="s">
        <v>22</v>
      </c>
      <c r="U960" s="10" t="s">
        <v>22</v>
      </c>
      <c r="V960" s="10" t="s">
        <v>22</v>
      </c>
      <c r="W960" s="10" t="s">
        <v>22</v>
      </c>
      <c r="X960" s="10" t="s">
        <v>22</v>
      </c>
      <c r="Y960" s="10" t="s">
        <v>22</v>
      </c>
      <c r="Z960" s="10" t="s">
        <v>22</v>
      </c>
    </row>
    <row r="961" spans="1:26" ht="24" customHeight="1" x14ac:dyDescent="0.2">
      <c r="A961" s="9" t="s">
        <v>18229</v>
      </c>
      <c r="B961" s="9" t="s">
        <v>14</v>
      </c>
      <c r="C961" s="9" t="s">
        <v>4553</v>
      </c>
      <c r="D961" s="6" t="s">
        <v>4554</v>
      </c>
      <c r="E961" s="22">
        <v>44109</v>
      </c>
      <c r="F961" s="22">
        <v>45934</v>
      </c>
      <c r="G961" s="6" t="s">
        <v>4555</v>
      </c>
      <c r="H961" s="6" t="s">
        <v>62</v>
      </c>
      <c r="I961" s="6" t="s">
        <v>73</v>
      </c>
      <c r="J961" s="6" t="s">
        <v>4556</v>
      </c>
      <c r="K961" s="9" t="s">
        <v>4557</v>
      </c>
      <c r="L961" s="10" t="s">
        <v>22</v>
      </c>
      <c r="M961" s="10" t="s">
        <v>22</v>
      </c>
      <c r="N961" s="10" t="s">
        <v>22</v>
      </c>
      <c r="O961" s="10" t="s">
        <v>22</v>
      </c>
      <c r="P961" s="10" t="s">
        <v>22</v>
      </c>
      <c r="Q961" s="10" t="s">
        <v>22</v>
      </c>
      <c r="R961" s="10" t="s">
        <v>22</v>
      </c>
      <c r="S961" s="10" t="s">
        <v>22</v>
      </c>
      <c r="T961" s="10" t="s">
        <v>22</v>
      </c>
      <c r="U961" s="10" t="s">
        <v>22</v>
      </c>
      <c r="V961" s="10" t="s">
        <v>22</v>
      </c>
      <c r="W961" s="10" t="s">
        <v>22</v>
      </c>
      <c r="X961" s="10" t="s">
        <v>22</v>
      </c>
      <c r="Y961" s="10" t="s">
        <v>22</v>
      </c>
      <c r="Z961" s="10" t="s">
        <v>22</v>
      </c>
    </row>
    <row r="962" spans="1:26" ht="24" customHeight="1" x14ac:dyDescent="0.2">
      <c r="A962" s="9" t="s">
        <v>18230</v>
      </c>
      <c r="B962" s="9" t="s">
        <v>14</v>
      </c>
      <c r="C962" s="9" t="s">
        <v>4558</v>
      </c>
      <c r="D962" s="6" t="s">
        <v>4559</v>
      </c>
      <c r="E962" s="22">
        <v>44109</v>
      </c>
      <c r="F962" s="22">
        <v>45934</v>
      </c>
      <c r="G962" s="6" t="s">
        <v>4560</v>
      </c>
      <c r="H962" s="6" t="s">
        <v>62</v>
      </c>
      <c r="I962" s="6" t="s">
        <v>352</v>
      </c>
      <c r="J962" s="6" t="s">
        <v>4561</v>
      </c>
      <c r="K962" s="9" t="s">
        <v>4562</v>
      </c>
      <c r="L962" s="10" t="s">
        <v>22</v>
      </c>
      <c r="M962" s="10" t="s">
        <v>22</v>
      </c>
      <c r="N962" s="10" t="s">
        <v>22</v>
      </c>
      <c r="O962" s="10" t="s">
        <v>22</v>
      </c>
      <c r="P962" s="10" t="s">
        <v>22</v>
      </c>
      <c r="Q962" s="10" t="s">
        <v>22</v>
      </c>
      <c r="R962" s="10" t="s">
        <v>22</v>
      </c>
      <c r="S962" s="10" t="s">
        <v>22</v>
      </c>
      <c r="T962" s="10" t="s">
        <v>22</v>
      </c>
      <c r="U962" s="10" t="s">
        <v>22</v>
      </c>
      <c r="V962" s="10" t="s">
        <v>22</v>
      </c>
      <c r="W962" s="10" t="s">
        <v>22</v>
      </c>
      <c r="X962" s="10" t="s">
        <v>22</v>
      </c>
      <c r="Y962" s="10" t="s">
        <v>22</v>
      </c>
      <c r="Z962" s="10" t="s">
        <v>22</v>
      </c>
    </row>
    <row r="963" spans="1:26" ht="24" customHeight="1" x14ac:dyDescent="0.2">
      <c r="A963" s="9" t="s">
        <v>18231</v>
      </c>
      <c r="B963" s="9" t="s">
        <v>14</v>
      </c>
      <c r="C963" s="9" t="s">
        <v>4563</v>
      </c>
      <c r="D963" s="6" t="s">
        <v>4564</v>
      </c>
      <c r="E963" s="22">
        <v>44136</v>
      </c>
      <c r="F963" s="22">
        <v>45961</v>
      </c>
      <c r="G963" s="6" t="s">
        <v>4565</v>
      </c>
      <c r="H963" s="6" t="s">
        <v>202</v>
      </c>
      <c r="I963" s="6" t="s">
        <v>3050</v>
      </c>
      <c r="J963" s="6" t="s">
        <v>4566</v>
      </c>
      <c r="K963" s="9" t="s">
        <v>4567</v>
      </c>
      <c r="L963" s="10" t="s">
        <v>22</v>
      </c>
      <c r="M963" s="10" t="s">
        <v>22</v>
      </c>
      <c r="N963" s="10" t="s">
        <v>22</v>
      </c>
      <c r="O963" s="10" t="s">
        <v>22</v>
      </c>
      <c r="P963" s="10" t="s">
        <v>22</v>
      </c>
      <c r="Q963" s="10" t="s">
        <v>22</v>
      </c>
      <c r="R963" s="10" t="s">
        <v>22</v>
      </c>
      <c r="S963" s="10" t="s">
        <v>22</v>
      </c>
      <c r="T963" s="10" t="s">
        <v>22</v>
      </c>
      <c r="U963" s="10" t="s">
        <v>22</v>
      </c>
      <c r="V963" s="10" t="s">
        <v>22</v>
      </c>
      <c r="W963" s="10" t="s">
        <v>22</v>
      </c>
      <c r="X963" s="10" t="s">
        <v>22</v>
      </c>
      <c r="Y963" s="10" t="s">
        <v>22</v>
      </c>
      <c r="Z963" s="10" t="s">
        <v>22</v>
      </c>
    </row>
    <row r="964" spans="1:26" ht="24" customHeight="1" x14ac:dyDescent="0.2">
      <c r="A964" s="9" t="s">
        <v>18232</v>
      </c>
      <c r="B964" s="9" t="s">
        <v>14</v>
      </c>
      <c r="C964" s="9" t="s">
        <v>4568</v>
      </c>
      <c r="D964" s="6" t="s">
        <v>4569</v>
      </c>
      <c r="E964" s="22">
        <v>45448</v>
      </c>
      <c r="F964" s="22">
        <v>47273</v>
      </c>
      <c r="G964" s="6" t="s">
        <v>4570</v>
      </c>
      <c r="H964" s="6" t="s">
        <v>62</v>
      </c>
      <c r="I964" s="6" t="s">
        <v>477</v>
      </c>
      <c r="J964" s="6" t="s">
        <v>4571</v>
      </c>
      <c r="K964" s="9" t="s">
        <v>4572</v>
      </c>
      <c r="L964" s="10" t="s">
        <v>22</v>
      </c>
      <c r="M964" s="10" t="s">
        <v>22</v>
      </c>
      <c r="N964" s="10" t="s">
        <v>22</v>
      </c>
      <c r="O964" s="10" t="s">
        <v>22</v>
      </c>
      <c r="P964" s="10" t="s">
        <v>22</v>
      </c>
      <c r="Q964" s="10" t="s">
        <v>22</v>
      </c>
      <c r="R964" s="10" t="s">
        <v>22</v>
      </c>
      <c r="S964" s="10" t="s">
        <v>22</v>
      </c>
      <c r="T964" s="10" t="s">
        <v>22</v>
      </c>
      <c r="U964" s="10" t="s">
        <v>22</v>
      </c>
      <c r="V964" s="10" t="s">
        <v>22</v>
      </c>
      <c r="W964" s="10" t="s">
        <v>22</v>
      </c>
      <c r="X964" s="10" t="s">
        <v>22</v>
      </c>
      <c r="Y964" s="10" t="s">
        <v>22</v>
      </c>
      <c r="Z964" s="10" t="s">
        <v>22</v>
      </c>
    </row>
    <row r="965" spans="1:26" ht="24" customHeight="1" x14ac:dyDescent="0.2">
      <c r="A965" s="9" t="s">
        <v>18233</v>
      </c>
      <c r="B965" s="9" t="s">
        <v>14</v>
      </c>
      <c r="C965" s="9" t="s">
        <v>4573</v>
      </c>
      <c r="D965" s="6" t="s">
        <v>4574</v>
      </c>
      <c r="E965" s="22">
        <v>44143</v>
      </c>
      <c r="F965" s="22">
        <v>45968</v>
      </c>
      <c r="G965" s="6" t="s">
        <v>4575</v>
      </c>
      <c r="H965" s="6" t="s">
        <v>62</v>
      </c>
      <c r="I965" s="6" t="s">
        <v>63</v>
      </c>
      <c r="J965" s="6" t="s">
        <v>4576</v>
      </c>
      <c r="K965" s="9" t="s">
        <v>4577</v>
      </c>
      <c r="L965" s="10" t="s">
        <v>22</v>
      </c>
      <c r="M965" s="10" t="s">
        <v>22</v>
      </c>
      <c r="N965" s="10" t="s">
        <v>22</v>
      </c>
      <c r="O965" s="10" t="s">
        <v>22</v>
      </c>
      <c r="P965" s="10" t="s">
        <v>22</v>
      </c>
      <c r="Q965" s="10" t="s">
        <v>22</v>
      </c>
      <c r="R965" s="10" t="s">
        <v>22</v>
      </c>
      <c r="S965" s="10" t="s">
        <v>22</v>
      </c>
      <c r="T965" s="10" t="s">
        <v>22</v>
      </c>
      <c r="U965" s="10" t="s">
        <v>22</v>
      </c>
      <c r="V965" s="10" t="s">
        <v>22</v>
      </c>
      <c r="W965" s="10" t="s">
        <v>22</v>
      </c>
      <c r="X965" s="10" t="s">
        <v>22</v>
      </c>
      <c r="Y965" s="10" t="s">
        <v>22</v>
      </c>
      <c r="Z965" s="10" t="s">
        <v>22</v>
      </c>
    </row>
    <row r="966" spans="1:26" ht="24" customHeight="1" x14ac:dyDescent="0.2">
      <c r="A966" s="9" t="s">
        <v>18234</v>
      </c>
      <c r="B966" s="9" t="s">
        <v>14</v>
      </c>
      <c r="C966" s="9" t="s">
        <v>4578</v>
      </c>
      <c r="D966" s="6" t="s">
        <v>4579</v>
      </c>
      <c r="E966" s="22">
        <v>44145</v>
      </c>
      <c r="F966" s="22">
        <v>45970</v>
      </c>
      <c r="G966" s="6" t="s">
        <v>4580</v>
      </c>
      <c r="H966" s="6" t="s">
        <v>18</v>
      </c>
      <c r="I966" s="6" t="s">
        <v>26</v>
      </c>
      <c r="J966" s="6" t="s">
        <v>4581</v>
      </c>
      <c r="K966" s="9" t="s">
        <v>4582</v>
      </c>
      <c r="L966" s="10" t="s">
        <v>22</v>
      </c>
      <c r="M966" s="10" t="s">
        <v>22</v>
      </c>
      <c r="N966" s="10" t="s">
        <v>22</v>
      </c>
      <c r="O966" s="10" t="s">
        <v>22</v>
      </c>
      <c r="P966" s="10" t="s">
        <v>22</v>
      </c>
      <c r="Q966" s="10" t="s">
        <v>22</v>
      </c>
      <c r="R966" s="10" t="s">
        <v>22</v>
      </c>
      <c r="S966" s="10" t="s">
        <v>22</v>
      </c>
      <c r="T966" s="10" t="s">
        <v>22</v>
      </c>
      <c r="U966" s="10" t="s">
        <v>22</v>
      </c>
      <c r="V966" s="10" t="s">
        <v>22</v>
      </c>
      <c r="W966" s="10" t="s">
        <v>22</v>
      </c>
      <c r="X966" s="10" t="s">
        <v>22</v>
      </c>
      <c r="Y966" s="10" t="s">
        <v>22</v>
      </c>
      <c r="Z966" s="10" t="s">
        <v>22</v>
      </c>
    </row>
    <row r="967" spans="1:26" ht="24" customHeight="1" x14ac:dyDescent="0.2">
      <c r="A967" s="9" t="s">
        <v>18235</v>
      </c>
      <c r="B967" s="9" t="s">
        <v>14</v>
      </c>
      <c r="C967" s="9" t="s">
        <v>4583</v>
      </c>
      <c r="D967" s="6" t="s">
        <v>4584</v>
      </c>
      <c r="E967" s="22">
        <v>44161</v>
      </c>
      <c r="F967" s="22">
        <v>45986</v>
      </c>
      <c r="G967" s="6" t="s">
        <v>4585</v>
      </c>
      <c r="H967" s="6" t="s">
        <v>62</v>
      </c>
      <c r="I967" s="6" t="s">
        <v>306</v>
      </c>
      <c r="J967" s="6" t="s">
        <v>4586</v>
      </c>
      <c r="K967" s="9" t="s">
        <v>4587</v>
      </c>
      <c r="L967" s="10" t="s">
        <v>22</v>
      </c>
      <c r="M967" s="10" t="s">
        <v>22</v>
      </c>
      <c r="N967" s="10" t="s">
        <v>22</v>
      </c>
      <c r="V967" s="10" t="s">
        <v>22</v>
      </c>
      <c r="W967" s="10" t="s">
        <v>22</v>
      </c>
    </row>
    <row r="968" spans="1:26" ht="24" customHeight="1" x14ac:dyDescent="0.2">
      <c r="A968" s="9" t="s">
        <v>18236</v>
      </c>
      <c r="B968" s="9" t="s">
        <v>14</v>
      </c>
      <c r="C968" s="9" t="s">
        <v>4588</v>
      </c>
      <c r="D968" s="6" t="s">
        <v>4589</v>
      </c>
      <c r="E968" s="22">
        <v>44165</v>
      </c>
      <c r="F968" s="22">
        <v>45990</v>
      </c>
      <c r="G968" s="6" t="s">
        <v>4590</v>
      </c>
      <c r="H968" s="6" t="s">
        <v>18</v>
      </c>
      <c r="I968" s="6" t="s">
        <v>19</v>
      </c>
      <c r="J968" s="6" t="s">
        <v>4591</v>
      </c>
      <c r="M968" s="10" t="s">
        <v>22</v>
      </c>
      <c r="N968" s="10" t="s">
        <v>22</v>
      </c>
      <c r="V968" s="10" t="s">
        <v>22</v>
      </c>
      <c r="W968" s="10" t="s">
        <v>22</v>
      </c>
    </row>
    <row r="969" spans="1:26" ht="24" customHeight="1" x14ac:dyDescent="0.2">
      <c r="A969" s="9" t="s">
        <v>18237</v>
      </c>
      <c r="B969" s="9" t="s">
        <v>14</v>
      </c>
      <c r="C969" s="9" t="s">
        <v>4592</v>
      </c>
      <c r="D969" s="6" t="s">
        <v>4593</v>
      </c>
      <c r="E969" s="22">
        <v>44173</v>
      </c>
      <c r="F969" s="22">
        <v>45998</v>
      </c>
      <c r="G969" s="6" t="s">
        <v>4594</v>
      </c>
      <c r="H969" s="6" t="s">
        <v>202</v>
      </c>
      <c r="I969" s="6" t="s">
        <v>863</v>
      </c>
      <c r="J969" s="6" t="s">
        <v>4595</v>
      </c>
      <c r="K969" s="9" t="s">
        <v>4596</v>
      </c>
      <c r="L969" s="10" t="s">
        <v>22</v>
      </c>
      <c r="M969" s="10" t="s">
        <v>22</v>
      </c>
      <c r="N969" s="10" t="s">
        <v>22</v>
      </c>
      <c r="O969" s="10" t="s">
        <v>22</v>
      </c>
      <c r="P969" s="10" t="s">
        <v>22</v>
      </c>
      <c r="Q969" s="10" t="s">
        <v>22</v>
      </c>
      <c r="R969" s="10" t="s">
        <v>22</v>
      </c>
      <c r="S969" s="10" t="s">
        <v>22</v>
      </c>
      <c r="T969" s="10" t="s">
        <v>22</v>
      </c>
      <c r="U969" s="10" t="s">
        <v>22</v>
      </c>
      <c r="V969" s="10" t="s">
        <v>22</v>
      </c>
      <c r="W969" s="10" t="s">
        <v>22</v>
      </c>
      <c r="X969" s="10" t="s">
        <v>22</v>
      </c>
      <c r="Y969" s="10" t="s">
        <v>22</v>
      </c>
      <c r="Z969" s="10" t="s">
        <v>22</v>
      </c>
    </row>
    <row r="970" spans="1:26" ht="24" customHeight="1" x14ac:dyDescent="0.2">
      <c r="A970" s="9" t="s">
        <v>18238</v>
      </c>
      <c r="B970" s="9" t="s">
        <v>14</v>
      </c>
      <c r="C970" s="9" t="s">
        <v>4597</v>
      </c>
      <c r="D970" s="6" t="s">
        <v>4598</v>
      </c>
      <c r="E970" s="22">
        <v>44175</v>
      </c>
      <c r="F970" s="22">
        <v>46000</v>
      </c>
      <c r="G970" s="6" t="s">
        <v>4599</v>
      </c>
      <c r="H970" s="6" t="s">
        <v>18</v>
      </c>
      <c r="I970" s="6" t="s">
        <v>19</v>
      </c>
      <c r="J970" s="6" t="s">
        <v>4600</v>
      </c>
      <c r="K970" s="9" t="s">
        <v>4601</v>
      </c>
      <c r="L970" s="10" t="s">
        <v>22</v>
      </c>
      <c r="M970" s="10" t="s">
        <v>22</v>
      </c>
      <c r="N970" s="10" t="s">
        <v>22</v>
      </c>
      <c r="O970" s="10" t="s">
        <v>22</v>
      </c>
      <c r="P970" s="10" t="s">
        <v>22</v>
      </c>
      <c r="Q970" s="10" t="s">
        <v>22</v>
      </c>
      <c r="U970" s="10" t="s">
        <v>22</v>
      </c>
      <c r="V970" s="10" t="s">
        <v>22</v>
      </c>
      <c r="W970" s="10" t="s">
        <v>22</v>
      </c>
      <c r="X970" s="10" t="s">
        <v>22</v>
      </c>
      <c r="Y970" s="10" t="s">
        <v>22</v>
      </c>
      <c r="Z970" s="10" t="s">
        <v>22</v>
      </c>
    </row>
    <row r="971" spans="1:26" ht="24" customHeight="1" x14ac:dyDescent="0.2">
      <c r="A971" s="9" t="s">
        <v>18239</v>
      </c>
      <c r="B971" s="9" t="s">
        <v>14</v>
      </c>
      <c r="C971" s="9" t="s">
        <v>4602</v>
      </c>
      <c r="D971" s="6" t="s">
        <v>4603</v>
      </c>
      <c r="E971" s="22">
        <v>44179</v>
      </c>
      <c r="F971" s="22">
        <v>46004</v>
      </c>
      <c r="G971" s="6" t="s">
        <v>4604</v>
      </c>
      <c r="H971" s="6" t="s">
        <v>202</v>
      </c>
      <c r="I971" s="6" t="s">
        <v>954</v>
      </c>
      <c r="J971" s="6" t="s">
        <v>4605</v>
      </c>
      <c r="K971" s="9" t="s">
        <v>4606</v>
      </c>
      <c r="L971" s="10" t="s">
        <v>22</v>
      </c>
      <c r="M971" s="10" t="s">
        <v>22</v>
      </c>
      <c r="N971" s="10" t="s">
        <v>22</v>
      </c>
      <c r="O971" s="10" t="s">
        <v>22</v>
      </c>
      <c r="P971" s="10" t="s">
        <v>22</v>
      </c>
      <c r="Q971" s="10" t="s">
        <v>22</v>
      </c>
      <c r="R971" s="10" t="s">
        <v>22</v>
      </c>
      <c r="S971" s="10" t="s">
        <v>22</v>
      </c>
      <c r="T971" s="10" t="s">
        <v>22</v>
      </c>
      <c r="U971" s="10" t="s">
        <v>22</v>
      </c>
      <c r="V971" s="10" t="s">
        <v>22</v>
      </c>
      <c r="W971" s="10" t="s">
        <v>22</v>
      </c>
      <c r="X971" s="10" t="s">
        <v>22</v>
      </c>
      <c r="Y971" s="10" t="s">
        <v>22</v>
      </c>
      <c r="Z971" s="10" t="s">
        <v>22</v>
      </c>
    </row>
    <row r="972" spans="1:26" ht="24" customHeight="1" x14ac:dyDescent="0.2">
      <c r="A972" s="9" t="s">
        <v>18240</v>
      </c>
      <c r="B972" s="9" t="s">
        <v>14</v>
      </c>
      <c r="C972" s="9" t="s">
        <v>4607</v>
      </c>
      <c r="D972" s="6" t="s">
        <v>4608</v>
      </c>
      <c r="E972" s="22">
        <v>44187</v>
      </c>
      <c r="F972" s="22">
        <v>46012</v>
      </c>
      <c r="G972" s="6" t="s">
        <v>4609</v>
      </c>
      <c r="H972" s="6" t="s">
        <v>62</v>
      </c>
      <c r="I972" s="6" t="s">
        <v>435</v>
      </c>
      <c r="J972" s="6" t="s">
        <v>4610</v>
      </c>
      <c r="K972" s="9" t="s">
        <v>4611</v>
      </c>
      <c r="L972" s="10" t="s">
        <v>22</v>
      </c>
      <c r="M972" s="10" t="s">
        <v>22</v>
      </c>
      <c r="N972" s="10" t="s">
        <v>22</v>
      </c>
      <c r="O972" s="10" t="s">
        <v>22</v>
      </c>
      <c r="P972" s="10" t="s">
        <v>22</v>
      </c>
      <c r="Q972" s="10" t="s">
        <v>22</v>
      </c>
      <c r="R972" s="10" t="s">
        <v>22</v>
      </c>
      <c r="S972" s="10" t="s">
        <v>22</v>
      </c>
      <c r="T972" s="10" t="s">
        <v>22</v>
      </c>
    </row>
    <row r="973" spans="1:26" ht="24" customHeight="1" x14ac:dyDescent="0.2">
      <c r="A973" s="9" t="s">
        <v>18241</v>
      </c>
      <c r="B973" s="9" t="s">
        <v>14</v>
      </c>
      <c r="C973" s="9" t="s">
        <v>4612</v>
      </c>
      <c r="D973" s="6" t="s">
        <v>4613</v>
      </c>
      <c r="E973" s="22">
        <v>44208</v>
      </c>
      <c r="F973" s="22">
        <v>46033</v>
      </c>
      <c r="G973" s="6" t="s">
        <v>4614</v>
      </c>
      <c r="H973" s="6" t="s">
        <v>202</v>
      </c>
      <c r="I973" s="6" t="s">
        <v>873</v>
      </c>
      <c r="J973" s="6" t="s">
        <v>4615</v>
      </c>
      <c r="K973" s="9" t="s">
        <v>4616</v>
      </c>
      <c r="L973" s="10" t="s">
        <v>22</v>
      </c>
      <c r="M973" s="10" t="s">
        <v>22</v>
      </c>
      <c r="N973" s="10" t="s">
        <v>22</v>
      </c>
      <c r="O973" s="10" t="s">
        <v>22</v>
      </c>
      <c r="P973" s="10" t="s">
        <v>22</v>
      </c>
      <c r="Q973" s="10" t="s">
        <v>22</v>
      </c>
      <c r="R973" s="10" t="s">
        <v>22</v>
      </c>
      <c r="S973" s="10" t="s">
        <v>22</v>
      </c>
      <c r="T973" s="10" t="s">
        <v>22</v>
      </c>
      <c r="U973" s="10" t="s">
        <v>22</v>
      </c>
      <c r="V973" s="10" t="s">
        <v>22</v>
      </c>
      <c r="W973" s="10" t="s">
        <v>22</v>
      </c>
      <c r="X973" s="10" t="s">
        <v>22</v>
      </c>
      <c r="Y973" s="10" t="s">
        <v>22</v>
      </c>
      <c r="Z973" s="10" t="s">
        <v>22</v>
      </c>
    </row>
    <row r="974" spans="1:26" ht="24" customHeight="1" x14ac:dyDescent="0.2">
      <c r="A974" s="9" t="s">
        <v>18242</v>
      </c>
      <c r="B974" s="9" t="s">
        <v>14</v>
      </c>
      <c r="C974" s="9" t="s">
        <v>4617</v>
      </c>
      <c r="D974" s="6" t="s">
        <v>4618</v>
      </c>
      <c r="E974" s="22">
        <v>44209</v>
      </c>
      <c r="F974" s="22">
        <v>46034</v>
      </c>
      <c r="G974" s="6" t="s">
        <v>4619</v>
      </c>
      <c r="H974" s="6" t="s">
        <v>18</v>
      </c>
      <c r="I974" s="6" t="s">
        <v>19</v>
      </c>
      <c r="J974" s="6" t="s">
        <v>4620</v>
      </c>
      <c r="K974" s="9" t="s">
        <v>4621</v>
      </c>
      <c r="L974" s="10" t="s">
        <v>22</v>
      </c>
      <c r="M974" s="10" t="s">
        <v>22</v>
      </c>
      <c r="N974" s="10" t="s">
        <v>22</v>
      </c>
      <c r="O974" s="10" t="s">
        <v>22</v>
      </c>
      <c r="P974" s="10" t="s">
        <v>22</v>
      </c>
      <c r="Q974" s="10" t="s">
        <v>22</v>
      </c>
      <c r="R974" s="10" t="s">
        <v>22</v>
      </c>
      <c r="S974" s="10" t="s">
        <v>22</v>
      </c>
      <c r="T974" s="10" t="s">
        <v>22</v>
      </c>
      <c r="U974" s="10" t="s">
        <v>22</v>
      </c>
      <c r="V974" s="10" t="s">
        <v>22</v>
      </c>
      <c r="W974" s="10" t="s">
        <v>22</v>
      </c>
      <c r="X974" s="10" t="s">
        <v>22</v>
      </c>
      <c r="Y974" s="10" t="s">
        <v>22</v>
      </c>
      <c r="Z974" s="10" t="s">
        <v>22</v>
      </c>
    </row>
    <row r="975" spans="1:26" ht="24" customHeight="1" x14ac:dyDescent="0.2">
      <c r="A975" s="9" t="s">
        <v>18243</v>
      </c>
      <c r="B975" s="9" t="s">
        <v>14</v>
      </c>
      <c r="C975" s="9" t="s">
        <v>4622</v>
      </c>
      <c r="D975" s="6" t="s">
        <v>4623</v>
      </c>
      <c r="E975" s="22">
        <v>44213</v>
      </c>
      <c r="F975" s="22">
        <v>46038</v>
      </c>
      <c r="G975" s="6" t="s">
        <v>4624</v>
      </c>
      <c r="H975" s="6" t="s">
        <v>62</v>
      </c>
      <c r="I975" s="6" t="s">
        <v>318</v>
      </c>
      <c r="J975" s="6" t="s">
        <v>4625</v>
      </c>
      <c r="K975" s="9" t="s">
        <v>4626</v>
      </c>
      <c r="L975" s="10" t="s">
        <v>22</v>
      </c>
      <c r="M975" s="10" t="s">
        <v>22</v>
      </c>
      <c r="N975" s="10" t="s">
        <v>22</v>
      </c>
      <c r="O975" s="10" t="s">
        <v>22</v>
      </c>
      <c r="P975" s="10" t="s">
        <v>22</v>
      </c>
      <c r="Q975" s="10" t="s">
        <v>22</v>
      </c>
      <c r="R975" s="10" t="s">
        <v>22</v>
      </c>
      <c r="S975" s="10" t="s">
        <v>22</v>
      </c>
      <c r="T975" s="10" t="s">
        <v>22</v>
      </c>
      <c r="U975" s="10" t="s">
        <v>22</v>
      </c>
      <c r="V975" s="10" t="s">
        <v>22</v>
      </c>
      <c r="W975" s="10" t="s">
        <v>22</v>
      </c>
      <c r="X975" s="10" t="s">
        <v>22</v>
      </c>
      <c r="Y975" s="10" t="s">
        <v>22</v>
      </c>
      <c r="Z975" s="10" t="s">
        <v>22</v>
      </c>
    </row>
    <row r="976" spans="1:26" ht="24" customHeight="1" x14ac:dyDescent="0.2">
      <c r="A976" s="9" t="s">
        <v>18244</v>
      </c>
      <c r="B976" s="9" t="s">
        <v>14</v>
      </c>
      <c r="C976" s="9" t="s">
        <v>4627</v>
      </c>
      <c r="D976" s="6" t="s">
        <v>4628</v>
      </c>
      <c r="E976" s="22">
        <v>44231</v>
      </c>
      <c r="F976" s="22">
        <v>46056</v>
      </c>
      <c r="G976" s="6" t="s">
        <v>4629</v>
      </c>
      <c r="H976" s="6" t="s">
        <v>62</v>
      </c>
      <c r="I976" s="6" t="s">
        <v>994</v>
      </c>
      <c r="J976" s="6" t="s">
        <v>4630</v>
      </c>
      <c r="K976" s="9" t="s">
        <v>4631</v>
      </c>
      <c r="L976" s="10" t="s">
        <v>22</v>
      </c>
      <c r="M976" s="10" t="s">
        <v>22</v>
      </c>
      <c r="N976" s="10" t="s">
        <v>22</v>
      </c>
      <c r="O976" s="10" t="s">
        <v>22</v>
      </c>
      <c r="P976" s="10" t="s">
        <v>22</v>
      </c>
      <c r="Q976" s="10" t="s">
        <v>22</v>
      </c>
      <c r="R976" s="10" t="s">
        <v>22</v>
      </c>
      <c r="S976" s="10" t="s">
        <v>22</v>
      </c>
      <c r="T976" s="10" t="s">
        <v>22</v>
      </c>
      <c r="U976" s="10" t="s">
        <v>22</v>
      </c>
      <c r="V976" s="10" t="s">
        <v>22</v>
      </c>
      <c r="W976" s="10" t="s">
        <v>22</v>
      </c>
      <c r="X976" s="10" t="s">
        <v>22</v>
      </c>
      <c r="Y976" s="10" t="s">
        <v>22</v>
      </c>
      <c r="Z976" s="10" t="s">
        <v>22</v>
      </c>
    </row>
    <row r="977" spans="1:26" ht="24" customHeight="1" x14ac:dyDescent="0.2">
      <c r="A977" s="9" t="s">
        <v>18245</v>
      </c>
      <c r="B977" s="9" t="s">
        <v>14</v>
      </c>
      <c r="C977" s="9" t="s">
        <v>4632</v>
      </c>
      <c r="D977" s="6" t="s">
        <v>4633</v>
      </c>
      <c r="E977" s="22">
        <v>44235</v>
      </c>
      <c r="F977" s="22">
        <v>46060</v>
      </c>
      <c r="G977" s="6" t="s">
        <v>4634</v>
      </c>
      <c r="H977" s="6" t="s">
        <v>62</v>
      </c>
      <c r="I977" s="6" t="s">
        <v>842</v>
      </c>
      <c r="J977" s="6" t="s">
        <v>4635</v>
      </c>
      <c r="K977" s="9" t="s">
        <v>4636</v>
      </c>
      <c r="L977" s="10" t="s">
        <v>22</v>
      </c>
      <c r="M977" s="10" t="s">
        <v>22</v>
      </c>
      <c r="N977" s="10" t="s">
        <v>22</v>
      </c>
      <c r="O977" s="10" t="s">
        <v>22</v>
      </c>
      <c r="P977" s="10" t="s">
        <v>22</v>
      </c>
      <c r="Q977" s="10" t="s">
        <v>22</v>
      </c>
      <c r="R977" s="10" t="s">
        <v>22</v>
      </c>
      <c r="S977" s="10" t="s">
        <v>22</v>
      </c>
      <c r="T977" s="10" t="s">
        <v>22</v>
      </c>
      <c r="U977" s="10" t="s">
        <v>22</v>
      </c>
      <c r="V977" s="10" t="s">
        <v>22</v>
      </c>
      <c r="W977" s="10" t="s">
        <v>22</v>
      </c>
      <c r="X977" s="10" t="s">
        <v>22</v>
      </c>
      <c r="Y977" s="10" t="s">
        <v>22</v>
      </c>
      <c r="Z977" s="10" t="s">
        <v>22</v>
      </c>
    </row>
    <row r="978" spans="1:26" ht="24" customHeight="1" x14ac:dyDescent="0.2">
      <c r="A978" s="9" t="s">
        <v>18246</v>
      </c>
      <c r="B978" s="9" t="s">
        <v>14</v>
      </c>
      <c r="C978" s="9" t="s">
        <v>4637</v>
      </c>
      <c r="D978" s="6" t="s">
        <v>4638</v>
      </c>
      <c r="E978" s="22">
        <v>44248</v>
      </c>
      <c r="F978" s="22">
        <v>46073</v>
      </c>
      <c r="G978" s="6" t="s">
        <v>4639</v>
      </c>
      <c r="H978" s="6" t="s">
        <v>202</v>
      </c>
      <c r="I978" s="6" t="s">
        <v>3154</v>
      </c>
      <c r="J978" s="6" t="s">
        <v>4640</v>
      </c>
      <c r="L978" s="10" t="s">
        <v>22</v>
      </c>
      <c r="M978" s="10" t="s">
        <v>22</v>
      </c>
      <c r="N978" s="10" t="s">
        <v>22</v>
      </c>
      <c r="O978" s="10" t="s">
        <v>22</v>
      </c>
      <c r="P978" s="10" t="s">
        <v>22</v>
      </c>
      <c r="Q978" s="10" t="s">
        <v>22</v>
      </c>
      <c r="U978" s="10" t="s">
        <v>22</v>
      </c>
      <c r="V978" s="10" t="s">
        <v>22</v>
      </c>
      <c r="W978" s="10" t="s">
        <v>22</v>
      </c>
      <c r="X978" s="10" t="s">
        <v>22</v>
      </c>
      <c r="Y978" s="10" t="s">
        <v>22</v>
      </c>
      <c r="Z978" s="10" t="s">
        <v>22</v>
      </c>
    </row>
    <row r="979" spans="1:26" ht="24" customHeight="1" x14ac:dyDescent="0.2">
      <c r="A979" s="9" t="s">
        <v>18247</v>
      </c>
      <c r="B979" s="9" t="s">
        <v>14</v>
      </c>
      <c r="C979" s="9" t="s">
        <v>4641</v>
      </c>
      <c r="D979" s="6" t="s">
        <v>4642</v>
      </c>
      <c r="E979" s="22">
        <v>44248</v>
      </c>
      <c r="F979" s="22">
        <v>46073</v>
      </c>
      <c r="G979" s="6" t="s">
        <v>4643</v>
      </c>
      <c r="H979" s="6" t="s">
        <v>18</v>
      </c>
      <c r="I979" s="6" t="s">
        <v>19</v>
      </c>
      <c r="J979" s="6" t="s">
        <v>4644</v>
      </c>
      <c r="K979" s="9" t="s">
        <v>4645</v>
      </c>
      <c r="L979" s="10" t="s">
        <v>22</v>
      </c>
      <c r="M979" s="10" t="s">
        <v>22</v>
      </c>
      <c r="N979" s="10" t="s">
        <v>22</v>
      </c>
      <c r="O979" s="10" t="s">
        <v>22</v>
      </c>
      <c r="P979" s="10" t="s">
        <v>22</v>
      </c>
      <c r="Q979" s="10" t="s">
        <v>22</v>
      </c>
      <c r="R979" s="10" t="s">
        <v>22</v>
      </c>
      <c r="S979" s="10" t="s">
        <v>22</v>
      </c>
      <c r="T979" s="10" t="s">
        <v>22</v>
      </c>
      <c r="U979" s="10" t="s">
        <v>22</v>
      </c>
      <c r="V979" s="10" t="s">
        <v>22</v>
      </c>
      <c r="W979" s="10" t="s">
        <v>22</v>
      </c>
      <c r="X979" s="10" t="s">
        <v>22</v>
      </c>
      <c r="Y979" s="10" t="s">
        <v>22</v>
      </c>
      <c r="Z979" s="10" t="s">
        <v>22</v>
      </c>
    </row>
    <row r="980" spans="1:26" ht="24" customHeight="1" x14ac:dyDescent="0.2">
      <c r="A980" s="9" t="s">
        <v>18248</v>
      </c>
      <c r="B980" s="9" t="s">
        <v>14</v>
      </c>
      <c r="C980" s="9" t="s">
        <v>4646</v>
      </c>
      <c r="D980" s="6" t="s">
        <v>4647</v>
      </c>
      <c r="E980" s="22">
        <v>44271</v>
      </c>
      <c r="F980" s="22">
        <v>46096</v>
      </c>
      <c r="G980" s="6" t="s">
        <v>4648</v>
      </c>
      <c r="H980" s="6" t="s">
        <v>62</v>
      </c>
      <c r="I980" s="6" t="s">
        <v>290</v>
      </c>
      <c r="J980" s="6" t="s">
        <v>4649</v>
      </c>
      <c r="K980" s="9" t="s">
        <v>4650</v>
      </c>
      <c r="L980" s="10" t="s">
        <v>22</v>
      </c>
      <c r="M980" s="10" t="s">
        <v>22</v>
      </c>
      <c r="N980" s="10" t="s">
        <v>22</v>
      </c>
      <c r="O980" s="10" t="s">
        <v>22</v>
      </c>
      <c r="P980" s="10" t="s">
        <v>22</v>
      </c>
      <c r="Q980" s="10" t="s">
        <v>22</v>
      </c>
      <c r="U980" s="10" t="s">
        <v>22</v>
      </c>
      <c r="V980" s="10" t="s">
        <v>22</v>
      </c>
      <c r="W980" s="10" t="s">
        <v>22</v>
      </c>
      <c r="X980" s="10" t="s">
        <v>22</v>
      </c>
      <c r="Y980" s="10" t="s">
        <v>22</v>
      </c>
      <c r="Z980" s="10" t="s">
        <v>22</v>
      </c>
    </row>
    <row r="981" spans="1:26" ht="24" customHeight="1" x14ac:dyDescent="0.2">
      <c r="A981" s="9" t="s">
        <v>18249</v>
      </c>
      <c r="B981" s="9" t="s">
        <v>14</v>
      </c>
      <c r="C981" s="9" t="s">
        <v>4651</v>
      </c>
      <c r="D981" s="6" t="s">
        <v>4652</v>
      </c>
      <c r="E981" s="22">
        <v>44272</v>
      </c>
      <c r="F981" s="22">
        <v>46097</v>
      </c>
      <c r="G981" s="6" t="s">
        <v>4653</v>
      </c>
      <c r="H981" s="6" t="s">
        <v>202</v>
      </c>
      <c r="I981" s="6" t="s">
        <v>873</v>
      </c>
      <c r="J981" s="6" t="s">
        <v>4654</v>
      </c>
      <c r="K981" s="9" t="s">
        <v>4655</v>
      </c>
      <c r="L981" s="10" t="s">
        <v>22</v>
      </c>
      <c r="M981" s="10" t="s">
        <v>22</v>
      </c>
      <c r="N981" s="10" t="s">
        <v>22</v>
      </c>
      <c r="O981" s="10" t="s">
        <v>22</v>
      </c>
      <c r="P981" s="10" t="s">
        <v>22</v>
      </c>
      <c r="Q981" s="10" t="s">
        <v>22</v>
      </c>
      <c r="R981" s="10" t="s">
        <v>22</v>
      </c>
      <c r="S981" s="10" t="s">
        <v>22</v>
      </c>
      <c r="T981" s="10" t="s">
        <v>22</v>
      </c>
    </row>
    <row r="982" spans="1:26" ht="24" customHeight="1" x14ac:dyDescent="0.2">
      <c r="A982" s="9" t="s">
        <v>18250</v>
      </c>
      <c r="B982" s="9" t="s">
        <v>14</v>
      </c>
      <c r="C982" s="9" t="s">
        <v>4656</v>
      </c>
      <c r="D982" s="6" t="s">
        <v>4657</v>
      </c>
      <c r="E982" s="22">
        <v>44272</v>
      </c>
      <c r="F982" s="22">
        <v>46097</v>
      </c>
      <c r="G982" s="6" t="s">
        <v>4658</v>
      </c>
      <c r="H982" s="6" t="s">
        <v>18</v>
      </c>
      <c r="I982" s="6" t="s">
        <v>19</v>
      </c>
      <c r="J982" s="6" t="s">
        <v>4659</v>
      </c>
      <c r="L982" s="10" t="s">
        <v>22</v>
      </c>
      <c r="M982" s="10" t="s">
        <v>22</v>
      </c>
      <c r="N982" s="10" t="s">
        <v>22</v>
      </c>
      <c r="O982" s="10" t="s">
        <v>22</v>
      </c>
      <c r="P982" s="10" t="s">
        <v>22</v>
      </c>
      <c r="Q982" s="10" t="s">
        <v>22</v>
      </c>
      <c r="R982" s="10" t="s">
        <v>22</v>
      </c>
      <c r="S982" s="10" t="s">
        <v>22</v>
      </c>
      <c r="T982" s="10" t="s">
        <v>22</v>
      </c>
      <c r="U982" s="10" t="s">
        <v>22</v>
      </c>
      <c r="V982" s="10" t="s">
        <v>22</v>
      </c>
      <c r="W982" s="10" t="s">
        <v>22</v>
      </c>
      <c r="X982" s="10" t="s">
        <v>22</v>
      </c>
      <c r="Y982" s="10" t="s">
        <v>22</v>
      </c>
      <c r="Z982" s="10" t="s">
        <v>22</v>
      </c>
    </row>
    <row r="983" spans="1:26" ht="24" customHeight="1" x14ac:dyDescent="0.2">
      <c r="A983" s="9" t="s">
        <v>18251</v>
      </c>
      <c r="B983" s="9" t="s">
        <v>14</v>
      </c>
      <c r="C983" s="9" t="s">
        <v>4660</v>
      </c>
      <c r="D983" s="6" t="s">
        <v>4661</v>
      </c>
      <c r="E983" s="22">
        <v>44273</v>
      </c>
      <c r="F983" s="22">
        <v>46098</v>
      </c>
      <c r="G983" s="6" t="s">
        <v>4662</v>
      </c>
      <c r="H983" s="6" t="s">
        <v>202</v>
      </c>
      <c r="I983" s="6" t="s">
        <v>863</v>
      </c>
      <c r="J983" s="6" t="s">
        <v>4663</v>
      </c>
      <c r="L983" s="10" t="s">
        <v>22</v>
      </c>
      <c r="M983" s="10" t="s">
        <v>22</v>
      </c>
      <c r="N983" s="10" t="s">
        <v>22</v>
      </c>
      <c r="O983" s="10" t="s">
        <v>22</v>
      </c>
      <c r="P983" s="10" t="s">
        <v>22</v>
      </c>
      <c r="Q983" s="10" t="s">
        <v>22</v>
      </c>
      <c r="R983" s="10" t="s">
        <v>22</v>
      </c>
      <c r="S983" s="10" t="s">
        <v>22</v>
      </c>
      <c r="T983" s="10" t="s">
        <v>22</v>
      </c>
      <c r="U983" s="10" t="s">
        <v>22</v>
      </c>
      <c r="V983" s="10" t="s">
        <v>22</v>
      </c>
      <c r="W983" s="10" t="s">
        <v>22</v>
      </c>
      <c r="X983" s="10" t="s">
        <v>22</v>
      </c>
      <c r="Y983" s="10" t="s">
        <v>22</v>
      </c>
      <c r="Z983" s="10" t="s">
        <v>22</v>
      </c>
    </row>
    <row r="984" spans="1:26" ht="24" customHeight="1" x14ac:dyDescent="0.2">
      <c r="A984" s="9" t="s">
        <v>18252</v>
      </c>
      <c r="B984" s="9" t="s">
        <v>14</v>
      </c>
      <c r="C984" s="9" t="s">
        <v>4664</v>
      </c>
      <c r="D984" s="6" t="s">
        <v>4665</v>
      </c>
      <c r="E984" s="22">
        <v>44286</v>
      </c>
      <c r="F984" s="22">
        <v>46111</v>
      </c>
      <c r="G984" s="6" t="s">
        <v>4666</v>
      </c>
      <c r="H984" s="6" t="s">
        <v>4667</v>
      </c>
      <c r="I984" s="6" t="s">
        <v>4668</v>
      </c>
      <c r="J984" s="6" t="s">
        <v>4669</v>
      </c>
      <c r="K984" s="9" t="s">
        <v>4670</v>
      </c>
      <c r="L984" s="10" t="s">
        <v>22</v>
      </c>
      <c r="M984" s="10" t="s">
        <v>22</v>
      </c>
      <c r="N984" s="10" t="s">
        <v>22</v>
      </c>
      <c r="O984" s="10" t="s">
        <v>22</v>
      </c>
      <c r="P984" s="10" t="s">
        <v>22</v>
      </c>
      <c r="Q984" s="10" t="s">
        <v>22</v>
      </c>
      <c r="R984" s="10" t="s">
        <v>22</v>
      </c>
      <c r="S984" s="10" t="s">
        <v>22</v>
      </c>
      <c r="T984" s="10" t="s">
        <v>22</v>
      </c>
      <c r="U984" s="10" t="s">
        <v>22</v>
      </c>
      <c r="V984" s="10" t="s">
        <v>22</v>
      </c>
      <c r="W984" s="10" t="s">
        <v>22</v>
      </c>
      <c r="X984" s="10" t="s">
        <v>22</v>
      </c>
      <c r="Y984" s="10" t="s">
        <v>22</v>
      </c>
      <c r="Z984" s="10" t="s">
        <v>22</v>
      </c>
    </row>
    <row r="985" spans="1:26" ht="24" customHeight="1" x14ac:dyDescent="0.2">
      <c r="A985" s="9" t="s">
        <v>18253</v>
      </c>
      <c r="B985" s="9" t="s">
        <v>14</v>
      </c>
      <c r="C985" s="9" t="s">
        <v>4671</v>
      </c>
      <c r="D985" s="6" t="s">
        <v>4672</v>
      </c>
      <c r="E985" s="22">
        <v>44286</v>
      </c>
      <c r="F985" s="22">
        <v>46111</v>
      </c>
      <c r="G985" s="6" t="s">
        <v>4673</v>
      </c>
      <c r="H985" s="6" t="s">
        <v>202</v>
      </c>
      <c r="I985" s="6" t="s">
        <v>2992</v>
      </c>
      <c r="J985" s="6" t="s">
        <v>4674</v>
      </c>
      <c r="K985" s="9" t="s">
        <v>4675</v>
      </c>
      <c r="L985" s="10" t="s">
        <v>22</v>
      </c>
      <c r="M985" s="10" t="s">
        <v>22</v>
      </c>
      <c r="N985" s="10" t="s">
        <v>22</v>
      </c>
      <c r="O985" s="10" t="s">
        <v>22</v>
      </c>
      <c r="P985" s="10" t="s">
        <v>22</v>
      </c>
      <c r="Q985" s="10" t="s">
        <v>22</v>
      </c>
      <c r="R985" s="10" t="s">
        <v>22</v>
      </c>
      <c r="S985" s="10" t="s">
        <v>22</v>
      </c>
      <c r="T985" s="10" t="s">
        <v>22</v>
      </c>
      <c r="U985" s="10" t="s">
        <v>22</v>
      </c>
      <c r="V985" s="10" t="s">
        <v>22</v>
      </c>
      <c r="W985" s="10" t="s">
        <v>22</v>
      </c>
      <c r="X985" s="10" t="s">
        <v>22</v>
      </c>
      <c r="Y985" s="10" t="s">
        <v>22</v>
      </c>
      <c r="Z985" s="10" t="s">
        <v>22</v>
      </c>
    </row>
    <row r="986" spans="1:26" ht="24" customHeight="1" x14ac:dyDescent="0.2">
      <c r="A986" s="9" t="s">
        <v>18254</v>
      </c>
      <c r="B986" s="9" t="s">
        <v>14</v>
      </c>
      <c r="C986" s="9" t="s">
        <v>4676</v>
      </c>
      <c r="D986" s="6" t="s">
        <v>4677</v>
      </c>
      <c r="E986" s="22">
        <v>44307</v>
      </c>
      <c r="F986" s="22">
        <v>46132</v>
      </c>
      <c r="G986" s="6" t="s">
        <v>4678</v>
      </c>
      <c r="H986" s="6" t="s">
        <v>62</v>
      </c>
      <c r="I986" s="6" t="s">
        <v>1955</v>
      </c>
      <c r="J986" s="6" t="s">
        <v>4679</v>
      </c>
      <c r="K986" s="9" t="s">
        <v>4680</v>
      </c>
      <c r="L986" s="10" t="s">
        <v>22</v>
      </c>
      <c r="M986" s="10" t="s">
        <v>22</v>
      </c>
      <c r="N986" s="10" t="s">
        <v>22</v>
      </c>
      <c r="O986" s="10" t="s">
        <v>22</v>
      </c>
      <c r="P986" s="10" t="s">
        <v>22</v>
      </c>
      <c r="Q986" s="10" t="s">
        <v>22</v>
      </c>
      <c r="R986" s="10" t="s">
        <v>22</v>
      </c>
      <c r="S986" s="10" t="s">
        <v>22</v>
      </c>
      <c r="T986" s="10" t="s">
        <v>22</v>
      </c>
      <c r="U986" s="10" t="s">
        <v>22</v>
      </c>
      <c r="V986" s="10" t="s">
        <v>22</v>
      </c>
      <c r="W986" s="10" t="s">
        <v>22</v>
      </c>
      <c r="X986" s="10" t="s">
        <v>22</v>
      </c>
      <c r="Y986" s="10" t="s">
        <v>22</v>
      </c>
      <c r="Z986" s="10" t="s">
        <v>22</v>
      </c>
    </row>
    <row r="987" spans="1:26" ht="24" customHeight="1" x14ac:dyDescent="0.2">
      <c r="A987" s="9" t="s">
        <v>18255</v>
      </c>
      <c r="B987" s="9" t="s">
        <v>14</v>
      </c>
      <c r="C987" s="9" t="s">
        <v>4681</v>
      </c>
      <c r="D987" s="6" t="s">
        <v>4682</v>
      </c>
      <c r="E987" s="22">
        <v>44311</v>
      </c>
      <c r="F987" s="22">
        <v>46136</v>
      </c>
      <c r="G987" s="6" t="s">
        <v>4683</v>
      </c>
      <c r="H987" s="6" t="s">
        <v>62</v>
      </c>
      <c r="I987" s="6" t="s">
        <v>551</v>
      </c>
      <c r="J987" s="6" t="s">
        <v>4684</v>
      </c>
      <c r="L987" s="10" t="s">
        <v>22</v>
      </c>
      <c r="M987" s="10" t="s">
        <v>22</v>
      </c>
      <c r="N987" s="10" t="s">
        <v>22</v>
      </c>
      <c r="O987" s="10" t="s">
        <v>22</v>
      </c>
      <c r="P987" s="10" t="s">
        <v>22</v>
      </c>
      <c r="Q987" s="10" t="s">
        <v>22</v>
      </c>
      <c r="R987" s="10" t="s">
        <v>22</v>
      </c>
      <c r="S987" s="10" t="s">
        <v>22</v>
      </c>
      <c r="T987" s="10" t="s">
        <v>22</v>
      </c>
      <c r="U987" s="10" t="s">
        <v>22</v>
      </c>
      <c r="V987" s="10" t="s">
        <v>22</v>
      </c>
      <c r="W987" s="10" t="s">
        <v>22</v>
      </c>
      <c r="X987" s="10" t="s">
        <v>22</v>
      </c>
      <c r="Y987" s="10" t="s">
        <v>22</v>
      </c>
      <c r="Z987" s="10" t="s">
        <v>22</v>
      </c>
    </row>
    <row r="988" spans="1:26" ht="24" customHeight="1" x14ac:dyDescent="0.2">
      <c r="A988" s="9" t="s">
        <v>18256</v>
      </c>
      <c r="B988" s="9" t="s">
        <v>14</v>
      </c>
      <c r="C988" s="9" t="s">
        <v>4685</v>
      </c>
      <c r="D988" s="6" t="s">
        <v>4686</v>
      </c>
      <c r="E988" s="22">
        <v>44312</v>
      </c>
      <c r="F988" s="22">
        <v>46137</v>
      </c>
      <c r="G988" s="6" t="s">
        <v>4687</v>
      </c>
      <c r="H988" s="6" t="s">
        <v>62</v>
      </c>
      <c r="I988" s="6" t="s">
        <v>252</v>
      </c>
      <c r="J988" s="6" t="s">
        <v>4688</v>
      </c>
      <c r="K988" s="9" t="s">
        <v>4689</v>
      </c>
      <c r="L988" s="10" t="s">
        <v>22</v>
      </c>
      <c r="M988" s="10" t="s">
        <v>22</v>
      </c>
      <c r="N988" s="10" t="s">
        <v>22</v>
      </c>
      <c r="O988" s="10" t="s">
        <v>22</v>
      </c>
      <c r="P988" s="10" t="s">
        <v>22</v>
      </c>
      <c r="Q988" s="10" t="s">
        <v>22</v>
      </c>
      <c r="R988" s="10" t="s">
        <v>22</v>
      </c>
      <c r="S988" s="10" t="s">
        <v>22</v>
      </c>
      <c r="T988" s="10" t="s">
        <v>22</v>
      </c>
      <c r="U988" s="10" t="s">
        <v>22</v>
      </c>
      <c r="V988" s="10" t="s">
        <v>22</v>
      </c>
      <c r="W988" s="10" t="s">
        <v>22</v>
      </c>
      <c r="X988" s="10" t="s">
        <v>22</v>
      </c>
      <c r="Y988" s="10" t="s">
        <v>22</v>
      </c>
      <c r="Z988" s="10" t="s">
        <v>22</v>
      </c>
    </row>
    <row r="989" spans="1:26" ht="24" customHeight="1" x14ac:dyDescent="0.2">
      <c r="A989" s="9" t="s">
        <v>18257</v>
      </c>
      <c r="B989" s="9" t="s">
        <v>14</v>
      </c>
      <c r="C989" s="9" t="s">
        <v>4690</v>
      </c>
      <c r="D989" s="6" t="s">
        <v>4691</v>
      </c>
      <c r="E989" s="22">
        <v>44312</v>
      </c>
      <c r="F989" s="22">
        <v>46137</v>
      </c>
      <c r="G989" s="6" t="s">
        <v>4692</v>
      </c>
      <c r="H989" s="6" t="s">
        <v>62</v>
      </c>
      <c r="I989" s="6" t="s">
        <v>1816</v>
      </c>
      <c r="J989" s="6" t="s">
        <v>4693</v>
      </c>
      <c r="K989" s="9" t="s">
        <v>4694</v>
      </c>
      <c r="L989" s="10" t="s">
        <v>22</v>
      </c>
      <c r="M989" s="10" t="s">
        <v>22</v>
      </c>
      <c r="N989" s="10" t="s">
        <v>22</v>
      </c>
      <c r="O989" s="10" t="s">
        <v>22</v>
      </c>
      <c r="P989" s="10" t="s">
        <v>22</v>
      </c>
      <c r="Q989" s="10" t="s">
        <v>22</v>
      </c>
      <c r="R989" s="10" t="s">
        <v>22</v>
      </c>
      <c r="S989" s="10" t="s">
        <v>22</v>
      </c>
      <c r="T989" s="10" t="s">
        <v>22</v>
      </c>
      <c r="U989" s="10" t="s">
        <v>22</v>
      </c>
      <c r="V989" s="10" t="s">
        <v>22</v>
      </c>
      <c r="W989" s="10" t="s">
        <v>22</v>
      </c>
      <c r="X989" s="10" t="s">
        <v>22</v>
      </c>
      <c r="Y989" s="10" t="s">
        <v>22</v>
      </c>
      <c r="Z989" s="10" t="s">
        <v>22</v>
      </c>
    </row>
    <row r="990" spans="1:26" ht="24" customHeight="1" x14ac:dyDescent="0.2">
      <c r="A990" s="9" t="s">
        <v>18258</v>
      </c>
      <c r="B990" s="9" t="s">
        <v>14</v>
      </c>
      <c r="C990" s="9" t="s">
        <v>4695</v>
      </c>
      <c r="D990" s="6" t="s">
        <v>4696</v>
      </c>
      <c r="E990" s="22">
        <v>44325</v>
      </c>
      <c r="F990" s="22">
        <v>46150</v>
      </c>
      <c r="G990" s="6" t="s">
        <v>4697</v>
      </c>
      <c r="H990" s="6" t="s">
        <v>1625</v>
      </c>
      <c r="I990" s="6" t="s">
        <v>3516</v>
      </c>
      <c r="J990" s="6" t="s">
        <v>4698</v>
      </c>
      <c r="K990" s="9" t="s">
        <v>4699</v>
      </c>
      <c r="L990" s="10" t="s">
        <v>22</v>
      </c>
      <c r="M990" s="10" t="s">
        <v>22</v>
      </c>
      <c r="N990" s="10" t="s">
        <v>22</v>
      </c>
      <c r="O990" s="10" t="s">
        <v>22</v>
      </c>
      <c r="P990" s="10" t="s">
        <v>22</v>
      </c>
      <c r="Q990" s="10" t="s">
        <v>22</v>
      </c>
      <c r="R990" s="10" t="s">
        <v>22</v>
      </c>
      <c r="S990" s="10" t="s">
        <v>22</v>
      </c>
      <c r="T990" s="10" t="s">
        <v>22</v>
      </c>
      <c r="U990" s="10" t="s">
        <v>22</v>
      </c>
      <c r="V990" s="10" t="s">
        <v>22</v>
      </c>
      <c r="W990" s="10" t="s">
        <v>22</v>
      </c>
      <c r="X990" s="10" t="s">
        <v>22</v>
      </c>
      <c r="Y990" s="10" t="s">
        <v>22</v>
      </c>
      <c r="Z990" s="10" t="s">
        <v>22</v>
      </c>
    </row>
    <row r="991" spans="1:26" ht="24" customHeight="1" x14ac:dyDescent="0.2">
      <c r="A991" s="9" t="s">
        <v>18259</v>
      </c>
      <c r="B991" s="9" t="s">
        <v>14</v>
      </c>
      <c r="C991" s="9" t="s">
        <v>4700</v>
      </c>
      <c r="D991" s="6" t="s">
        <v>4701</v>
      </c>
      <c r="E991" s="22">
        <v>44328</v>
      </c>
      <c r="F991" s="22">
        <v>46153</v>
      </c>
      <c r="G991" s="6" t="s">
        <v>4702</v>
      </c>
      <c r="H991" s="6" t="s">
        <v>202</v>
      </c>
      <c r="I991" s="6" t="s">
        <v>857</v>
      </c>
      <c r="J991" s="6" t="s">
        <v>4703</v>
      </c>
      <c r="K991" s="9" t="s">
        <v>4704</v>
      </c>
      <c r="L991" s="10" t="s">
        <v>22</v>
      </c>
      <c r="M991" s="10" t="s">
        <v>22</v>
      </c>
      <c r="N991" s="10" t="s">
        <v>22</v>
      </c>
      <c r="O991" s="10" t="s">
        <v>22</v>
      </c>
      <c r="P991" s="10" t="s">
        <v>22</v>
      </c>
      <c r="Q991" s="10" t="s">
        <v>22</v>
      </c>
      <c r="U991" s="10" t="s">
        <v>22</v>
      </c>
      <c r="V991" s="10" t="s">
        <v>22</v>
      </c>
      <c r="W991" s="10" t="s">
        <v>22</v>
      </c>
      <c r="X991" s="10" t="s">
        <v>22</v>
      </c>
      <c r="Y991" s="10" t="s">
        <v>22</v>
      </c>
      <c r="Z991" s="10" t="s">
        <v>22</v>
      </c>
    </row>
    <row r="992" spans="1:26" ht="24" customHeight="1" x14ac:dyDescent="0.2">
      <c r="A992" s="9" t="s">
        <v>18260</v>
      </c>
      <c r="B992" s="9" t="s">
        <v>14</v>
      </c>
      <c r="C992" s="9" t="s">
        <v>4705</v>
      </c>
      <c r="D992" s="6" t="s">
        <v>4706</v>
      </c>
      <c r="E992" s="22">
        <v>44336</v>
      </c>
      <c r="F992" s="22">
        <v>46161</v>
      </c>
      <c r="G992" s="6" t="s">
        <v>4707</v>
      </c>
      <c r="H992" s="6" t="s">
        <v>229</v>
      </c>
      <c r="I992" s="6" t="s">
        <v>1397</v>
      </c>
      <c r="J992" s="6" t="s">
        <v>4708</v>
      </c>
      <c r="K992" s="9" t="s">
        <v>4709</v>
      </c>
      <c r="M992" s="10" t="s">
        <v>22</v>
      </c>
      <c r="N992" s="10" t="s">
        <v>22</v>
      </c>
      <c r="O992" s="10" t="s">
        <v>22</v>
      </c>
      <c r="P992" s="10" t="s">
        <v>22</v>
      </c>
      <c r="Q992" s="10" t="s">
        <v>22</v>
      </c>
      <c r="S992" s="10" t="s">
        <v>22</v>
      </c>
      <c r="T992" s="10" t="s">
        <v>22</v>
      </c>
      <c r="U992" s="10" t="s">
        <v>22</v>
      </c>
      <c r="V992" s="10" t="s">
        <v>22</v>
      </c>
      <c r="W992" s="10" t="s">
        <v>22</v>
      </c>
      <c r="X992" s="10" t="s">
        <v>22</v>
      </c>
      <c r="Y992" s="10" t="s">
        <v>22</v>
      </c>
      <c r="Z992" s="10" t="s">
        <v>22</v>
      </c>
    </row>
    <row r="993" spans="1:26" ht="24" customHeight="1" x14ac:dyDescent="0.2">
      <c r="A993" s="9" t="s">
        <v>18261</v>
      </c>
      <c r="B993" s="9" t="s">
        <v>14</v>
      </c>
      <c r="C993" s="9" t="s">
        <v>4710</v>
      </c>
      <c r="D993" s="6" t="s">
        <v>4711</v>
      </c>
      <c r="E993" s="22">
        <v>44339</v>
      </c>
      <c r="F993" s="22">
        <v>46164</v>
      </c>
      <c r="G993" s="6" t="s">
        <v>4712</v>
      </c>
      <c r="H993" s="6" t="s">
        <v>18</v>
      </c>
      <c r="I993" s="6" t="s">
        <v>26</v>
      </c>
      <c r="J993" s="6" t="s">
        <v>4713</v>
      </c>
      <c r="K993" s="9" t="s">
        <v>4714</v>
      </c>
      <c r="L993" s="10" t="s">
        <v>22</v>
      </c>
      <c r="M993" s="10" t="s">
        <v>22</v>
      </c>
      <c r="N993" s="10" t="s">
        <v>22</v>
      </c>
      <c r="R993" s="10" t="s">
        <v>22</v>
      </c>
      <c r="S993" s="10" t="s">
        <v>22</v>
      </c>
      <c r="T993" s="10" t="s">
        <v>22</v>
      </c>
    </row>
    <row r="994" spans="1:26" ht="24" customHeight="1" x14ac:dyDescent="0.2">
      <c r="A994" s="9" t="s">
        <v>18262</v>
      </c>
      <c r="B994" s="9" t="s">
        <v>14</v>
      </c>
      <c r="C994" s="9" t="s">
        <v>4715</v>
      </c>
      <c r="D994" s="6" t="s">
        <v>4716</v>
      </c>
      <c r="E994" s="22">
        <v>44342</v>
      </c>
      <c r="F994" s="22">
        <v>46167</v>
      </c>
      <c r="G994" s="6" t="s">
        <v>4717</v>
      </c>
      <c r="H994" s="6" t="s">
        <v>1625</v>
      </c>
      <c r="I994" s="6" t="s">
        <v>3160</v>
      </c>
      <c r="J994" s="6" t="s">
        <v>4718</v>
      </c>
      <c r="K994" s="9" t="s">
        <v>4719</v>
      </c>
      <c r="L994" s="10" t="s">
        <v>22</v>
      </c>
      <c r="M994" s="10" t="s">
        <v>22</v>
      </c>
      <c r="N994" s="10" t="s">
        <v>22</v>
      </c>
      <c r="O994" s="10" t="s">
        <v>22</v>
      </c>
      <c r="P994" s="10" t="s">
        <v>22</v>
      </c>
      <c r="Q994" s="10" t="s">
        <v>22</v>
      </c>
      <c r="R994" s="10" t="s">
        <v>22</v>
      </c>
      <c r="S994" s="10" t="s">
        <v>22</v>
      </c>
      <c r="T994" s="10" t="s">
        <v>22</v>
      </c>
      <c r="U994" s="10" t="s">
        <v>22</v>
      </c>
      <c r="V994" s="10" t="s">
        <v>22</v>
      </c>
      <c r="W994" s="10" t="s">
        <v>22</v>
      </c>
      <c r="X994" s="10" t="s">
        <v>22</v>
      </c>
      <c r="Y994" s="10" t="s">
        <v>22</v>
      </c>
      <c r="Z994" s="10" t="s">
        <v>22</v>
      </c>
    </row>
    <row r="995" spans="1:26" ht="24" customHeight="1" x14ac:dyDescent="0.2">
      <c r="A995" s="9" t="s">
        <v>18263</v>
      </c>
      <c r="B995" s="9" t="s">
        <v>14</v>
      </c>
      <c r="C995" s="9" t="s">
        <v>4715</v>
      </c>
      <c r="D995" s="6" t="s">
        <v>4716</v>
      </c>
      <c r="E995" s="22">
        <v>44342</v>
      </c>
      <c r="F995" s="22">
        <v>46167</v>
      </c>
      <c r="G995" s="6" t="s">
        <v>4720</v>
      </c>
      <c r="H995" s="6" t="s">
        <v>18</v>
      </c>
      <c r="I995" s="6" t="s">
        <v>19</v>
      </c>
      <c r="J995" s="6" t="s">
        <v>4721</v>
      </c>
      <c r="K995" s="9" t="s">
        <v>4722</v>
      </c>
      <c r="L995" s="10" t="s">
        <v>22</v>
      </c>
      <c r="M995" s="10" t="s">
        <v>22</v>
      </c>
      <c r="N995" s="10" t="s">
        <v>22</v>
      </c>
      <c r="O995" s="10" t="s">
        <v>22</v>
      </c>
      <c r="P995" s="10" t="s">
        <v>22</v>
      </c>
      <c r="Q995" s="10" t="s">
        <v>22</v>
      </c>
      <c r="R995" s="10" t="s">
        <v>22</v>
      </c>
      <c r="S995" s="10" t="s">
        <v>22</v>
      </c>
      <c r="T995" s="10" t="s">
        <v>22</v>
      </c>
      <c r="U995" s="10" t="s">
        <v>22</v>
      </c>
      <c r="V995" s="10" t="s">
        <v>22</v>
      </c>
      <c r="W995" s="10" t="s">
        <v>22</v>
      </c>
      <c r="X995" s="10" t="s">
        <v>22</v>
      </c>
      <c r="Y995" s="10" t="s">
        <v>22</v>
      </c>
      <c r="Z995" s="10" t="s">
        <v>22</v>
      </c>
    </row>
    <row r="996" spans="1:26" ht="24" customHeight="1" x14ac:dyDescent="0.2">
      <c r="A996" s="9" t="s">
        <v>18264</v>
      </c>
      <c r="B996" s="9" t="s">
        <v>14</v>
      </c>
      <c r="C996" s="9" t="s">
        <v>4715</v>
      </c>
      <c r="D996" s="6" t="s">
        <v>4716</v>
      </c>
      <c r="E996" s="22">
        <v>44342</v>
      </c>
      <c r="F996" s="22">
        <v>46167</v>
      </c>
      <c r="G996" s="6" t="s">
        <v>4723</v>
      </c>
      <c r="H996" s="6" t="s">
        <v>363</v>
      </c>
      <c r="I996" s="6" t="s">
        <v>597</v>
      </c>
      <c r="J996" s="6" t="s">
        <v>4724</v>
      </c>
      <c r="K996" s="9" t="s">
        <v>4725</v>
      </c>
      <c r="L996" s="10" t="s">
        <v>22</v>
      </c>
      <c r="M996" s="10" t="s">
        <v>22</v>
      </c>
      <c r="N996" s="10" t="s">
        <v>22</v>
      </c>
      <c r="O996" s="10" t="s">
        <v>22</v>
      </c>
      <c r="P996" s="10" t="s">
        <v>22</v>
      </c>
      <c r="Q996" s="10" t="s">
        <v>22</v>
      </c>
      <c r="R996" s="10" t="s">
        <v>22</v>
      </c>
      <c r="S996" s="10" t="s">
        <v>22</v>
      </c>
      <c r="T996" s="10" t="s">
        <v>22</v>
      </c>
      <c r="U996" s="10" t="s">
        <v>22</v>
      </c>
      <c r="V996" s="10" t="s">
        <v>22</v>
      </c>
      <c r="W996" s="10" t="s">
        <v>22</v>
      </c>
      <c r="X996" s="10" t="s">
        <v>22</v>
      </c>
      <c r="Y996" s="10" t="s">
        <v>22</v>
      </c>
      <c r="Z996" s="10" t="s">
        <v>22</v>
      </c>
    </row>
    <row r="997" spans="1:26" ht="24" customHeight="1" x14ac:dyDescent="0.2">
      <c r="A997" s="9" t="s">
        <v>18265</v>
      </c>
      <c r="B997" s="9" t="s">
        <v>14</v>
      </c>
      <c r="C997" s="9" t="s">
        <v>4726</v>
      </c>
      <c r="D997" s="6" t="s">
        <v>4727</v>
      </c>
      <c r="E997" s="22">
        <v>44355</v>
      </c>
      <c r="F997" s="22">
        <v>46180</v>
      </c>
      <c r="G997" s="6" t="s">
        <v>4728</v>
      </c>
      <c r="H997" s="6" t="s">
        <v>62</v>
      </c>
      <c r="I997" s="6" t="s">
        <v>73</v>
      </c>
      <c r="J997" s="6" t="s">
        <v>4729</v>
      </c>
      <c r="K997" s="9" t="s">
        <v>4730</v>
      </c>
      <c r="L997" s="10" t="s">
        <v>22</v>
      </c>
      <c r="M997" s="10" t="s">
        <v>22</v>
      </c>
      <c r="N997" s="10" t="s">
        <v>22</v>
      </c>
      <c r="O997" s="10" t="s">
        <v>22</v>
      </c>
      <c r="P997" s="10" t="s">
        <v>22</v>
      </c>
      <c r="Q997" s="10" t="s">
        <v>22</v>
      </c>
      <c r="R997" s="10" t="s">
        <v>22</v>
      </c>
      <c r="S997" s="10" t="s">
        <v>22</v>
      </c>
      <c r="T997" s="10" t="s">
        <v>22</v>
      </c>
      <c r="U997" s="10" t="s">
        <v>22</v>
      </c>
      <c r="V997" s="10" t="s">
        <v>22</v>
      </c>
      <c r="W997" s="10" t="s">
        <v>22</v>
      </c>
      <c r="X997" s="10" t="s">
        <v>22</v>
      </c>
      <c r="Y997" s="10" t="s">
        <v>22</v>
      </c>
      <c r="Z997" s="10" t="s">
        <v>22</v>
      </c>
    </row>
    <row r="998" spans="1:26" ht="24" customHeight="1" x14ac:dyDescent="0.2">
      <c r="A998" s="9" t="s">
        <v>18266</v>
      </c>
      <c r="B998" s="9" t="s">
        <v>14</v>
      </c>
      <c r="C998" s="9" t="s">
        <v>4731</v>
      </c>
      <c r="D998" s="6" t="s">
        <v>4732</v>
      </c>
      <c r="E998" s="22">
        <v>44361</v>
      </c>
      <c r="F998" s="22">
        <v>46186</v>
      </c>
      <c r="G998" s="6" t="s">
        <v>4733</v>
      </c>
      <c r="H998" s="6" t="s">
        <v>62</v>
      </c>
      <c r="I998" s="6" t="s">
        <v>306</v>
      </c>
      <c r="J998" s="6" t="s">
        <v>4734</v>
      </c>
      <c r="K998" s="9" t="s">
        <v>4735</v>
      </c>
      <c r="L998" s="10" t="s">
        <v>22</v>
      </c>
      <c r="M998" s="10" t="s">
        <v>22</v>
      </c>
      <c r="N998" s="10" t="s">
        <v>22</v>
      </c>
      <c r="O998" s="10" t="s">
        <v>22</v>
      </c>
      <c r="P998" s="10" t="s">
        <v>22</v>
      </c>
      <c r="Q998" s="10" t="s">
        <v>22</v>
      </c>
      <c r="R998" s="10" t="s">
        <v>22</v>
      </c>
      <c r="S998" s="10" t="s">
        <v>22</v>
      </c>
      <c r="T998" s="10" t="s">
        <v>22</v>
      </c>
      <c r="U998" s="10" t="s">
        <v>22</v>
      </c>
      <c r="V998" s="10" t="s">
        <v>22</v>
      </c>
      <c r="W998" s="10" t="s">
        <v>22</v>
      </c>
      <c r="X998" s="10" t="s">
        <v>22</v>
      </c>
      <c r="Y998" s="10" t="s">
        <v>22</v>
      </c>
      <c r="Z998" s="10" t="s">
        <v>22</v>
      </c>
    </row>
    <row r="999" spans="1:26" ht="24" customHeight="1" x14ac:dyDescent="0.2">
      <c r="A999" s="9" t="s">
        <v>18267</v>
      </c>
      <c r="B999" s="9" t="s">
        <v>14</v>
      </c>
      <c r="C999" s="9" t="s">
        <v>4736</v>
      </c>
      <c r="D999" s="6" t="s">
        <v>4737</v>
      </c>
      <c r="E999" s="22">
        <v>44367</v>
      </c>
      <c r="F999" s="22">
        <v>46192</v>
      </c>
      <c r="G999" s="6" t="s">
        <v>4738</v>
      </c>
      <c r="H999" s="6" t="s">
        <v>18</v>
      </c>
      <c r="I999" s="6" t="s">
        <v>19</v>
      </c>
      <c r="J999" s="6" t="s">
        <v>4739</v>
      </c>
      <c r="K999" s="9" t="s">
        <v>4740</v>
      </c>
      <c r="L999" s="10" t="s">
        <v>22</v>
      </c>
      <c r="M999" s="10" t="s">
        <v>22</v>
      </c>
      <c r="N999" s="10" t="s">
        <v>22</v>
      </c>
      <c r="U999" s="10" t="s">
        <v>22</v>
      </c>
      <c r="V999" s="10" t="s">
        <v>22</v>
      </c>
      <c r="W999" s="10" t="s">
        <v>22</v>
      </c>
    </row>
    <row r="1000" spans="1:26" ht="24" customHeight="1" x14ac:dyDescent="0.2">
      <c r="A1000" s="9" t="s">
        <v>18268</v>
      </c>
      <c r="B1000" s="9" t="s">
        <v>14</v>
      </c>
      <c r="C1000" s="9" t="s">
        <v>4741</v>
      </c>
      <c r="D1000" s="6" t="s">
        <v>4742</v>
      </c>
      <c r="E1000" s="22">
        <v>44371</v>
      </c>
      <c r="F1000" s="22">
        <v>46196</v>
      </c>
      <c r="G1000" s="6" t="s">
        <v>4743</v>
      </c>
      <c r="H1000" s="6" t="s">
        <v>363</v>
      </c>
      <c r="I1000" s="6" t="s">
        <v>4744</v>
      </c>
      <c r="J1000" s="6" t="s">
        <v>4745</v>
      </c>
      <c r="K1000" s="9" t="s">
        <v>4746</v>
      </c>
      <c r="L1000" s="10" t="s">
        <v>22</v>
      </c>
      <c r="M1000" s="10" t="s">
        <v>22</v>
      </c>
      <c r="N1000" s="10" t="s">
        <v>22</v>
      </c>
      <c r="O1000" s="10" t="s">
        <v>22</v>
      </c>
      <c r="P1000" s="10" t="s">
        <v>22</v>
      </c>
      <c r="Q1000" s="10" t="s">
        <v>22</v>
      </c>
      <c r="R1000" s="10" t="s">
        <v>22</v>
      </c>
      <c r="S1000" s="10" t="s">
        <v>22</v>
      </c>
      <c r="T1000" s="10" t="s">
        <v>22</v>
      </c>
      <c r="U1000" s="10" t="s">
        <v>22</v>
      </c>
      <c r="V1000" s="10" t="s">
        <v>22</v>
      </c>
      <c r="W1000" s="10" t="s">
        <v>22</v>
      </c>
      <c r="X1000" s="10" t="s">
        <v>22</v>
      </c>
      <c r="Y1000" s="10" t="s">
        <v>22</v>
      </c>
      <c r="Z1000" s="10" t="s">
        <v>22</v>
      </c>
    </row>
    <row r="1001" spans="1:26" ht="24" customHeight="1" x14ac:dyDescent="0.2">
      <c r="A1001" s="9" t="s">
        <v>18269</v>
      </c>
      <c r="B1001" s="9" t="s">
        <v>14</v>
      </c>
      <c r="C1001" s="9" t="s">
        <v>4747</v>
      </c>
      <c r="D1001" s="6" t="s">
        <v>4748</v>
      </c>
      <c r="E1001" s="22">
        <v>44371</v>
      </c>
      <c r="F1001" s="22">
        <v>46196</v>
      </c>
      <c r="G1001" s="6" t="s">
        <v>4749</v>
      </c>
      <c r="H1001" s="6" t="s">
        <v>202</v>
      </c>
      <c r="I1001" s="6" t="s">
        <v>4750</v>
      </c>
      <c r="J1001" s="6" t="s">
        <v>4751</v>
      </c>
      <c r="K1001" s="9" t="s">
        <v>4752</v>
      </c>
      <c r="L1001" s="10" t="s">
        <v>22</v>
      </c>
      <c r="M1001" s="10" t="s">
        <v>22</v>
      </c>
      <c r="N1001" s="10" t="s">
        <v>22</v>
      </c>
      <c r="O1001" s="10" t="s">
        <v>22</v>
      </c>
      <c r="P1001" s="10" t="s">
        <v>22</v>
      </c>
      <c r="Q1001" s="10" t="s">
        <v>22</v>
      </c>
      <c r="U1001" s="10" t="s">
        <v>22</v>
      </c>
      <c r="V1001" s="10" t="s">
        <v>22</v>
      </c>
      <c r="W1001" s="10" t="s">
        <v>22</v>
      </c>
      <c r="X1001" s="10" t="s">
        <v>22</v>
      </c>
      <c r="Y1001" s="10" t="s">
        <v>22</v>
      </c>
      <c r="Z1001" s="10" t="s">
        <v>22</v>
      </c>
    </row>
    <row r="1002" spans="1:26" ht="24" customHeight="1" x14ac:dyDescent="0.2">
      <c r="A1002" s="9" t="s">
        <v>18270</v>
      </c>
      <c r="B1002" s="9" t="s">
        <v>14</v>
      </c>
      <c r="C1002" s="9" t="s">
        <v>4753</v>
      </c>
      <c r="D1002" s="6" t="s">
        <v>4754</v>
      </c>
      <c r="E1002" s="22">
        <v>44377</v>
      </c>
      <c r="F1002" s="22">
        <v>46202</v>
      </c>
      <c r="G1002" s="6" t="s">
        <v>4755</v>
      </c>
      <c r="H1002" s="6" t="s">
        <v>62</v>
      </c>
      <c r="I1002" s="6" t="s">
        <v>414</v>
      </c>
      <c r="J1002" s="6" t="s">
        <v>4756</v>
      </c>
      <c r="K1002" s="9" t="s">
        <v>4757</v>
      </c>
      <c r="L1002" s="10" t="s">
        <v>22</v>
      </c>
      <c r="M1002" s="10" t="s">
        <v>22</v>
      </c>
      <c r="N1002" s="10" t="s">
        <v>22</v>
      </c>
      <c r="O1002" s="10" t="s">
        <v>22</v>
      </c>
      <c r="P1002" s="10" t="s">
        <v>22</v>
      </c>
      <c r="Q1002" s="10" t="s">
        <v>22</v>
      </c>
      <c r="U1002" s="10" t="s">
        <v>22</v>
      </c>
      <c r="V1002" s="10" t="s">
        <v>22</v>
      </c>
      <c r="W1002" s="10" t="s">
        <v>22</v>
      </c>
      <c r="X1002" s="10" t="s">
        <v>22</v>
      </c>
      <c r="Y1002" s="10" t="s">
        <v>22</v>
      </c>
      <c r="Z1002" s="10" t="s">
        <v>22</v>
      </c>
    </row>
    <row r="1003" spans="1:26" ht="24" customHeight="1" x14ac:dyDescent="0.2">
      <c r="A1003" s="9" t="s">
        <v>18271</v>
      </c>
      <c r="B1003" s="9" t="s">
        <v>14</v>
      </c>
      <c r="C1003" s="9" t="s">
        <v>4758</v>
      </c>
      <c r="D1003" s="6" t="s">
        <v>4759</v>
      </c>
      <c r="E1003" s="22">
        <v>44378</v>
      </c>
      <c r="F1003" s="22">
        <v>46203</v>
      </c>
      <c r="G1003" s="6" t="s">
        <v>4760</v>
      </c>
      <c r="H1003" s="6" t="s">
        <v>62</v>
      </c>
      <c r="I1003" s="6" t="s">
        <v>264</v>
      </c>
      <c r="J1003" s="6" t="s">
        <v>4761</v>
      </c>
      <c r="K1003" s="9" t="s">
        <v>4762</v>
      </c>
      <c r="L1003" s="10" t="s">
        <v>22</v>
      </c>
      <c r="M1003" s="10" t="s">
        <v>22</v>
      </c>
      <c r="N1003" s="10" t="s">
        <v>22</v>
      </c>
      <c r="R1003" s="10" t="s">
        <v>22</v>
      </c>
      <c r="S1003" s="10" t="s">
        <v>22</v>
      </c>
      <c r="T1003" s="10" t="s">
        <v>22</v>
      </c>
      <c r="V1003" s="10" t="s">
        <v>22</v>
      </c>
      <c r="W1003" s="10" t="s">
        <v>22</v>
      </c>
    </row>
    <row r="1004" spans="1:26" ht="24" customHeight="1" x14ac:dyDescent="0.2">
      <c r="A1004" s="9" t="s">
        <v>18272</v>
      </c>
      <c r="B1004" s="9" t="s">
        <v>14</v>
      </c>
      <c r="C1004" s="9" t="s">
        <v>4763</v>
      </c>
      <c r="D1004" s="6" t="s">
        <v>4764</v>
      </c>
      <c r="E1004" s="22">
        <v>44406</v>
      </c>
      <c r="F1004" s="22">
        <v>46231</v>
      </c>
      <c r="G1004" s="6" t="s">
        <v>4765</v>
      </c>
      <c r="H1004" s="6" t="s">
        <v>18</v>
      </c>
      <c r="I1004" s="6" t="s">
        <v>392</v>
      </c>
      <c r="J1004" s="6" t="s">
        <v>4766</v>
      </c>
      <c r="K1004" s="9" t="s">
        <v>4767</v>
      </c>
      <c r="L1004" s="10" t="s">
        <v>22</v>
      </c>
      <c r="M1004" s="10" t="s">
        <v>22</v>
      </c>
      <c r="N1004" s="10" t="s">
        <v>22</v>
      </c>
      <c r="O1004" s="10" t="s">
        <v>22</v>
      </c>
      <c r="P1004" s="10" t="s">
        <v>22</v>
      </c>
      <c r="Q1004" s="10" t="s">
        <v>22</v>
      </c>
      <c r="U1004" s="10" t="s">
        <v>22</v>
      </c>
      <c r="V1004" s="10" t="s">
        <v>22</v>
      </c>
      <c r="W1004" s="10" t="s">
        <v>22</v>
      </c>
      <c r="X1004" s="10" t="s">
        <v>22</v>
      </c>
      <c r="Y1004" s="10" t="s">
        <v>22</v>
      </c>
      <c r="Z1004" s="10" t="s">
        <v>22</v>
      </c>
    </row>
    <row r="1005" spans="1:26" ht="24" customHeight="1" x14ac:dyDescent="0.2">
      <c r="A1005" s="9" t="s">
        <v>18273</v>
      </c>
      <c r="B1005" s="9" t="s">
        <v>14</v>
      </c>
      <c r="C1005" s="9" t="s">
        <v>4768</v>
      </c>
      <c r="D1005" s="6" t="s">
        <v>4769</v>
      </c>
      <c r="E1005" s="22">
        <v>44406</v>
      </c>
      <c r="F1005" s="22">
        <v>46231</v>
      </c>
      <c r="G1005" s="6" t="s">
        <v>4770</v>
      </c>
      <c r="H1005" s="6" t="s">
        <v>18</v>
      </c>
      <c r="I1005" s="6" t="s">
        <v>19</v>
      </c>
      <c r="J1005" s="6" t="s">
        <v>4771</v>
      </c>
      <c r="K1005" s="9" t="s">
        <v>4772</v>
      </c>
      <c r="L1005" s="10" t="s">
        <v>22</v>
      </c>
      <c r="M1005" s="10" t="s">
        <v>22</v>
      </c>
      <c r="N1005" s="10" t="s">
        <v>22</v>
      </c>
      <c r="O1005" s="10" t="s">
        <v>22</v>
      </c>
      <c r="P1005" s="10" t="s">
        <v>22</v>
      </c>
      <c r="Q1005" s="10" t="s">
        <v>22</v>
      </c>
      <c r="R1005" s="10" t="s">
        <v>22</v>
      </c>
      <c r="S1005" s="10" t="s">
        <v>22</v>
      </c>
      <c r="T1005" s="10" t="s">
        <v>22</v>
      </c>
      <c r="U1005" s="10" t="s">
        <v>22</v>
      </c>
      <c r="V1005" s="10" t="s">
        <v>22</v>
      </c>
      <c r="W1005" s="10" t="s">
        <v>22</v>
      </c>
      <c r="X1005" s="10" t="s">
        <v>22</v>
      </c>
      <c r="Y1005" s="10" t="s">
        <v>22</v>
      </c>
      <c r="Z1005" s="10" t="s">
        <v>22</v>
      </c>
    </row>
    <row r="1006" spans="1:26" ht="24" customHeight="1" x14ac:dyDescent="0.2">
      <c r="A1006" s="9" t="s">
        <v>18274</v>
      </c>
      <c r="B1006" s="9" t="s">
        <v>14</v>
      </c>
      <c r="C1006" s="9" t="s">
        <v>4773</v>
      </c>
      <c r="D1006" s="6" t="s">
        <v>4774</v>
      </c>
      <c r="E1006" s="22">
        <v>44425</v>
      </c>
      <c r="F1006" s="22">
        <v>46250</v>
      </c>
      <c r="G1006" s="6" t="s">
        <v>4775</v>
      </c>
      <c r="H1006" s="6" t="s">
        <v>363</v>
      </c>
      <c r="I1006" s="6" t="s">
        <v>364</v>
      </c>
      <c r="J1006" s="6" t="s">
        <v>4776</v>
      </c>
      <c r="L1006" s="10" t="s">
        <v>22</v>
      </c>
      <c r="M1006" s="10" t="s">
        <v>22</v>
      </c>
      <c r="N1006" s="10" t="s">
        <v>22</v>
      </c>
      <c r="R1006" s="10" t="s">
        <v>22</v>
      </c>
      <c r="S1006" s="10" t="s">
        <v>22</v>
      </c>
      <c r="T1006" s="10" t="s">
        <v>22</v>
      </c>
      <c r="U1006" s="10" t="s">
        <v>22</v>
      </c>
      <c r="V1006" s="10" t="s">
        <v>22</v>
      </c>
      <c r="W1006" s="10" t="s">
        <v>22</v>
      </c>
    </row>
    <row r="1007" spans="1:26" ht="24" customHeight="1" x14ac:dyDescent="0.2">
      <c r="A1007" s="9" t="s">
        <v>18275</v>
      </c>
      <c r="B1007" s="9" t="s">
        <v>14</v>
      </c>
      <c r="C1007" s="9" t="s">
        <v>4777</v>
      </c>
      <c r="D1007" s="6" t="s">
        <v>4778</v>
      </c>
      <c r="E1007" s="22">
        <v>44447</v>
      </c>
      <c r="F1007" s="22">
        <v>46272</v>
      </c>
      <c r="G1007" s="6" t="s">
        <v>4779</v>
      </c>
      <c r="H1007" s="6" t="s">
        <v>18</v>
      </c>
      <c r="I1007" s="6" t="s">
        <v>19</v>
      </c>
      <c r="J1007" s="6" t="s">
        <v>4780</v>
      </c>
      <c r="K1007" s="9" t="s">
        <v>4781</v>
      </c>
      <c r="L1007" s="10" t="s">
        <v>22</v>
      </c>
      <c r="M1007" s="10" t="s">
        <v>22</v>
      </c>
      <c r="N1007" s="10" t="s">
        <v>22</v>
      </c>
      <c r="O1007" s="10" t="s">
        <v>22</v>
      </c>
      <c r="P1007" s="10" t="s">
        <v>22</v>
      </c>
      <c r="Q1007" s="10" t="s">
        <v>22</v>
      </c>
      <c r="R1007" s="10" t="s">
        <v>22</v>
      </c>
      <c r="S1007" s="10" t="s">
        <v>22</v>
      </c>
      <c r="T1007" s="10" t="s">
        <v>22</v>
      </c>
    </row>
    <row r="1008" spans="1:26" ht="24" customHeight="1" x14ac:dyDescent="0.2">
      <c r="A1008" s="9" t="s">
        <v>18276</v>
      </c>
      <c r="B1008" s="9" t="s">
        <v>14</v>
      </c>
      <c r="C1008" s="9" t="s">
        <v>4782</v>
      </c>
      <c r="D1008" s="6" t="s">
        <v>4783</v>
      </c>
      <c r="E1008" s="22">
        <v>44452</v>
      </c>
      <c r="F1008" s="22">
        <v>46277</v>
      </c>
      <c r="G1008" s="6" t="s">
        <v>4784</v>
      </c>
      <c r="H1008" s="6" t="s">
        <v>202</v>
      </c>
      <c r="I1008" s="6" t="s">
        <v>336</v>
      </c>
      <c r="J1008" s="6" t="s">
        <v>4785</v>
      </c>
      <c r="K1008" s="9" t="s">
        <v>4786</v>
      </c>
      <c r="L1008" s="10" t="s">
        <v>22</v>
      </c>
      <c r="M1008" s="10" t="s">
        <v>22</v>
      </c>
      <c r="N1008" s="10" t="s">
        <v>22</v>
      </c>
      <c r="O1008" s="10" t="s">
        <v>22</v>
      </c>
      <c r="P1008" s="10" t="s">
        <v>22</v>
      </c>
      <c r="Q1008" s="10" t="s">
        <v>22</v>
      </c>
      <c r="R1008" s="10" t="s">
        <v>22</v>
      </c>
      <c r="S1008" s="10" t="s">
        <v>22</v>
      </c>
      <c r="T1008" s="10" t="s">
        <v>22</v>
      </c>
      <c r="U1008" s="10" t="s">
        <v>22</v>
      </c>
      <c r="V1008" s="10" t="s">
        <v>22</v>
      </c>
      <c r="W1008" s="10" t="s">
        <v>22</v>
      </c>
      <c r="X1008" s="10" t="s">
        <v>22</v>
      </c>
      <c r="Y1008" s="10" t="s">
        <v>22</v>
      </c>
      <c r="Z1008" s="10" t="s">
        <v>22</v>
      </c>
    </row>
    <row r="1009" spans="1:26" ht="24" customHeight="1" x14ac:dyDescent="0.2">
      <c r="A1009" s="9" t="s">
        <v>18277</v>
      </c>
      <c r="B1009" s="9" t="s">
        <v>14</v>
      </c>
      <c r="C1009" s="9" t="s">
        <v>4787</v>
      </c>
      <c r="D1009" s="6" t="s">
        <v>4788</v>
      </c>
      <c r="E1009" s="22">
        <v>44452</v>
      </c>
      <c r="F1009" s="22">
        <v>46277</v>
      </c>
      <c r="G1009" s="6" t="s">
        <v>4789</v>
      </c>
      <c r="H1009" s="6" t="s">
        <v>18</v>
      </c>
      <c r="I1009" s="6" t="s">
        <v>26</v>
      </c>
      <c r="J1009" s="6" t="s">
        <v>4790</v>
      </c>
      <c r="K1009" s="9" t="s">
        <v>4791</v>
      </c>
      <c r="L1009" s="10" t="s">
        <v>22</v>
      </c>
      <c r="M1009" s="10" t="s">
        <v>22</v>
      </c>
      <c r="N1009" s="10" t="s">
        <v>22</v>
      </c>
      <c r="O1009" s="10" t="s">
        <v>22</v>
      </c>
      <c r="P1009" s="10" t="s">
        <v>22</v>
      </c>
      <c r="Q1009" s="10" t="s">
        <v>22</v>
      </c>
      <c r="R1009" s="10" t="s">
        <v>22</v>
      </c>
      <c r="S1009" s="10" t="s">
        <v>22</v>
      </c>
      <c r="T1009" s="10" t="s">
        <v>22</v>
      </c>
      <c r="U1009" s="10" t="s">
        <v>22</v>
      </c>
      <c r="V1009" s="10" t="s">
        <v>22</v>
      </c>
      <c r="W1009" s="10" t="s">
        <v>22</v>
      </c>
      <c r="X1009" s="10" t="s">
        <v>22</v>
      </c>
      <c r="Y1009" s="10" t="s">
        <v>22</v>
      </c>
      <c r="Z1009" s="10" t="s">
        <v>22</v>
      </c>
    </row>
    <row r="1010" spans="1:26" ht="24" customHeight="1" x14ac:dyDescent="0.2">
      <c r="A1010" s="9" t="s">
        <v>18278</v>
      </c>
      <c r="B1010" s="9" t="s">
        <v>14</v>
      </c>
      <c r="C1010" s="9" t="s">
        <v>4792</v>
      </c>
      <c r="D1010" s="6" t="s">
        <v>4793</v>
      </c>
      <c r="E1010" s="22">
        <v>44452</v>
      </c>
      <c r="F1010" s="22">
        <v>46277</v>
      </c>
      <c r="G1010" s="6" t="s">
        <v>4794</v>
      </c>
      <c r="H1010" s="6" t="s">
        <v>62</v>
      </c>
      <c r="I1010" s="6" t="s">
        <v>306</v>
      </c>
      <c r="J1010" s="6" t="s">
        <v>4795</v>
      </c>
      <c r="K1010" s="9" t="s">
        <v>4796</v>
      </c>
      <c r="L1010" s="10" t="s">
        <v>22</v>
      </c>
      <c r="M1010" s="10" t="s">
        <v>22</v>
      </c>
      <c r="N1010" s="10" t="s">
        <v>22</v>
      </c>
      <c r="O1010" s="10" t="s">
        <v>22</v>
      </c>
      <c r="P1010" s="10" t="s">
        <v>22</v>
      </c>
      <c r="Q1010" s="10" t="s">
        <v>22</v>
      </c>
      <c r="R1010" s="10" t="s">
        <v>22</v>
      </c>
      <c r="S1010" s="10" t="s">
        <v>22</v>
      </c>
      <c r="T1010" s="10" t="s">
        <v>22</v>
      </c>
    </row>
    <row r="1011" spans="1:26" ht="24" customHeight="1" x14ac:dyDescent="0.2">
      <c r="A1011" s="9" t="s">
        <v>18279</v>
      </c>
      <c r="B1011" s="9" t="s">
        <v>14</v>
      </c>
      <c r="C1011" s="9" t="s">
        <v>4797</v>
      </c>
      <c r="D1011" s="6" t="s">
        <v>4798</v>
      </c>
      <c r="E1011" s="22">
        <v>44452</v>
      </c>
      <c r="F1011" s="22">
        <v>46277</v>
      </c>
      <c r="G1011" s="6" t="s">
        <v>4799</v>
      </c>
      <c r="H1011" s="6" t="s">
        <v>18</v>
      </c>
      <c r="I1011" s="6" t="s">
        <v>19</v>
      </c>
      <c r="J1011" s="6" t="s">
        <v>4800</v>
      </c>
      <c r="K1011" s="9" t="s">
        <v>4801</v>
      </c>
      <c r="M1011" s="10" t="s">
        <v>22</v>
      </c>
      <c r="N1011" s="10" t="s">
        <v>22</v>
      </c>
      <c r="S1011" s="10" t="s">
        <v>22</v>
      </c>
      <c r="T1011" s="10" t="s">
        <v>22</v>
      </c>
      <c r="V1011" s="10" t="s">
        <v>22</v>
      </c>
      <c r="W1011" s="10" t="s">
        <v>22</v>
      </c>
    </row>
    <row r="1012" spans="1:26" ht="24" customHeight="1" x14ac:dyDescent="0.2">
      <c r="A1012" s="9" t="s">
        <v>18280</v>
      </c>
      <c r="B1012" s="9" t="s">
        <v>14</v>
      </c>
      <c r="C1012" s="9" t="s">
        <v>4802</v>
      </c>
      <c r="D1012" s="6" t="s">
        <v>4803</v>
      </c>
      <c r="E1012" s="22">
        <v>44465</v>
      </c>
      <c r="F1012" s="22">
        <v>46290</v>
      </c>
      <c r="G1012" s="6" t="s">
        <v>4804</v>
      </c>
      <c r="H1012" s="6" t="s">
        <v>18</v>
      </c>
      <c r="I1012" s="6" t="s">
        <v>392</v>
      </c>
      <c r="J1012" s="6" t="s">
        <v>4805</v>
      </c>
      <c r="K1012" s="9" t="s">
        <v>4806</v>
      </c>
      <c r="N1012" s="10" t="s">
        <v>22</v>
      </c>
      <c r="W1012" s="10" t="s">
        <v>22</v>
      </c>
    </row>
    <row r="1013" spans="1:26" ht="24" customHeight="1" x14ac:dyDescent="0.2">
      <c r="A1013" s="9" t="s">
        <v>18281</v>
      </c>
      <c r="B1013" s="9" t="s">
        <v>14</v>
      </c>
      <c r="C1013" s="9" t="s">
        <v>4807</v>
      </c>
      <c r="D1013" s="6" t="s">
        <v>4808</v>
      </c>
      <c r="E1013" s="22">
        <v>44476</v>
      </c>
      <c r="F1013" s="22">
        <v>46301</v>
      </c>
      <c r="G1013" s="6" t="s">
        <v>4809</v>
      </c>
      <c r="H1013" s="6" t="s">
        <v>62</v>
      </c>
      <c r="I1013" s="6" t="s">
        <v>264</v>
      </c>
      <c r="J1013" s="6" t="s">
        <v>4810</v>
      </c>
      <c r="K1013" s="9" t="s">
        <v>4811</v>
      </c>
      <c r="L1013" s="10" t="s">
        <v>22</v>
      </c>
      <c r="M1013" s="10" t="s">
        <v>22</v>
      </c>
      <c r="N1013" s="10" t="s">
        <v>22</v>
      </c>
      <c r="O1013" s="10" t="s">
        <v>22</v>
      </c>
      <c r="P1013" s="10" t="s">
        <v>22</v>
      </c>
      <c r="Q1013" s="10" t="s">
        <v>22</v>
      </c>
      <c r="R1013" s="10" t="s">
        <v>22</v>
      </c>
      <c r="S1013" s="10" t="s">
        <v>22</v>
      </c>
      <c r="T1013" s="10" t="s">
        <v>22</v>
      </c>
      <c r="U1013" s="10" t="s">
        <v>22</v>
      </c>
      <c r="V1013" s="10" t="s">
        <v>22</v>
      </c>
      <c r="W1013" s="10" t="s">
        <v>22</v>
      </c>
      <c r="X1013" s="10" t="s">
        <v>22</v>
      </c>
      <c r="Y1013" s="10" t="s">
        <v>22</v>
      </c>
      <c r="Z1013" s="10" t="s">
        <v>22</v>
      </c>
    </row>
    <row r="1014" spans="1:26" ht="24" customHeight="1" x14ac:dyDescent="0.2">
      <c r="A1014" s="9" t="s">
        <v>18282</v>
      </c>
      <c r="B1014" s="9" t="s">
        <v>14</v>
      </c>
      <c r="C1014" s="9" t="s">
        <v>4812</v>
      </c>
      <c r="D1014" s="6" t="s">
        <v>4813</v>
      </c>
      <c r="E1014" s="22">
        <v>44482</v>
      </c>
      <c r="F1014" s="22">
        <v>46307</v>
      </c>
      <c r="G1014" s="6" t="s">
        <v>4814</v>
      </c>
      <c r="H1014" s="6" t="s">
        <v>202</v>
      </c>
      <c r="I1014" s="6" t="s">
        <v>2117</v>
      </c>
      <c r="J1014" s="6" t="s">
        <v>4815</v>
      </c>
      <c r="L1014" s="10" t="s">
        <v>22</v>
      </c>
      <c r="M1014" s="10" t="s">
        <v>22</v>
      </c>
      <c r="N1014" s="10" t="s">
        <v>22</v>
      </c>
      <c r="O1014" s="10" t="s">
        <v>22</v>
      </c>
      <c r="P1014" s="10" t="s">
        <v>22</v>
      </c>
      <c r="Q1014" s="10" t="s">
        <v>22</v>
      </c>
      <c r="R1014" s="10" t="s">
        <v>22</v>
      </c>
      <c r="S1014" s="10" t="s">
        <v>22</v>
      </c>
      <c r="T1014" s="10" t="s">
        <v>22</v>
      </c>
      <c r="U1014" s="10" t="s">
        <v>22</v>
      </c>
      <c r="V1014" s="10" t="s">
        <v>22</v>
      </c>
      <c r="W1014" s="10" t="s">
        <v>22</v>
      </c>
      <c r="X1014" s="10" t="s">
        <v>22</v>
      </c>
      <c r="Y1014" s="10" t="s">
        <v>22</v>
      </c>
      <c r="Z1014" s="10" t="s">
        <v>22</v>
      </c>
    </row>
    <row r="1015" spans="1:26" ht="24" customHeight="1" x14ac:dyDescent="0.2">
      <c r="A1015" s="9" t="s">
        <v>18283</v>
      </c>
      <c r="B1015" s="9" t="s">
        <v>14</v>
      </c>
      <c r="C1015" s="9" t="s">
        <v>4816</v>
      </c>
      <c r="D1015" s="6" t="s">
        <v>4817</v>
      </c>
      <c r="E1015" s="22">
        <v>44488</v>
      </c>
      <c r="F1015" s="22">
        <v>46313</v>
      </c>
      <c r="G1015" s="6" t="s">
        <v>4818</v>
      </c>
      <c r="H1015" s="6" t="s">
        <v>18</v>
      </c>
      <c r="I1015" s="6" t="s">
        <v>19</v>
      </c>
      <c r="J1015" s="6" t="s">
        <v>4819</v>
      </c>
      <c r="K1015" s="9" t="s">
        <v>4820</v>
      </c>
      <c r="L1015" s="10" t="s">
        <v>22</v>
      </c>
      <c r="M1015" s="10" t="s">
        <v>22</v>
      </c>
      <c r="N1015" s="10" t="s">
        <v>22</v>
      </c>
      <c r="R1015" s="10" t="s">
        <v>22</v>
      </c>
      <c r="S1015" s="10" t="s">
        <v>22</v>
      </c>
      <c r="T1015" s="10" t="s">
        <v>22</v>
      </c>
      <c r="U1015" s="10" t="s">
        <v>22</v>
      </c>
      <c r="V1015" s="10" t="s">
        <v>22</v>
      </c>
      <c r="W1015" s="10" t="s">
        <v>22</v>
      </c>
      <c r="X1015" s="10" t="s">
        <v>22</v>
      </c>
      <c r="Y1015" s="10" t="s">
        <v>22</v>
      </c>
      <c r="Z1015" s="10" t="s">
        <v>22</v>
      </c>
    </row>
    <row r="1016" spans="1:26" ht="24" customHeight="1" x14ac:dyDescent="0.2">
      <c r="A1016" s="9" t="s">
        <v>18284</v>
      </c>
      <c r="B1016" s="9" t="s">
        <v>14</v>
      </c>
      <c r="C1016" s="9" t="s">
        <v>4821</v>
      </c>
      <c r="D1016" s="6" t="s">
        <v>4822</v>
      </c>
      <c r="E1016" s="22">
        <v>44572</v>
      </c>
      <c r="F1016" s="22">
        <v>46397</v>
      </c>
      <c r="G1016" s="6" t="s">
        <v>4823</v>
      </c>
      <c r="H1016" s="6" t="s">
        <v>62</v>
      </c>
      <c r="I1016" s="6" t="s">
        <v>1433</v>
      </c>
      <c r="J1016" s="6" t="s">
        <v>4824</v>
      </c>
      <c r="K1016" s="9" t="s">
        <v>4825</v>
      </c>
      <c r="M1016" s="10" t="s">
        <v>22</v>
      </c>
      <c r="N1016" s="10" t="s">
        <v>22</v>
      </c>
      <c r="P1016" s="10" t="s">
        <v>22</v>
      </c>
      <c r="Q1016" s="10" t="s">
        <v>22</v>
      </c>
      <c r="S1016" s="10" t="s">
        <v>22</v>
      </c>
      <c r="T1016" s="10" t="s">
        <v>22</v>
      </c>
      <c r="V1016" s="10" t="s">
        <v>22</v>
      </c>
      <c r="W1016" s="10" t="s">
        <v>22</v>
      </c>
      <c r="Y1016" s="10" t="s">
        <v>22</v>
      </c>
      <c r="Z1016" s="10" t="s">
        <v>22</v>
      </c>
    </row>
    <row r="1017" spans="1:26" ht="24" customHeight="1" x14ac:dyDescent="0.2">
      <c r="A1017" s="9" t="s">
        <v>18285</v>
      </c>
      <c r="B1017" s="9" t="s">
        <v>14</v>
      </c>
      <c r="C1017" s="9" t="s">
        <v>4826</v>
      </c>
      <c r="D1017" s="6" t="s">
        <v>4827</v>
      </c>
      <c r="E1017" s="22">
        <v>44511</v>
      </c>
      <c r="F1017" s="22">
        <v>46336</v>
      </c>
      <c r="G1017" s="6" t="s">
        <v>4828</v>
      </c>
      <c r="H1017" s="6" t="s">
        <v>18</v>
      </c>
      <c r="I1017" s="6" t="s">
        <v>26</v>
      </c>
      <c r="J1017" s="6" t="s">
        <v>4829</v>
      </c>
      <c r="K1017" s="9" t="s">
        <v>4830</v>
      </c>
      <c r="O1017" s="10" t="s">
        <v>22</v>
      </c>
      <c r="P1017" s="10" t="s">
        <v>22</v>
      </c>
      <c r="Q1017" s="10" t="s">
        <v>22</v>
      </c>
      <c r="X1017" s="10" t="s">
        <v>22</v>
      </c>
      <c r="Y1017" s="10" t="s">
        <v>22</v>
      </c>
      <c r="Z1017" s="10" t="s">
        <v>22</v>
      </c>
    </row>
    <row r="1018" spans="1:26" ht="24" customHeight="1" x14ac:dyDescent="0.2">
      <c r="A1018" s="9" t="s">
        <v>18286</v>
      </c>
      <c r="B1018" s="9" t="s">
        <v>14</v>
      </c>
      <c r="C1018" s="9" t="s">
        <v>4831</v>
      </c>
      <c r="D1018" s="6" t="s">
        <v>4832</v>
      </c>
      <c r="E1018" s="22">
        <v>44532</v>
      </c>
      <c r="F1018" s="22">
        <v>46357</v>
      </c>
      <c r="G1018" s="6" t="s">
        <v>4833</v>
      </c>
      <c r="H1018" s="6" t="s">
        <v>202</v>
      </c>
      <c r="I1018" s="6" t="s">
        <v>203</v>
      </c>
      <c r="J1018" s="6" t="s">
        <v>4834</v>
      </c>
      <c r="K1018" s="9" t="s">
        <v>4835</v>
      </c>
      <c r="L1018" s="10" t="s">
        <v>22</v>
      </c>
      <c r="M1018" s="10" t="s">
        <v>22</v>
      </c>
      <c r="N1018" s="10" t="s">
        <v>22</v>
      </c>
      <c r="O1018" s="10" t="s">
        <v>22</v>
      </c>
      <c r="P1018" s="10" t="s">
        <v>22</v>
      </c>
      <c r="Q1018" s="10" t="s">
        <v>22</v>
      </c>
      <c r="R1018" s="10" t="s">
        <v>22</v>
      </c>
      <c r="S1018" s="10" t="s">
        <v>22</v>
      </c>
      <c r="T1018" s="10" t="s">
        <v>22</v>
      </c>
      <c r="U1018" s="10" t="s">
        <v>22</v>
      </c>
      <c r="V1018" s="10" t="s">
        <v>22</v>
      </c>
      <c r="W1018" s="10" t="s">
        <v>22</v>
      </c>
      <c r="X1018" s="10" t="s">
        <v>22</v>
      </c>
      <c r="Y1018" s="10" t="s">
        <v>22</v>
      </c>
      <c r="Z1018" s="10" t="s">
        <v>22</v>
      </c>
    </row>
    <row r="1019" spans="1:26" ht="24" customHeight="1" x14ac:dyDescent="0.2">
      <c r="A1019" s="9" t="s">
        <v>18287</v>
      </c>
      <c r="B1019" s="9" t="s">
        <v>14</v>
      </c>
      <c r="C1019" s="9" t="s">
        <v>4836</v>
      </c>
      <c r="D1019" s="6" t="s">
        <v>4837</v>
      </c>
      <c r="E1019" s="22">
        <v>44537</v>
      </c>
      <c r="F1019" s="22">
        <v>46362</v>
      </c>
      <c r="G1019" s="6" t="s">
        <v>4838</v>
      </c>
      <c r="H1019" s="6" t="s">
        <v>62</v>
      </c>
      <c r="I1019" s="6" t="s">
        <v>186</v>
      </c>
      <c r="J1019" s="6" t="s">
        <v>4839</v>
      </c>
      <c r="K1019" s="9" t="s">
        <v>4840</v>
      </c>
      <c r="L1019" s="10" t="s">
        <v>22</v>
      </c>
      <c r="M1019" s="10" t="s">
        <v>22</v>
      </c>
      <c r="N1019" s="10" t="s">
        <v>22</v>
      </c>
      <c r="O1019" s="10" t="s">
        <v>22</v>
      </c>
      <c r="P1019" s="10" t="s">
        <v>22</v>
      </c>
      <c r="Q1019" s="10" t="s">
        <v>22</v>
      </c>
      <c r="R1019" s="10" t="s">
        <v>22</v>
      </c>
      <c r="S1019" s="10" t="s">
        <v>22</v>
      </c>
      <c r="T1019" s="10" t="s">
        <v>22</v>
      </c>
      <c r="U1019" s="10" t="s">
        <v>22</v>
      </c>
      <c r="V1019" s="10" t="s">
        <v>22</v>
      </c>
      <c r="W1019" s="10" t="s">
        <v>22</v>
      </c>
      <c r="X1019" s="10" t="s">
        <v>22</v>
      </c>
      <c r="Y1019" s="10" t="s">
        <v>22</v>
      </c>
      <c r="Z1019" s="10" t="s">
        <v>22</v>
      </c>
    </row>
    <row r="1020" spans="1:26" ht="24" customHeight="1" x14ac:dyDescent="0.2">
      <c r="A1020" s="9" t="s">
        <v>18288</v>
      </c>
      <c r="B1020" s="9" t="s">
        <v>14</v>
      </c>
      <c r="C1020" s="9" t="s">
        <v>4841</v>
      </c>
      <c r="D1020" s="6" t="s">
        <v>4842</v>
      </c>
      <c r="E1020" s="22">
        <v>44543</v>
      </c>
      <c r="F1020" s="22">
        <v>46368</v>
      </c>
      <c r="G1020" s="6" t="s">
        <v>4843</v>
      </c>
      <c r="H1020" s="6" t="s">
        <v>62</v>
      </c>
      <c r="I1020" s="6" t="s">
        <v>403</v>
      </c>
      <c r="J1020" s="6" t="s">
        <v>4844</v>
      </c>
      <c r="L1020" s="10" t="s">
        <v>22</v>
      </c>
      <c r="M1020" s="10" t="s">
        <v>22</v>
      </c>
      <c r="N1020" s="10" t="s">
        <v>22</v>
      </c>
      <c r="O1020" s="10" t="s">
        <v>22</v>
      </c>
      <c r="P1020" s="10" t="s">
        <v>22</v>
      </c>
      <c r="Q1020" s="10" t="s">
        <v>22</v>
      </c>
      <c r="U1020" s="10" t="s">
        <v>22</v>
      </c>
      <c r="V1020" s="10" t="s">
        <v>22</v>
      </c>
      <c r="W1020" s="10" t="s">
        <v>22</v>
      </c>
      <c r="X1020" s="10" t="s">
        <v>22</v>
      </c>
      <c r="Y1020" s="10" t="s">
        <v>22</v>
      </c>
      <c r="Z1020" s="10" t="s">
        <v>22</v>
      </c>
    </row>
    <row r="1021" spans="1:26" ht="24" customHeight="1" x14ac:dyDescent="0.2">
      <c r="A1021" s="9" t="s">
        <v>18289</v>
      </c>
      <c r="B1021" s="9" t="s">
        <v>14</v>
      </c>
      <c r="C1021" s="9" t="s">
        <v>4845</v>
      </c>
      <c r="D1021" s="6" t="s">
        <v>4846</v>
      </c>
      <c r="E1021" s="22">
        <v>44565</v>
      </c>
      <c r="F1021" s="22">
        <v>46390</v>
      </c>
      <c r="G1021" s="6" t="s">
        <v>4847</v>
      </c>
      <c r="H1021" s="6" t="s">
        <v>229</v>
      </c>
      <c r="I1021" s="6" t="s">
        <v>4848</v>
      </c>
      <c r="J1021" s="6" t="s">
        <v>4849</v>
      </c>
      <c r="K1021" s="9" t="s">
        <v>4850</v>
      </c>
      <c r="L1021" s="10" t="s">
        <v>22</v>
      </c>
      <c r="M1021" s="10" t="s">
        <v>22</v>
      </c>
      <c r="N1021" s="10" t="s">
        <v>22</v>
      </c>
      <c r="O1021" s="10" t="s">
        <v>22</v>
      </c>
      <c r="P1021" s="10" t="s">
        <v>22</v>
      </c>
      <c r="Q1021" s="10" t="s">
        <v>22</v>
      </c>
      <c r="R1021" s="10" t="s">
        <v>22</v>
      </c>
      <c r="S1021" s="10" t="s">
        <v>22</v>
      </c>
      <c r="T1021" s="10" t="s">
        <v>22</v>
      </c>
      <c r="U1021" s="10" t="s">
        <v>22</v>
      </c>
      <c r="V1021" s="10" t="s">
        <v>22</v>
      </c>
      <c r="W1021" s="10" t="s">
        <v>22</v>
      </c>
      <c r="X1021" s="10" t="s">
        <v>22</v>
      </c>
      <c r="Y1021" s="10" t="s">
        <v>22</v>
      </c>
      <c r="Z1021" s="10" t="s">
        <v>22</v>
      </c>
    </row>
    <row r="1022" spans="1:26" ht="24" customHeight="1" x14ac:dyDescent="0.2">
      <c r="A1022" s="9" t="s">
        <v>18290</v>
      </c>
      <c r="B1022" s="9" t="s">
        <v>14</v>
      </c>
      <c r="C1022" s="9" t="s">
        <v>4851</v>
      </c>
      <c r="D1022" s="6" t="s">
        <v>4852</v>
      </c>
      <c r="E1022" s="22">
        <v>44571</v>
      </c>
      <c r="F1022" s="22">
        <v>46396</v>
      </c>
      <c r="G1022" s="6" t="s">
        <v>4853</v>
      </c>
      <c r="H1022" s="6" t="s">
        <v>363</v>
      </c>
      <c r="I1022" s="6" t="s">
        <v>466</v>
      </c>
      <c r="J1022" s="6" t="s">
        <v>4854</v>
      </c>
      <c r="K1022" s="9" t="s">
        <v>4855</v>
      </c>
      <c r="L1022" s="10" t="s">
        <v>22</v>
      </c>
      <c r="M1022" s="10" t="s">
        <v>22</v>
      </c>
      <c r="N1022" s="10" t="s">
        <v>22</v>
      </c>
      <c r="O1022" s="10" t="s">
        <v>22</v>
      </c>
      <c r="P1022" s="10" t="s">
        <v>22</v>
      </c>
      <c r="Q1022" s="10" t="s">
        <v>22</v>
      </c>
      <c r="R1022" s="10" t="s">
        <v>22</v>
      </c>
      <c r="S1022" s="10" t="s">
        <v>22</v>
      </c>
      <c r="T1022" s="10" t="s">
        <v>22</v>
      </c>
      <c r="U1022" s="10" t="s">
        <v>22</v>
      </c>
      <c r="V1022" s="10" t="s">
        <v>22</v>
      </c>
      <c r="W1022" s="10" t="s">
        <v>22</v>
      </c>
      <c r="X1022" s="10" t="s">
        <v>22</v>
      </c>
      <c r="Y1022" s="10" t="s">
        <v>22</v>
      </c>
      <c r="Z1022" s="10" t="s">
        <v>22</v>
      </c>
    </row>
    <row r="1023" spans="1:26" ht="34" customHeight="1" x14ac:dyDescent="0.2">
      <c r="A1023" s="9" t="s">
        <v>18291</v>
      </c>
      <c r="B1023" s="9" t="s">
        <v>14</v>
      </c>
      <c r="C1023" s="9" t="s">
        <v>4856</v>
      </c>
      <c r="D1023" s="6" t="s">
        <v>4857</v>
      </c>
      <c r="E1023" s="22">
        <v>44578</v>
      </c>
      <c r="F1023" s="22">
        <v>46403</v>
      </c>
      <c r="G1023" s="6" t="s">
        <v>4858</v>
      </c>
      <c r="H1023" s="6" t="s">
        <v>18</v>
      </c>
      <c r="I1023" s="6" t="s">
        <v>19</v>
      </c>
      <c r="J1023" s="6" t="s">
        <v>4859</v>
      </c>
      <c r="K1023" s="9" t="s">
        <v>4860</v>
      </c>
      <c r="L1023" s="10" t="s">
        <v>22</v>
      </c>
      <c r="M1023" s="10" t="s">
        <v>22</v>
      </c>
      <c r="N1023" s="10" t="s">
        <v>22</v>
      </c>
      <c r="O1023" s="10" t="s">
        <v>22</v>
      </c>
      <c r="P1023" s="10" t="s">
        <v>22</v>
      </c>
      <c r="Q1023" s="10" t="s">
        <v>22</v>
      </c>
      <c r="U1023" s="10" t="s">
        <v>22</v>
      </c>
      <c r="V1023" s="10" t="s">
        <v>22</v>
      </c>
      <c r="W1023" s="10" t="s">
        <v>22</v>
      </c>
      <c r="X1023" s="10" t="s">
        <v>22</v>
      </c>
      <c r="Y1023" s="10" t="s">
        <v>22</v>
      </c>
      <c r="Z1023" s="10" t="s">
        <v>22</v>
      </c>
    </row>
    <row r="1024" spans="1:26" ht="24" customHeight="1" x14ac:dyDescent="0.2">
      <c r="A1024" s="9" t="s">
        <v>18292</v>
      </c>
      <c r="B1024" s="9" t="s">
        <v>14</v>
      </c>
      <c r="C1024" s="9" t="s">
        <v>4861</v>
      </c>
      <c r="D1024" s="6" t="s">
        <v>4862</v>
      </c>
      <c r="E1024" s="22">
        <v>44579</v>
      </c>
      <c r="F1024" s="22">
        <v>46404</v>
      </c>
      <c r="G1024" s="6" t="s">
        <v>4863</v>
      </c>
      <c r="H1024" s="6" t="s">
        <v>62</v>
      </c>
      <c r="I1024" s="6" t="s">
        <v>352</v>
      </c>
      <c r="J1024" s="6" t="s">
        <v>4864</v>
      </c>
      <c r="K1024" s="9" t="s">
        <v>4865</v>
      </c>
      <c r="L1024" s="10" t="s">
        <v>22</v>
      </c>
      <c r="M1024" s="10" t="s">
        <v>22</v>
      </c>
      <c r="N1024" s="10" t="s">
        <v>22</v>
      </c>
      <c r="O1024" s="10" t="s">
        <v>22</v>
      </c>
      <c r="P1024" s="10" t="s">
        <v>22</v>
      </c>
      <c r="Q1024" s="10" t="s">
        <v>22</v>
      </c>
      <c r="R1024" s="10" t="s">
        <v>22</v>
      </c>
      <c r="S1024" s="10" t="s">
        <v>22</v>
      </c>
      <c r="T1024" s="10" t="s">
        <v>22</v>
      </c>
      <c r="U1024" s="10" t="s">
        <v>22</v>
      </c>
      <c r="V1024" s="10" t="s">
        <v>22</v>
      </c>
      <c r="W1024" s="10" t="s">
        <v>22</v>
      </c>
      <c r="X1024" s="10" t="s">
        <v>22</v>
      </c>
      <c r="Y1024" s="10" t="s">
        <v>22</v>
      </c>
      <c r="Z1024" s="10" t="s">
        <v>22</v>
      </c>
    </row>
    <row r="1025" spans="1:26" ht="24" customHeight="1" x14ac:dyDescent="0.2">
      <c r="A1025" s="9" t="s">
        <v>18293</v>
      </c>
      <c r="B1025" s="9" t="s">
        <v>14</v>
      </c>
      <c r="C1025" s="9" t="s">
        <v>4866</v>
      </c>
      <c r="D1025" s="6" t="s">
        <v>4867</v>
      </c>
      <c r="E1025" s="22">
        <v>44598</v>
      </c>
      <c r="F1025" s="22">
        <v>46423</v>
      </c>
      <c r="G1025" s="6" t="s">
        <v>4868</v>
      </c>
      <c r="H1025" s="6" t="s">
        <v>202</v>
      </c>
      <c r="I1025" s="6" t="s">
        <v>567</v>
      </c>
      <c r="J1025" s="6" t="s">
        <v>4869</v>
      </c>
      <c r="K1025" s="9" t="s">
        <v>4870</v>
      </c>
      <c r="L1025" s="10" t="s">
        <v>22</v>
      </c>
      <c r="M1025" s="10" t="s">
        <v>22</v>
      </c>
      <c r="N1025" s="10" t="s">
        <v>22</v>
      </c>
      <c r="O1025" s="10" t="s">
        <v>22</v>
      </c>
      <c r="P1025" s="10" t="s">
        <v>22</v>
      </c>
      <c r="Q1025" s="10" t="s">
        <v>22</v>
      </c>
      <c r="R1025" s="10" t="s">
        <v>22</v>
      </c>
      <c r="S1025" s="10" t="s">
        <v>22</v>
      </c>
      <c r="T1025" s="10" t="s">
        <v>22</v>
      </c>
    </row>
    <row r="1026" spans="1:26" ht="24" customHeight="1" x14ac:dyDescent="0.2">
      <c r="A1026" s="9" t="s">
        <v>18294</v>
      </c>
      <c r="B1026" s="9" t="s">
        <v>14</v>
      </c>
      <c r="C1026" s="9" t="s">
        <v>4871</v>
      </c>
      <c r="D1026" s="6" t="s">
        <v>4872</v>
      </c>
      <c r="E1026" s="22">
        <v>44609</v>
      </c>
      <c r="F1026" s="22">
        <v>46434</v>
      </c>
      <c r="G1026" s="6" t="s">
        <v>4873</v>
      </c>
      <c r="H1026" s="6" t="s">
        <v>62</v>
      </c>
      <c r="I1026" s="6" t="s">
        <v>63</v>
      </c>
      <c r="J1026" s="6" t="s">
        <v>4874</v>
      </c>
      <c r="K1026" s="9" t="s">
        <v>4875</v>
      </c>
      <c r="L1026" s="10" t="s">
        <v>22</v>
      </c>
      <c r="M1026" s="10" t="s">
        <v>22</v>
      </c>
      <c r="N1026" s="10" t="s">
        <v>22</v>
      </c>
      <c r="O1026" s="10" t="s">
        <v>22</v>
      </c>
      <c r="P1026" s="10" t="s">
        <v>22</v>
      </c>
      <c r="Q1026" s="10" t="s">
        <v>22</v>
      </c>
      <c r="R1026" s="10" t="s">
        <v>22</v>
      </c>
      <c r="S1026" s="10" t="s">
        <v>22</v>
      </c>
      <c r="T1026" s="10" t="s">
        <v>22</v>
      </c>
      <c r="U1026" s="10" t="s">
        <v>22</v>
      </c>
      <c r="V1026" s="10" t="s">
        <v>22</v>
      </c>
      <c r="W1026" s="10" t="s">
        <v>22</v>
      </c>
      <c r="X1026" s="10" t="s">
        <v>22</v>
      </c>
      <c r="Y1026" s="10" t="s">
        <v>22</v>
      </c>
      <c r="Z1026" s="10" t="s">
        <v>22</v>
      </c>
    </row>
    <row r="1027" spans="1:26" ht="24" customHeight="1" x14ac:dyDescent="0.2">
      <c r="A1027" s="9" t="s">
        <v>18295</v>
      </c>
      <c r="B1027" s="9" t="s">
        <v>14</v>
      </c>
      <c r="C1027" s="9" t="s">
        <v>4876</v>
      </c>
      <c r="D1027" s="6" t="s">
        <v>4877</v>
      </c>
      <c r="E1027" s="22">
        <v>44612</v>
      </c>
      <c r="F1027" s="22">
        <v>46437</v>
      </c>
      <c r="G1027" s="6" t="s">
        <v>4878</v>
      </c>
      <c r="H1027" s="6" t="s">
        <v>62</v>
      </c>
      <c r="I1027" s="6" t="s">
        <v>4879</v>
      </c>
      <c r="J1027" s="6" t="s">
        <v>4880</v>
      </c>
      <c r="K1027" s="9" t="s">
        <v>4881</v>
      </c>
      <c r="L1027" s="10" t="s">
        <v>22</v>
      </c>
      <c r="M1027" s="10" t="s">
        <v>22</v>
      </c>
      <c r="N1027" s="10" t="s">
        <v>22</v>
      </c>
      <c r="O1027" s="10" t="s">
        <v>22</v>
      </c>
      <c r="P1027" s="10" t="s">
        <v>22</v>
      </c>
      <c r="Q1027" s="10" t="s">
        <v>22</v>
      </c>
      <c r="R1027" s="10" t="s">
        <v>22</v>
      </c>
      <c r="S1027" s="10" t="s">
        <v>22</v>
      </c>
      <c r="T1027" s="10" t="s">
        <v>22</v>
      </c>
      <c r="V1027" s="10" t="s">
        <v>22</v>
      </c>
      <c r="W1027" s="10" t="s">
        <v>22</v>
      </c>
      <c r="Y1027" s="10" t="s">
        <v>22</v>
      </c>
      <c r="Z1027" s="10" t="s">
        <v>22</v>
      </c>
    </row>
    <row r="1028" spans="1:26" ht="24" customHeight="1" x14ac:dyDescent="0.2">
      <c r="A1028" s="9" t="s">
        <v>18296</v>
      </c>
      <c r="B1028" s="9" t="s">
        <v>14</v>
      </c>
      <c r="C1028" s="9" t="s">
        <v>4882</v>
      </c>
      <c r="D1028" s="6" t="s">
        <v>4883</v>
      </c>
      <c r="E1028" s="22">
        <v>44615</v>
      </c>
      <c r="F1028" s="22">
        <v>46440</v>
      </c>
      <c r="G1028" s="6" t="s">
        <v>4884</v>
      </c>
      <c r="H1028" s="6" t="s">
        <v>62</v>
      </c>
      <c r="I1028" s="6" t="s">
        <v>186</v>
      </c>
      <c r="J1028" s="6" t="s">
        <v>4885</v>
      </c>
      <c r="K1028" s="9" t="s">
        <v>4886</v>
      </c>
      <c r="L1028" s="10" t="s">
        <v>22</v>
      </c>
      <c r="M1028" s="10" t="s">
        <v>22</v>
      </c>
      <c r="N1028" s="10" t="s">
        <v>22</v>
      </c>
      <c r="O1028" s="10" t="s">
        <v>22</v>
      </c>
      <c r="P1028" s="10" t="s">
        <v>22</v>
      </c>
      <c r="Q1028" s="10" t="s">
        <v>22</v>
      </c>
      <c r="U1028" s="10" t="s">
        <v>22</v>
      </c>
      <c r="V1028" s="10" t="s">
        <v>22</v>
      </c>
      <c r="W1028" s="10" t="s">
        <v>22</v>
      </c>
      <c r="X1028" s="10" t="s">
        <v>22</v>
      </c>
      <c r="Y1028" s="10" t="s">
        <v>22</v>
      </c>
      <c r="Z1028" s="10" t="s">
        <v>22</v>
      </c>
    </row>
    <row r="1029" spans="1:26" ht="24" customHeight="1" x14ac:dyDescent="0.2">
      <c r="A1029" s="9" t="s">
        <v>18297</v>
      </c>
      <c r="B1029" s="9" t="s">
        <v>14</v>
      </c>
      <c r="C1029" s="9" t="s">
        <v>4887</v>
      </c>
      <c r="D1029" s="6" t="s">
        <v>4888</v>
      </c>
      <c r="E1029" s="22">
        <v>44620</v>
      </c>
      <c r="F1029" s="22">
        <v>46445</v>
      </c>
      <c r="G1029" s="6" t="s">
        <v>4889</v>
      </c>
      <c r="H1029" s="6" t="s">
        <v>202</v>
      </c>
      <c r="I1029" s="6" t="s">
        <v>873</v>
      </c>
      <c r="J1029" s="6" t="s">
        <v>4890</v>
      </c>
      <c r="K1029" s="9" t="s">
        <v>4891</v>
      </c>
      <c r="L1029" s="10" t="s">
        <v>22</v>
      </c>
      <c r="M1029" s="10" t="s">
        <v>22</v>
      </c>
      <c r="N1029" s="10" t="s">
        <v>22</v>
      </c>
      <c r="O1029" s="10" t="s">
        <v>22</v>
      </c>
      <c r="P1029" s="10" t="s">
        <v>22</v>
      </c>
      <c r="Q1029" s="10" t="s">
        <v>22</v>
      </c>
      <c r="R1029" s="10" t="s">
        <v>22</v>
      </c>
      <c r="S1029" s="10" t="s">
        <v>22</v>
      </c>
      <c r="T1029" s="10" t="s">
        <v>22</v>
      </c>
      <c r="U1029" s="10" t="s">
        <v>22</v>
      </c>
      <c r="V1029" s="10" t="s">
        <v>22</v>
      </c>
      <c r="W1029" s="10" t="s">
        <v>22</v>
      </c>
      <c r="X1029" s="10" t="s">
        <v>22</v>
      </c>
      <c r="Y1029" s="10" t="s">
        <v>22</v>
      </c>
      <c r="Z1029" s="10" t="s">
        <v>22</v>
      </c>
    </row>
    <row r="1030" spans="1:26" ht="24" customHeight="1" x14ac:dyDescent="0.2">
      <c r="A1030" s="9" t="s">
        <v>18298</v>
      </c>
      <c r="B1030" s="9" t="s">
        <v>14</v>
      </c>
      <c r="C1030" s="9" t="s">
        <v>4892</v>
      </c>
      <c r="D1030" s="6" t="s">
        <v>4893</v>
      </c>
      <c r="E1030" s="22">
        <v>44620</v>
      </c>
      <c r="F1030" s="22">
        <v>46445</v>
      </c>
      <c r="G1030" s="6" t="s">
        <v>4894</v>
      </c>
      <c r="H1030" s="6" t="s">
        <v>18</v>
      </c>
      <c r="I1030" s="6" t="s">
        <v>19</v>
      </c>
      <c r="J1030" s="6" t="s">
        <v>4895</v>
      </c>
      <c r="L1030" s="10" t="s">
        <v>22</v>
      </c>
      <c r="M1030" s="10" t="s">
        <v>22</v>
      </c>
      <c r="N1030" s="10" t="s">
        <v>22</v>
      </c>
      <c r="O1030" s="10" t="s">
        <v>22</v>
      </c>
      <c r="P1030" s="10" t="s">
        <v>22</v>
      </c>
      <c r="Q1030" s="10" t="s">
        <v>22</v>
      </c>
      <c r="U1030" s="10" t="s">
        <v>22</v>
      </c>
      <c r="V1030" s="10" t="s">
        <v>22</v>
      </c>
      <c r="W1030" s="10" t="s">
        <v>22</v>
      </c>
      <c r="X1030" s="10" t="s">
        <v>22</v>
      </c>
      <c r="Y1030" s="10" t="s">
        <v>22</v>
      </c>
      <c r="Z1030" s="10" t="s">
        <v>22</v>
      </c>
    </row>
    <row r="1031" spans="1:26" ht="24" customHeight="1" x14ac:dyDescent="0.2">
      <c r="A1031" s="9" t="s">
        <v>18299</v>
      </c>
      <c r="B1031" s="9" t="s">
        <v>14</v>
      </c>
      <c r="C1031" s="9" t="s">
        <v>4896</v>
      </c>
      <c r="D1031" s="6" t="s">
        <v>4897</v>
      </c>
      <c r="E1031" s="22">
        <v>44626</v>
      </c>
      <c r="F1031" s="22">
        <v>46451</v>
      </c>
      <c r="G1031" s="6" t="s">
        <v>4898</v>
      </c>
      <c r="H1031" s="6" t="s">
        <v>62</v>
      </c>
      <c r="I1031" s="6" t="s">
        <v>186</v>
      </c>
      <c r="J1031" s="6" t="s">
        <v>4899</v>
      </c>
      <c r="K1031" s="9" t="s">
        <v>4900</v>
      </c>
      <c r="L1031" s="10" t="s">
        <v>22</v>
      </c>
      <c r="M1031" s="10" t="s">
        <v>22</v>
      </c>
      <c r="N1031" s="10" t="s">
        <v>22</v>
      </c>
      <c r="O1031" s="10" t="s">
        <v>22</v>
      </c>
      <c r="P1031" s="10" t="s">
        <v>22</v>
      </c>
      <c r="Q1031" s="10" t="s">
        <v>22</v>
      </c>
      <c r="R1031" s="10" t="s">
        <v>22</v>
      </c>
      <c r="S1031" s="10" t="s">
        <v>22</v>
      </c>
      <c r="T1031" s="10" t="s">
        <v>22</v>
      </c>
      <c r="U1031" s="10" t="s">
        <v>22</v>
      </c>
      <c r="V1031" s="10" t="s">
        <v>22</v>
      </c>
      <c r="W1031" s="10" t="s">
        <v>22</v>
      </c>
      <c r="X1031" s="10" t="s">
        <v>22</v>
      </c>
      <c r="Y1031" s="10" t="s">
        <v>22</v>
      </c>
      <c r="Z1031" s="10" t="s">
        <v>22</v>
      </c>
    </row>
    <row r="1032" spans="1:26" ht="24" customHeight="1" x14ac:dyDescent="0.2">
      <c r="A1032" s="9" t="s">
        <v>18300</v>
      </c>
      <c r="B1032" s="9" t="s">
        <v>14</v>
      </c>
      <c r="C1032" s="9" t="s">
        <v>4901</v>
      </c>
      <c r="D1032" s="6" t="s">
        <v>4902</v>
      </c>
      <c r="E1032" s="22">
        <v>44628</v>
      </c>
      <c r="F1032" s="22">
        <v>46453</v>
      </c>
      <c r="G1032" s="6" t="s">
        <v>4903</v>
      </c>
      <c r="H1032" s="6" t="s">
        <v>18</v>
      </c>
      <c r="I1032" s="6" t="s">
        <v>26</v>
      </c>
      <c r="J1032" s="6" t="s">
        <v>4904</v>
      </c>
      <c r="K1032" s="9" t="s">
        <v>4905</v>
      </c>
      <c r="L1032" s="10" t="s">
        <v>22</v>
      </c>
      <c r="M1032" s="10" t="s">
        <v>22</v>
      </c>
      <c r="N1032" s="10" t="s">
        <v>22</v>
      </c>
      <c r="O1032" s="10" t="s">
        <v>22</v>
      </c>
      <c r="P1032" s="10" t="s">
        <v>22</v>
      </c>
      <c r="Q1032" s="10" t="s">
        <v>22</v>
      </c>
    </row>
    <row r="1033" spans="1:26" ht="24" customHeight="1" x14ac:dyDescent="0.2">
      <c r="A1033" s="9" t="s">
        <v>18301</v>
      </c>
      <c r="B1033" s="9" t="s">
        <v>14</v>
      </c>
      <c r="C1033" s="9" t="s">
        <v>4901</v>
      </c>
      <c r="D1033" s="6" t="s">
        <v>4902</v>
      </c>
      <c r="E1033" s="22">
        <v>44628</v>
      </c>
      <c r="F1033" s="22">
        <v>46453</v>
      </c>
      <c r="G1033" s="6" t="s">
        <v>4906</v>
      </c>
      <c r="H1033" s="6" t="s">
        <v>18</v>
      </c>
      <c r="I1033" s="6" t="s">
        <v>1691</v>
      </c>
      <c r="J1033" s="6" t="s">
        <v>4907</v>
      </c>
      <c r="K1033" s="9" t="s">
        <v>4908</v>
      </c>
      <c r="L1033" s="10" t="s">
        <v>22</v>
      </c>
      <c r="M1033" s="10" t="s">
        <v>22</v>
      </c>
      <c r="N1033" s="10" t="s">
        <v>22</v>
      </c>
      <c r="O1033" s="10" t="s">
        <v>22</v>
      </c>
      <c r="P1033" s="10" t="s">
        <v>22</v>
      </c>
      <c r="Q1033" s="10" t="s">
        <v>22</v>
      </c>
    </row>
    <row r="1034" spans="1:26" ht="24" customHeight="1" x14ac:dyDescent="0.2">
      <c r="A1034" s="9" t="s">
        <v>18302</v>
      </c>
      <c r="B1034" s="9" t="s">
        <v>14</v>
      </c>
      <c r="C1034" s="9" t="s">
        <v>4909</v>
      </c>
      <c r="D1034" s="6" t="s">
        <v>4910</v>
      </c>
      <c r="E1034" s="22">
        <v>44636</v>
      </c>
      <c r="F1034" s="22">
        <v>46461</v>
      </c>
      <c r="G1034" s="6" t="s">
        <v>4911</v>
      </c>
      <c r="H1034" s="6" t="s">
        <v>562</v>
      </c>
      <c r="I1034" s="6" t="s">
        <v>4912</v>
      </c>
      <c r="J1034" s="6" t="s">
        <v>4913</v>
      </c>
      <c r="K1034" s="9" t="s">
        <v>4914</v>
      </c>
      <c r="L1034" s="10" t="s">
        <v>22</v>
      </c>
      <c r="M1034" s="10" t="s">
        <v>22</v>
      </c>
      <c r="N1034" s="10" t="s">
        <v>22</v>
      </c>
      <c r="O1034" s="10" t="s">
        <v>22</v>
      </c>
      <c r="P1034" s="10" t="s">
        <v>22</v>
      </c>
      <c r="Q1034" s="10" t="s">
        <v>22</v>
      </c>
      <c r="R1034" s="10" t="s">
        <v>22</v>
      </c>
      <c r="S1034" s="10" t="s">
        <v>22</v>
      </c>
      <c r="T1034" s="10" t="s">
        <v>22</v>
      </c>
      <c r="U1034" s="10" t="s">
        <v>22</v>
      </c>
      <c r="V1034" s="10" t="s">
        <v>22</v>
      </c>
      <c r="W1034" s="10" t="s">
        <v>22</v>
      </c>
      <c r="X1034" s="10" t="s">
        <v>22</v>
      </c>
      <c r="Y1034" s="10" t="s">
        <v>22</v>
      </c>
      <c r="Z1034" s="10" t="s">
        <v>22</v>
      </c>
    </row>
    <row r="1035" spans="1:26" ht="24" customHeight="1" x14ac:dyDescent="0.2">
      <c r="A1035" s="9" t="s">
        <v>18303</v>
      </c>
      <c r="B1035" s="9" t="s">
        <v>14</v>
      </c>
      <c r="C1035" s="9" t="s">
        <v>4915</v>
      </c>
      <c r="D1035" s="6" t="s">
        <v>4916</v>
      </c>
      <c r="E1035" s="22">
        <v>44646</v>
      </c>
      <c r="F1035" s="22">
        <v>46471</v>
      </c>
      <c r="G1035" s="6" t="s">
        <v>4917</v>
      </c>
      <c r="H1035" s="6" t="s">
        <v>62</v>
      </c>
      <c r="I1035" s="6" t="s">
        <v>186</v>
      </c>
      <c r="J1035" s="6" t="s">
        <v>4918</v>
      </c>
      <c r="K1035" s="9" t="s">
        <v>4919</v>
      </c>
      <c r="L1035" s="10" t="s">
        <v>22</v>
      </c>
      <c r="M1035" s="10" t="s">
        <v>22</v>
      </c>
      <c r="N1035" s="10" t="s">
        <v>22</v>
      </c>
      <c r="O1035" s="10" t="s">
        <v>22</v>
      </c>
      <c r="P1035" s="10" t="s">
        <v>22</v>
      </c>
      <c r="Q1035" s="10" t="s">
        <v>22</v>
      </c>
      <c r="R1035" s="10" t="s">
        <v>22</v>
      </c>
      <c r="S1035" s="10" t="s">
        <v>22</v>
      </c>
      <c r="T1035" s="10" t="s">
        <v>22</v>
      </c>
      <c r="U1035" s="10" t="s">
        <v>22</v>
      </c>
      <c r="V1035" s="10" t="s">
        <v>22</v>
      </c>
      <c r="W1035" s="10" t="s">
        <v>22</v>
      </c>
      <c r="X1035" s="10" t="s">
        <v>22</v>
      </c>
      <c r="Y1035" s="10" t="s">
        <v>22</v>
      </c>
      <c r="Z1035" s="10" t="s">
        <v>22</v>
      </c>
    </row>
    <row r="1036" spans="1:26" ht="24" customHeight="1" x14ac:dyDescent="0.2">
      <c r="A1036" s="9" t="s">
        <v>18304</v>
      </c>
      <c r="B1036" s="9" t="s">
        <v>14</v>
      </c>
      <c r="C1036" s="9" t="s">
        <v>4920</v>
      </c>
      <c r="D1036" s="6" t="s">
        <v>4921</v>
      </c>
      <c r="E1036" s="22">
        <v>44667</v>
      </c>
      <c r="F1036" s="22">
        <v>46492</v>
      </c>
      <c r="G1036" s="6" t="s">
        <v>4922</v>
      </c>
      <c r="H1036" s="6" t="s">
        <v>18</v>
      </c>
      <c r="I1036" s="6" t="s">
        <v>19</v>
      </c>
      <c r="J1036" s="6" t="s">
        <v>4923</v>
      </c>
      <c r="K1036" s="9" t="s">
        <v>4924</v>
      </c>
      <c r="L1036" s="10" t="s">
        <v>22</v>
      </c>
      <c r="M1036" s="10" t="s">
        <v>22</v>
      </c>
      <c r="N1036" s="10" t="s">
        <v>22</v>
      </c>
      <c r="O1036" s="10" t="s">
        <v>22</v>
      </c>
      <c r="P1036" s="10" t="s">
        <v>22</v>
      </c>
      <c r="Q1036" s="10" t="s">
        <v>22</v>
      </c>
      <c r="R1036" s="10" t="s">
        <v>22</v>
      </c>
      <c r="S1036" s="10" t="s">
        <v>22</v>
      </c>
      <c r="T1036" s="10" t="s">
        <v>22</v>
      </c>
      <c r="U1036" s="10" t="s">
        <v>22</v>
      </c>
      <c r="V1036" s="10" t="s">
        <v>22</v>
      </c>
      <c r="W1036" s="10" t="s">
        <v>22</v>
      </c>
      <c r="X1036" s="10" t="s">
        <v>22</v>
      </c>
      <c r="Y1036" s="10" t="s">
        <v>22</v>
      </c>
      <c r="Z1036" s="10" t="s">
        <v>22</v>
      </c>
    </row>
    <row r="1037" spans="1:26" ht="24" customHeight="1" x14ac:dyDescent="0.2">
      <c r="A1037" s="9" t="s">
        <v>18305</v>
      </c>
      <c r="B1037" s="9" t="s">
        <v>14</v>
      </c>
      <c r="C1037" s="9" t="s">
        <v>4925</v>
      </c>
      <c r="D1037" s="6" t="s">
        <v>4926</v>
      </c>
      <c r="E1037" s="22">
        <v>44670</v>
      </c>
      <c r="F1037" s="22">
        <v>46495</v>
      </c>
      <c r="G1037" s="6" t="s">
        <v>4927</v>
      </c>
      <c r="H1037" s="6" t="s">
        <v>202</v>
      </c>
      <c r="I1037" s="6" t="s">
        <v>863</v>
      </c>
      <c r="J1037" s="6" t="s">
        <v>4928</v>
      </c>
      <c r="K1037" s="9" t="s">
        <v>4929</v>
      </c>
      <c r="L1037" s="10" t="s">
        <v>22</v>
      </c>
      <c r="M1037" s="10" t="s">
        <v>22</v>
      </c>
      <c r="N1037" s="10" t="s">
        <v>22</v>
      </c>
      <c r="O1037" s="10" t="s">
        <v>22</v>
      </c>
      <c r="P1037" s="10" t="s">
        <v>22</v>
      </c>
      <c r="Q1037" s="10" t="s">
        <v>22</v>
      </c>
      <c r="R1037" s="10" t="s">
        <v>22</v>
      </c>
      <c r="S1037" s="10" t="s">
        <v>22</v>
      </c>
      <c r="T1037" s="10" t="s">
        <v>22</v>
      </c>
      <c r="U1037" s="10" t="s">
        <v>22</v>
      </c>
      <c r="V1037" s="10" t="s">
        <v>22</v>
      </c>
      <c r="W1037" s="10" t="s">
        <v>22</v>
      </c>
      <c r="X1037" s="10" t="s">
        <v>22</v>
      </c>
      <c r="Y1037" s="10" t="s">
        <v>22</v>
      </c>
      <c r="Z1037" s="10" t="s">
        <v>22</v>
      </c>
    </row>
    <row r="1038" spans="1:26" ht="24" customHeight="1" x14ac:dyDescent="0.2">
      <c r="A1038" s="9" t="s">
        <v>18306</v>
      </c>
      <c r="B1038" s="9" t="s">
        <v>14</v>
      </c>
      <c r="C1038" s="9" t="s">
        <v>4930</v>
      </c>
      <c r="D1038" s="6" t="s">
        <v>4931</v>
      </c>
      <c r="E1038" s="22">
        <v>44671</v>
      </c>
      <c r="F1038" s="22">
        <v>46496</v>
      </c>
      <c r="G1038" s="6" t="s">
        <v>4932</v>
      </c>
      <c r="H1038" s="6" t="s">
        <v>18</v>
      </c>
      <c r="I1038" s="6" t="s">
        <v>19</v>
      </c>
      <c r="J1038" s="6" t="s">
        <v>4933</v>
      </c>
      <c r="L1038" s="10" t="s">
        <v>22</v>
      </c>
      <c r="M1038" s="10" t="s">
        <v>22</v>
      </c>
      <c r="N1038" s="10" t="s">
        <v>22</v>
      </c>
      <c r="O1038" s="10" t="s">
        <v>22</v>
      </c>
      <c r="P1038" s="10" t="s">
        <v>22</v>
      </c>
      <c r="Q1038" s="10" t="s">
        <v>22</v>
      </c>
      <c r="R1038" s="10" t="s">
        <v>22</v>
      </c>
      <c r="S1038" s="10" t="s">
        <v>22</v>
      </c>
      <c r="T1038" s="10" t="s">
        <v>22</v>
      </c>
      <c r="U1038" s="10" t="s">
        <v>22</v>
      </c>
      <c r="V1038" s="10" t="s">
        <v>22</v>
      </c>
      <c r="W1038" s="10" t="s">
        <v>22</v>
      </c>
      <c r="X1038" s="10" t="s">
        <v>22</v>
      </c>
      <c r="Y1038" s="10" t="s">
        <v>22</v>
      </c>
      <c r="Z1038" s="10" t="s">
        <v>22</v>
      </c>
    </row>
    <row r="1039" spans="1:26" ht="34" customHeight="1" x14ac:dyDescent="0.2">
      <c r="A1039" s="9" t="s">
        <v>18307</v>
      </c>
      <c r="B1039" s="9" t="s">
        <v>14</v>
      </c>
      <c r="C1039" s="9" t="s">
        <v>4934</v>
      </c>
      <c r="D1039" s="6" t="s">
        <v>4935</v>
      </c>
      <c r="E1039" s="22">
        <v>44678</v>
      </c>
      <c r="F1039" s="22">
        <v>46503</v>
      </c>
      <c r="G1039" s="6" t="s">
        <v>4936</v>
      </c>
      <c r="H1039" s="6" t="s">
        <v>18</v>
      </c>
      <c r="I1039" s="6" t="s">
        <v>19</v>
      </c>
      <c r="J1039" s="6" t="s">
        <v>4937</v>
      </c>
      <c r="K1039" s="9" t="s">
        <v>4938</v>
      </c>
      <c r="L1039" s="10" t="s">
        <v>22</v>
      </c>
      <c r="M1039" s="10" t="s">
        <v>22</v>
      </c>
      <c r="N1039" s="10" t="s">
        <v>22</v>
      </c>
      <c r="O1039" s="10" t="s">
        <v>22</v>
      </c>
      <c r="P1039" s="10" t="s">
        <v>22</v>
      </c>
      <c r="Q1039" s="10" t="s">
        <v>22</v>
      </c>
      <c r="R1039" s="10" t="s">
        <v>22</v>
      </c>
      <c r="S1039" s="10" t="s">
        <v>22</v>
      </c>
      <c r="T1039" s="10" t="s">
        <v>22</v>
      </c>
      <c r="U1039" s="10" t="s">
        <v>22</v>
      </c>
      <c r="V1039" s="10" t="s">
        <v>22</v>
      </c>
      <c r="W1039" s="10" t="s">
        <v>22</v>
      </c>
      <c r="X1039" s="10" t="s">
        <v>22</v>
      </c>
      <c r="Y1039" s="10" t="s">
        <v>22</v>
      </c>
      <c r="Z1039" s="10" t="s">
        <v>22</v>
      </c>
    </row>
    <row r="1040" spans="1:26" ht="24" customHeight="1" x14ac:dyDescent="0.2">
      <c r="A1040" s="9" t="s">
        <v>18308</v>
      </c>
      <c r="B1040" s="9" t="s">
        <v>14</v>
      </c>
      <c r="C1040" s="9" t="s">
        <v>4939</v>
      </c>
      <c r="D1040" s="6" t="s">
        <v>4940</v>
      </c>
      <c r="E1040" s="22">
        <v>44702</v>
      </c>
      <c r="F1040" s="22">
        <v>46527</v>
      </c>
      <c r="G1040" s="6" t="s">
        <v>4941</v>
      </c>
      <c r="H1040" s="6" t="s">
        <v>18</v>
      </c>
      <c r="I1040" s="6" t="s">
        <v>26</v>
      </c>
      <c r="J1040" s="6" t="s">
        <v>4942</v>
      </c>
      <c r="K1040" s="9" t="s">
        <v>4943</v>
      </c>
      <c r="L1040" s="10" t="s">
        <v>22</v>
      </c>
      <c r="M1040" s="10" t="s">
        <v>22</v>
      </c>
      <c r="N1040" s="10" t="s">
        <v>22</v>
      </c>
      <c r="O1040" s="10" t="s">
        <v>22</v>
      </c>
      <c r="P1040" s="10" t="s">
        <v>22</v>
      </c>
      <c r="Q1040" s="10" t="s">
        <v>22</v>
      </c>
      <c r="R1040" s="10" t="s">
        <v>22</v>
      </c>
      <c r="S1040" s="10" t="s">
        <v>22</v>
      </c>
      <c r="T1040" s="10" t="s">
        <v>22</v>
      </c>
      <c r="U1040" s="10" t="s">
        <v>22</v>
      </c>
      <c r="V1040" s="10" t="s">
        <v>22</v>
      </c>
      <c r="W1040" s="10" t="s">
        <v>22</v>
      </c>
      <c r="X1040" s="10" t="s">
        <v>22</v>
      </c>
      <c r="Y1040" s="10" t="s">
        <v>22</v>
      </c>
      <c r="Z1040" s="10" t="s">
        <v>22</v>
      </c>
    </row>
    <row r="1041" spans="1:26" ht="24" customHeight="1" x14ac:dyDescent="0.2">
      <c r="A1041" s="9" t="s">
        <v>18309</v>
      </c>
      <c r="B1041" s="9" t="s">
        <v>14</v>
      </c>
      <c r="C1041" s="9" t="s">
        <v>4944</v>
      </c>
      <c r="D1041" s="6" t="s">
        <v>4945</v>
      </c>
      <c r="E1041" s="22">
        <v>44702</v>
      </c>
      <c r="F1041" s="22">
        <v>46527</v>
      </c>
      <c r="G1041" s="6" t="s">
        <v>4946</v>
      </c>
      <c r="H1041" s="6" t="s">
        <v>18</v>
      </c>
      <c r="I1041" s="6" t="s">
        <v>26</v>
      </c>
      <c r="J1041" s="6" t="s">
        <v>4947</v>
      </c>
      <c r="L1041" s="10" t="s">
        <v>22</v>
      </c>
      <c r="M1041" s="10" t="s">
        <v>22</v>
      </c>
      <c r="N1041" s="10" t="s">
        <v>22</v>
      </c>
      <c r="O1041" s="10" t="s">
        <v>22</v>
      </c>
      <c r="P1041" s="10" t="s">
        <v>22</v>
      </c>
      <c r="Q1041" s="10" t="s">
        <v>22</v>
      </c>
      <c r="R1041" s="10" t="s">
        <v>22</v>
      </c>
      <c r="S1041" s="10" t="s">
        <v>22</v>
      </c>
      <c r="T1041" s="10" t="s">
        <v>22</v>
      </c>
      <c r="U1041" s="10" t="s">
        <v>22</v>
      </c>
      <c r="V1041" s="10" t="s">
        <v>22</v>
      </c>
      <c r="W1041" s="10" t="s">
        <v>22</v>
      </c>
      <c r="X1041" s="10" t="s">
        <v>22</v>
      </c>
      <c r="Y1041" s="10" t="s">
        <v>22</v>
      </c>
      <c r="Z1041" s="10" t="s">
        <v>22</v>
      </c>
    </row>
    <row r="1042" spans="1:26" ht="24" customHeight="1" x14ac:dyDescent="0.2">
      <c r="A1042" s="9" t="s">
        <v>18310</v>
      </c>
      <c r="B1042" s="9" t="s">
        <v>14</v>
      </c>
      <c r="C1042" s="9" t="s">
        <v>4948</v>
      </c>
      <c r="D1042" s="6" t="s">
        <v>4949</v>
      </c>
      <c r="E1042" s="22">
        <v>44713</v>
      </c>
      <c r="F1042" s="22">
        <v>46538</v>
      </c>
      <c r="G1042" s="6" t="s">
        <v>4950</v>
      </c>
      <c r="H1042" s="6" t="s">
        <v>18</v>
      </c>
      <c r="I1042" s="6" t="s">
        <v>19</v>
      </c>
      <c r="J1042" s="6" t="s">
        <v>4951</v>
      </c>
      <c r="K1042" s="9" t="s">
        <v>4952</v>
      </c>
      <c r="M1042" s="10" t="s">
        <v>22</v>
      </c>
      <c r="N1042" s="10" t="s">
        <v>22</v>
      </c>
      <c r="P1042" s="10" t="s">
        <v>22</v>
      </c>
      <c r="Q1042" s="10" t="s">
        <v>22</v>
      </c>
      <c r="S1042" s="10" t="s">
        <v>22</v>
      </c>
      <c r="T1042" s="10" t="s">
        <v>22</v>
      </c>
      <c r="V1042" s="10" t="s">
        <v>22</v>
      </c>
      <c r="W1042" s="10" t="s">
        <v>22</v>
      </c>
      <c r="Y1042" s="10" t="s">
        <v>22</v>
      </c>
      <c r="Z1042" s="10" t="s">
        <v>22</v>
      </c>
    </row>
    <row r="1043" spans="1:26" ht="24" customHeight="1" x14ac:dyDescent="0.2">
      <c r="A1043" s="9" t="s">
        <v>18311</v>
      </c>
      <c r="B1043" s="9" t="s">
        <v>14</v>
      </c>
      <c r="C1043" s="9" t="s">
        <v>4953</v>
      </c>
      <c r="D1043" s="6" t="s">
        <v>4954</v>
      </c>
      <c r="E1043" s="22">
        <v>44723</v>
      </c>
      <c r="F1043" s="22">
        <v>46548</v>
      </c>
      <c r="G1043" s="6" t="s">
        <v>4955</v>
      </c>
      <c r="H1043" s="6" t="s">
        <v>62</v>
      </c>
      <c r="I1043" s="6" t="s">
        <v>2753</v>
      </c>
      <c r="J1043" s="6" t="s">
        <v>4956</v>
      </c>
      <c r="K1043" s="9" t="s">
        <v>4957</v>
      </c>
      <c r="L1043" s="10" t="s">
        <v>22</v>
      </c>
      <c r="M1043" s="10" t="s">
        <v>22</v>
      </c>
      <c r="N1043" s="10" t="s">
        <v>22</v>
      </c>
      <c r="O1043" s="10" t="s">
        <v>22</v>
      </c>
      <c r="P1043" s="10" t="s">
        <v>22</v>
      </c>
      <c r="Q1043" s="10" t="s">
        <v>22</v>
      </c>
      <c r="R1043" s="10" t="s">
        <v>22</v>
      </c>
      <c r="S1043" s="10" t="s">
        <v>22</v>
      </c>
      <c r="T1043" s="10" t="s">
        <v>22</v>
      </c>
      <c r="U1043" s="10" t="s">
        <v>22</v>
      </c>
      <c r="V1043" s="10" t="s">
        <v>22</v>
      </c>
      <c r="W1043" s="10" t="s">
        <v>22</v>
      </c>
      <c r="X1043" s="10" t="s">
        <v>22</v>
      </c>
      <c r="Y1043" s="10" t="s">
        <v>22</v>
      </c>
      <c r="Z1043" s="10" t="s">
        <v>22</v>
      </c>
    </row>
    <row r="1044" spans="1:26" ht="24" customHeight="1" x14ac:dyDescent="0.2">
      <c r="A1044" s="9" t="s">
        <v>18312</v>
      </c>
      <c r="B1044" s="9" t="s">
        <v>14</v>
      </c>
      <c r="C1044" s="9" t="s">
        <v>4958</v>
      </c>
      <c r="D1044" s="6" t="s">
        <v>4959</v>
      </c>
      <c r="E1044" s="22">
        <v>44723</v>
      </c>
      <c r="F1044" s="22">
        <v>46548</v>
      </c>
      <c r="G1044" s="6" t="s">
        <v>4960</v>
      </c>
      <c r="H1044" s="6" t="s">
        <v>62</v>
      </c>
      <c r="I1044" s="6" t="s">
        <v>1141</v>
      </c>
      <c r="J1044" s="6" t="s">
        <v>4961</v>
      </c>
      <c r="K1044" s="9" t="s">
        <v>4962</v>
      </c>
      <c r="L1044" s="10" t="s">
        <v>22</v>
      </c>
      <c r="M1044" s="10" t="s">
        <v>22</v>
      </c>
      <c r="N1044" s="10" t="s">
        <v>22</v>
      </c>
      <c r="O1044" s="10" t="s">
        <v>22</v>
      </c>
      <c r="P1044" s="10" t="s">
        <v>22</v>
      </c>
      <c r="Q1044" s="10" t="s">
        <v>22</v>
      </c>
      <c r="R1044" s="10" t="s">
        <v>22</v>
      </c>
      <c r="S1044" s="10" t="s">
        <v>22</v>
      </c>
      <c r="T1044" s="10" t="s">
        <v>22</v>
      </c>
      <c r="U1044" s="10" t="s">
        <v>22</v>
      </c>
      <c r="V1044" s="10" t="s">
        <v>22</v>
      </c>
      <c r="W1044" s="10" t="s">
        <v>22</v>
      </c>
      <c r="X1044" s="10" t="s">
        <v>22</v>
      </c>
      <c r="Y1044" s="10" t="s">
        <v>22</v>
      </c>
      <c r="Z1044" s="10" t="s">
        <v>22</v>
      </c>
    </row>
    <row r="1045" spans="1:26" ht="24" customHeight="1" x14ac:dyDescent="0.2">
      <c r="A1045" s="9" t="s">
        <v>18313</v>
      </c>
      <c r="B1045" s="9" t="s">
        <v>14</v>
      </c>
      <c r="C1045" s="9" t="s">
        <v>4963</v>
      </c>
      <c r="D1045" s="6" t="s">
        <v>4964</v>
      </c>
      <c r="E1045" s="22">
        <v>44733</v>
      </c>
      <c r="F1045" s="22">
        <v>46558</v>
      </c>
      <c r="G1045" s="6" t="s">
        <v>4965</v>
      </c>
      <c r="H1045" s="6" t="s">
        <v>18</v>
      </c>
      <c r="I1045" s="6" t="s">
        <v>19</v>
      </c>
      <c r="J1045" s="6" t="s">
        <v>4966</v>
      </c>
      <c r="K1045" s="9" t="s">
        <v>4967</v>
      </c>
      <c r="L1045" s="10" t="s">
        <v>22</v>
      </c>
      <c r="M1045" s="10" t="s">
        <v>22</v>
      </c>
      <c r="N1045" s="10" t="s">
        <v>22</v>
      </c>
      <c r="O1045" s="10" t="s">
        <v>22</v>
      </c>
      <c r="P1045" s="10" t="s">
        <v>22</v>
      </c>
      <c r="Q1045" s="10" t="s">
        <v>22</v>
      </c>
      <c r="U1045" s="10" t="s">
        <v>22</v>
      </c>
      <c r="V1045" s="10" t="s">
        <v>22</v>
      </c>
      <c r="W1045" s="10" t="s">
        <v>22</v>
      </c>
      <c r="X1045" s="10" t="s">
        <v>22</v>
      </c>
      <c r="Y1045" s="10" t="s">
        <v>22</v>
      </c>
      <c r="Z1045" s="10" t="s">
        <v>22</v>
      </c>
    </row>
    <row r="1046" spans="1:26" ht="24" customHeight="1" x14ac:dyDescent="0.2">
      <c r="A1046" s="9" t="s">
        <v>18314</v>
      </c>
      <c r="B1046" s="9" t="s">
        <v>14</v>
      </c>
      <c r="C1046" s="9" t="s">
        <v>4968</v>
      </c>
      <c r="D1046" s="6" t="s">
        <v>4969</v>
      </c>
      <c r="E1046" s="22">
        <v>44752</v>
      </c>
      <c r="F1046" s="22">
        <v>46577</v>
      </c>
      <c r="G1046" s="6" t="s">
        <v>4970</v>
      </c>
      <c r="H1046" s="6" t="s">
        <v>701</v>
      </c>
      <c r="I1046" s="6" t="s">
        <v>4971</v>
      </c>
      <c r="J1046" s="6" t="s">
        <v>4972</v>
      </c>
      <c r="K1046" s="9" t="s">
        <v>4973</v>
      </c>
      <c r="O1046" s="10" t="s">
        <v>22</v>
      </c>
      <c r="P1046" s="10" t="s">
        <v>22</v>
      </c>
      <c r="Q1046" s="10" t="s">
        <v>22</v>
      </c>
      <c r="X1046" s="10" t="s">
        <v>22</v>
      </c>
      <c r="Y1046" s="10" t="s">
        <v>22</v>
      </c>
      <c r="Z1046" s="10" t="s">
        <v>22</v>
      </c>
    </row>
    <row r="1047" spans="1:26" ht="24" customHeight="1" x14ac:dyDescent="0.2">
      <c r="A1047" s="9" t="s">
        <v>18315</v>
      </c>
      <c r="B1047" s="9" t="s">
        <v>14</v>
      </c>
      <c r="C1047" s="9" t="s">
        <v>4974</v>
      </c>
      <c r="D1047" s="6" t="s">
        <v>4975</v>
      </c>
      <c r="E1047" s="22">
        <v>44769</v>
      </c>
      <c r="F1047" s="22">
        <v>46594</v>
      </c>
      <c r="G1047" s="6" t="s">
        <v>4976</v>
      </c>
      <c r="H1047" s="6" t="s">
        <v>62</v>
      </c>
      <c r="I1047" s="6" t="s">
        <v>414</v>
      </c>
      <c r="J1047" s="6" t="s">
        <v>4977</v>
      </c>
      <c r="L1047" s="10" t="s">
        <v>22</v>
      </c>
      <c r="M1047" s="10" t="s">
        <v>22</v>
      </c>
      <c r="N1047" s="10" t="s">
        <v>22</v>
      </c>
      <c r="O1047" s="10" t="s">
        <v>22</v>
      </c>
      <c r="P1047" s="10" t="s">
        <v>22</v>
      </c>
      <c r="Q1047" s="10" t="s">
        <v>22</v>
      </c>
      <c r="R1047" s="10" t="s">
        <v>22</v>
      </c>
      <c r="S1047" s="10" t="s">
        <v>22</v>
      </c>
      <c r="T1047" s="10" t="s">
        <v>22</v>
      </c>
      <c r="U1047" s="10" t="s">
        <v>22</v>
      </c>
      <c r="V1047" s="10" t="s">
        <v>22</v>
      </c>
      <c r="W1047" s="10" t="s">
        <v>22</v>
      </c>
      <c r="X1047" s="10" t="s">
        <v>22</v>
      </c>
      <c r="Y1047" s="10" t="s">
        <v>22</v>
      </c>
      <c r="Z1047" s="10" t="s">
        <v>22</v>
      </c>
    </row>
    <row r="1048" spans="1:26" ht="36" customHeight="1" x14ac:dyDescent="0.2">
      <c r="A1048" s="9" t="s">
        <v>18316</v>
      </c>
      <c r="B1048" s="9" t="s">
        <v>14</v>
      </c>
      <c r="C1048" s="9" t="s">
        <v>4978</v>
      </c>
      <c r="D1048" s="6" t="s">
        <v>4979</v>
      </c>
      <c r="E1048" s="22">
        <v>44781</v>
      </c>
      <c r="F1048" s="22">
        <v>46606</v>
      </c>
      <c r="G1048" s="6" t="s">
        <v>16207</v>
      </c>
      <c r="H1048" s="6" t="s">
        <v>62</v>
      </c>
      <c r="I1048" s="6" t="s">
        <v>279</v>
      </c>
      <c r="J1048" s="6" t="s">
        <v>4980</v>
      </c>
      <c r="K1048" s="9" t="s">
        <v>4981</v>
      </c>
      <c r="L1048" s="10" t="s">
        <v>22</v>
      </c>
      <c r="M1048" s="10" t="s">
        <v>22</v>
      </c>
      <c r="N1048" s="10" t="s">
        <v>22</v>
      </c>
      <c r="O1048" s="10" t="s">
        <v>22</v>
      </c>
      <c r="P1048" s="10" t="s">
        <v>22</v>
      </c>
      <c r="Q1048" s="10" t="s">
        <v>22</v>
      </c>
      <c r="R1048" s="10" t="s">
        <v>22</v>
      </c>
      <c r="S1048" s="10" t="s">
        <v>22</v>
      </c>
      <c r="T1048" s="10" t="s">
        <v>22</v>
      </c>
      <c r="U1048" s="10" t="s">
        <v>22</v>
      </c>
      <c r="V1048" s="10" t="s">
        <v>22</v>
      </c>
      <c r="W1048" s="10" t="s">
        <v>22</v>
      </c>
      <c r="X1048" s="10" t="s">
        <v>22</v>
      </c>
      <c r="Y1048" s="10" t="s">
        <v>22</v>
      </c>
      <c r="Z1048" s="10" t="s">
        <v>22</v>
      </c>
    </row>
    <row r="1049" spans="1:26" ht="24" customHeight="1" x14ac:dyDescent="0.2">
      <c r="A1049" s="9" t="s">
        <v>18317</v>
      </c>
      <c r="B1049" s="9" t="s">
        <v>14</v>
      </c>
      <c r="C1049" s="9" t="s">
        <v>4978</v>
      </c>
      <c r="D1049" s="6" t="s">
        <v>4979</v>
      </c>
      <c r="E1049" s="22">
        <v>44781</v>
      </c>
      <c r="F1049" s="22">
        <v>46606</v>
      </c>
      <c r="G1049" s="6" t="s">
        <v>4982</v>
      </c>
      <c r="H1049" s="6" t="s">
        <v>2029</v>
      </c>
      <c r="I1049" s="6" t="s">
        <v>4983</v>
      </c>
      <c r="J1049" s="6" t="s">
        <v>4984</v>
      </c>
      <c r="K1049" s="9" t="s">
        <v>4985</v>
      </c>
      <c r="L1049" s="10" t="s">
        <v>22</v>
      </c>
      <c r="M1049" s="10" t="s">
        <v>22</v>
      </c>
      <c r="N1049" s="10" t="s">
        <v>22</v>
      </c>
      <c r="O1049" s="10" t="s">
        <v>22</v>
      </c>
      <c r="P1049" s="10" t="s">
        <v>22</v>
      </c>
      <c r="Q1049" s="10" t="s">
        <v>22</v>
      </c>
      <c r="U1049" s="10" t="s">
        <v>22</v>
      </c>
      <c r="V1049" s="10" t="s">
        <v>22</v>
      </c>
      <c r="W1049" s="10" t="s">
        <v>22</v>
      </c>
      <c r="X1049" s="10" t="s">
        <v>22</v>
      </c>
      <c r="Y1049" s="10" t="s">
        <v>22</v>
      </c>
      <c r="Z1049" s="10" t="s">
        <v>22</v>
      </c>
    </row>
    <row r="1050" spans="1:26" ht="24" customHeight="1" x14ac:dyDescent="0.2">
      <c r="A1050" s="9" t="s">
        <v>18318</v>
      </c>
      <c r="B1050" s="9" t="s">
        <v>14</v>
      </c>
      <c r="C1050" s="9" t="s">
        <v>4978</v>
      </c>
      <c r="D1050" s="6" t="s">
        <v>4979</v>
      </c>
      <c r="E1050" s="22">
        <v>44781</v>
      </c>
      <c r="F1050" s="22">
        <v>46606</v>
      </c>
      <c r="G1050" s="6" t="s">
        <v>4986</v>
      </c>
      <c r="H1050" s="6" t="s">
        <v>62</v>
      </c>
      <c r="I1050" s="6" t="s">
        <v>264</v>
      </c>
      <c r="J1050" s="6" t="s">
        <v>4987</v>
      </c>
      <c r="K1050" s="9" t="s">
        <v>4988</v>
      </c>
      <c r="L1050" s="10" t="s">
        <v>22</v>
      </c>
      <c r="M1050" s="10" t="s">
        <v>22</v>
      </c>
      <c r="N1050" s="10" t="s">
        <v>22</v>
      </c>
      <c r="O1050" s="10" t="s">
        <v>22</v>
      </c>
      <c r="P1050" s="10" t="s">
        <v>22</v>
      </c>
      <c r="Q1050" s="10" t="s">
        <v>22</v>
      </c>
      <c r="R1050" s="10" t="s">
        <v>22</v>
      </c>
      <c r="S1050" s="10" t="s">
        <v>22</v>
      </c>
      <c r="T1050" s="10" t="s">
        <v>22</v>
      </c>
      <c r="U1050" s="10" t="s">
        <v>22</v>
      </c>
      <c r="V1050" s="10" t="s">
        <v>22</v>
      </c>
      <c r="W1050" s="10" t="s">
        <v>22</v>
      </c>
      <c r="X1050" s="10" t="s">
        <v>22</v>
      </c>
      <c r="Y1050" s="10" t="s">
        <v>22</v>
      </c>
      <c r="Z1050" s="10" t="s">
        <v>22</v>
      </c>
    </row>
    <row r="1051" spans="1:26" ht="24" customHeight="1" x14ac:dyDescent="0.2">
      <c r="A1051" s="9" t="s">
        <v>18319</v>
      </c>
      <c r="B1051" s="9" t="s">
        <v>14</v>
      </c>
      <c r="C1051" s="9" t="s">
        <v>4989</v>
      </c>
      <c r="D1051" s="6" t="s">
        <v>4990</v>
      </c>
      <c r="E1051" s="22">
        <v>44793</v>
      </c>
      <c r="F1051" s="22">
        <v>46618</v>
      </c>
      <c r="G1051" s="6" t="s">
        <v>4991</v>
      </c>
      <c r="H1051" s="6" t="s">
        <v>18</v>
      </c>
      <c r="I1051" s="6" t="s">
        <v>19</v>
      </c>
      <c r="J1051" s="6" t="s">
        <v>4992</v>
      </c>
      <c r="K1051" s="9" t="s">
        <v>4993</v>
      </c>
      <c r="L1051" s="10" t="s">
        <v>22</v>
      </c>
      <c r="M1051" s="10" t="s">
        <v>22</v>
      </c>
      <c r="N1051" s="10" t="s">
        <v>22</v>
      </c>
      <c r="U1051" s="10" t="s">
        <v>22</v>
      </c>
      <c r="V1051" s="10" t="s">
        <v>22</v>
      </c>
      <c r="W1051" s="10" t="s">
        <v>22</v>
      </c>
    </row>
    <row r="1052" spans="1:26" ht="24" customHeight="1" x14ac:dyDescent="0.2">
      <c r="A1052" s="9" t="s">
        <v>18320</v>
      </c>
      <c r="B1052" s="9" t="s">
        <v>14</v>
      </c>
      <c r="C1052" s="9" t="s">
        <v>4994</v>
      </c>
      <c r="D1052" s="6" t="s">
        <v>4995</v>
      </c>
      <c r="E1052" s="22">
        <v>44797</v>
      </c>
      <c r="F1052" s="22">
        <v>46622</v>
      </c>
      <c r="G1052" s="6" t="s">
        <v>4996</v>
      </c>
      <c r="H1052" s="6" t="s">
        <v>62</v>
      </c>
      <c r="I1052" s="6" t="s">
        <v>186</v>
      </c>
      <c r="J1052" s="6" t="s">
        <v>4997</v>
      </c>
      <c r="K1052" s="9" t="s">
        <v>4998</v>
      </c>
      <c r="L1052" s="10" t="s">
        <v>22</v>
      </c>
      <c r="M1052" s="10" t="s">
        <v>22</v>
      </c>
      <c r="N1052" s="10" t="s">
        <v>22</v>
      </c>
      <c r="O1052" s="10" t="s">
        <v>22</v>
      </c>
      <c r="P1052" s="10" t="s">
        <v>22</v>
      </c>
      <c r="Q1052" s="10" t="s">
        <v>22</v>
      </c>
      <c r="R1052" s="10" t="s">
        <v>22</v>
      </c>
      <c r="S1052" s="10" t="s">
        <v>22</v>
      </c>
      <c r="T1052" s="10" t="s">
        <v>22</v>
      </c>
      <c r="U1052" s="10" t="s">
        <v>22</v>
      </c>
      <c r="V1052" s="10" t="s">
        <v>22</v>
      </c>
      <c r="W1052" s="10" t="s">
        <v>22</v>
      </c>
      <c r="X1052" s="10" t="s">
        <v>22</v>
      </c>
      <c r="Y1052" s="10" t="s">
        <v>22</v>
      </c>
      <c r="Z1052" s="10" t="s">
        <v>22</v>
      </c>
    </row>
    <row r="1053" spans="1:26" ht="24" customHeight="1" x14ac:dyDescent="0.2">
      <c r="A1053" s="9" t="s">
        <v>18321</v>
      </c>
      <c r="B1053" s="9" t="s">
        <v>14</v>
      </c>
      <c r="C1053" s="9" t="s">
        <v>4999</v>
      </c>
      <c r="D1053" s="6" t="s">
        <v>5000</v>
      </c>
      <c r="E1053" s="22">
        <v>44797</v>
      </c>
      <c r="F1053" s="22">
        <v>46622</v>
      </c>
      <c r="G1053" s="6" t="s">
        <v>5001</v>
      </c>
      <c r="H1053" s="6" t="s">
        <v>18</v>
      </c>
      <c r="I1053" s="6" t="s">
        <v>19</v>
      </c>
      <c r="J1053" s="6" t="s">
        <v>5002</v>
      </c>
      <c r="K1053" s="9" t="s">
        <v>5003</v>
      </c>
      <c r="L1053" s="10" t="s">
        <v>22</v>
      </c>
      <c r="M1053" s="10" t="s">
        <v>22</v>
      </c>
      <c r="N1053" s="10" t="s">
        <v>22</v>
      </c>
      <c r="O1053" s="10" t="s">
        <v>22</v>
      </c>
      <c r="P1053" s="10" t="s">
        <v>22</v>
      </c>
      <c r="Q1053" s="10" t="s">
        <v>22</v>
      </c>
      <c r="R1053" s="10" t="s">
        <v>22</v>
      </c>
      <c r="S1053" s="10" t="s">
        <v>22</v>
      </c>
      <c r="T1053" s="10" t="s">
        <v>22</v>
      </c>
      <c r="U1053" s="10" t="s">
        <v>22</v>
      </c>
      <c r="V1053" s="10" t="s">
        <v>22</v>
      </c>
      <c r="W1053" s="10" t="s">
        <v>22</v>
      </c>
      <c r="X1053" s="10" t="s">
        <v>22</v>
      </c>
      <c r="Y1053" s="10" t="s">
        <v>22</v>
      </c>
      <c r="Z1053" s="10" t="s">
        <v>22</v>
      </c>
    </row>
    <row r="1054" spans="1:26" ht="24" customHeight="1" x14ac:dyDescent="0.2">
      <c r="A1054" s="9" t="s">
        <v>18322</v>
      </c>
      <c r="B1054" s="9" t="s">
        <v>14</v>
      </c>
      <c r="C1054" s="9" t="s">
        <v>5004</v>
      </c>
      <c r="D1054" s="6" t="s">
        <v>5005</v>
      </c>
      <c r="E1054" s="22">
        <v>44802</v>
      </c>
      <c r="F1054" s="22">
        <v>46627</v>
      </c>
      <c r="G1054" s="6" t="s">
        <v>5006</v>
      </c>
      <c r="H1054" s="6" t="s">
        <v>18</v>
      </c>
      <c r="I1054" s="6" t="s">
        <v>1145</v>
      </c>
      <c r="J1054" s="6" t="s">
        <v>5007</v>
      </c>
      <c r="K1054" s="9" t="s">
        <v>5008</v>
      </c>
      <c r="L1054" s="10" t="s">
        <v>22</v>
      </c>
      <c r="M1054" s="10" t="s">
        <v>22</v>
      </c>
      <c r="N1054" s="10" t="s">
        <v>22</v>
      </c>
      <c r="U1054" s="10" t="s">
        <v>22</v>
      </c>
      <c r="V1054" s="10" t="s">
        <v>22</v>
      </c>
      <c r="W1054" s="10" t="s">
        <v>22</v>
      </c>
      <c r="X1054" s="10" t="s">
        <v>22</v>
      </c>
      <c r="Y1054" s="10" t="s">
        <v>22</v>
      </c>
      <c r="Z1054" s="10" t="s">
        <v>22</v>
      </c>
    </row>
    <row r="1055" spans="1:26" ht="24" customHeight="1" x14ac:dyDescent="0.2">
      <c r="A1055" s="9" t="s">
        <v>18323</v>
      </c>
      <c r="B1055" s="9" t="s">
        <v>14</v>
      </c>
      <c r="C1055" s="9" t="s">
        <v>5004</v>
      </c>
      <c r="D1055" s="6" t="s">
        <v>5005</v>
      </c>
      <c r="E1055" s="22">
        <v>44802</v>
      </c>
      <c r="F1055" s="22">
        <v>46627</v>
      </c>
      <c r="G1055" s="6" t="s">
        <v>5009</v>
      </c>
      <c r="H1055" s="6" t="s">
        <v>18</v>
      </c>
      <c r="I1055" s="6" t="s">
        <v>19</v>
      </c>
      <c r="J1055" s="6" t="s">
        <v>5010</v>
      </c>
      <c r="K1055" s="9" t="s">
        <v>5011</v>
      </c>
      <c r="L1055" s="10" t="s">
        <v>22</v>
      </c>
      <c r="M1055" s="10" t="s">
        <v>22</v>
      </c>
      <c r="N1055" s="10" t="s">
        <v>22</v>
      </c>
      <c r="U1055" s="10" t="s">
        <v>22</v>
      </c>
      <c r="V1055" s="10" t="s">
        <v>22</v>
      </c>
      <c r="W1055" s="10" t="s">
        <v>22</v>
      </c>
      <c r="X1055" s="10" t="s">
        <v>22</v>
      </c>
      <c r="Y1055" s="10" t="s">
        <v>22</v>
      </c>
      <c r="Z1055" s="10" t="s">
        <v>22</v>
      </c>
    </row>
    <row r="1056" spans="1:26" ht="24" customHeight="1" x14ac:dyDescent="0.2">
      <c r="A1056" s="9" t="s">
        <v>18324</v>
      </c>
      <c r="B1056" s="9" t="s">
        <v>14</v>
      </c>
      <c r="C1056" s="9" t="s">
        <v>5012</v>
      </c>
      <c r="D1056" s="6" t="s">
        <v>5013</v>
      </c>
      <c r="E1056" s="22">
        <v>44802</v>
      </c>
      <c r="F1056" s="22">
        <v>46627</v>
      </c>
      <c r="G1056" s="6" t="s">
        <v>5014</v>
      </c>
      <c r="H1056" s="6" t="s">
        <v>62</v>
      </c>
      <c r="I1056" s="6" t="s">
        <v>1186</v>
      </c>
      <c r="J1056" s="6" t="s">
        <v>5015</v>
      </c>
      <c r="K1056" s="9" t="s">
        <v>5016</v>
      </c>
      <c r="L1056" s="10" t="s">
        <v>22</v>
      </c>
      <c r="M1056" s="10" t="s">
        <v>22</v>
      </c>
      <c r="N1056" s="10" t="s">
        <v>22</v>
      </c>
      <c r="O1056" s="10" t="s">
        <v>22</v>
      </c>
      <c r="P1056" s="10" t="s">
        <v>22</v>
      </c>
      <c r="Q1056" s="10" t="s">
        <v>22</v>
      </c>
      <c r="R1056" s="10" t="s">
        <v>22</v>
      </c>
      <c r="S1056" s="10" t="s">
        <v>22</v>
      </c>
      <c r="T1056" s="10" t="s">
        <v>22</v>
      </c>
      <c r="U1056" s="10" t="s">
        <v>22</v>
      </c>
      <c r="V1056" s="10" t="s">
        <v>22</v>
      </c>
      <c r="W1056" s="10" t="s">
        <v>22</v>
      </c>
      <c r="X1056" s="10" t="s">
        <v>22</v>
      </c>
      <c r="Y1056" s="10" t="s">
        <v>22</v>
      </c>
      <c r="Z1056" s="10" t="s">
        <v>22</v>
      </c>
    </row>
    <row r="1057" spans="1:26" ht="24" customHeight="1" x14ac:dyDescent="0.2">
      <c r="A1057" s="9" t="s">
        <v>18325</v>
      </c>
      <c r="B1057" s="9" t="s">
        <v>14</v>
      </c>
      <c r="C1057" s="9" t="s">
        <v>5017</v>
      </c>
      <c r="D1057" s="6" t="s">
        <v>5018</v>
      </c>
      <c r="E1057" s="22">
        <v>44804</v>
      </c>
      <c r="F1057" s="22">
        <v>46629</v>
      </c>
      <c r="G1057" s="6" t="s">
        <v>5019</v>
      </c>
      <c r="H1057" s="6" t="s">
        <v>62</v>
      </c>
      <c r="I1057" s="6" t="s">
        <v>186</v>
      </c>
      <c r="J1057" s="6" t="s">
        <v>5020</v>
      </c>
      <c r="L1057" s="10" t="s">
        <v>22</v>
      </c>
      <c r="M1057" s="10" t="s">
        <v>22</v>
      </c>
      <c r="N1057" s="10" t="s">
        <v>22</v>
      </c>
      <c r="O1057" s="10" t="s">
        <v>22</v>
      </c>
      <c r="P1057" s="10" t="s">
        <v>22</v>
      </c>
      <c r="Q1057" s="10" t="s">
        <v>22</v>
      </c>
      <c r="R1057" s="10" t="s">
        <v>22</v>
      </c>
      <c r="S1057" s="10" t="s">
        <v>22</v>
      </c>
      <c r="T1057" s="10" t="s">
        <v>22</v>
      </c>
      <c r="U1057" s="10" t="s">
        <v>22</v>
      </c>
      <c r="V1057" s="10" t="s">
        <v>22</v>
      </c>
      <c r="W1057" s="10" t="s">
        <v>22</v>
      </c>
      <c r="X1057" s="10" t="s">
        <v>22</v>
      </c>
      <c r="Y1057" s="10" t="s">
        <v>22</v>
      </c>
      <c r="Z1057" s="10" t="s">
        <v>22</v>
      </c>
    </row>
    <row r="1058" spans="1:26" ht="24" customHeight="1" x14ac:dyDescent="0.2">
      <c r="A1058" s="9" t="s">
        <v>18326</v>
      </c>
      <c r="B1058" s="9" t="s">
        <v>14</v>
      </c>
      <c r="C1058" s="9" t="s">
        <v>5021</v>
      </c>
      <c r="D1058" s="6" t="s">
        <v>5022</v>
      </c>
      <c r="E1058" s="22">
        <v>44804</v>
      </c>
      <c r="F1058" s="22">
        <v>46629</v>
      </c>
      <c r="G1058" s="6" t="s">
        <v>5023</v>
      </c>
      <c r="H1058" s="6" t="s">
        <v>18</v>
      </c>
      <c r="I1058" s="6" t="s">
        <v>19</v>
      </c>
      <c r="J1058" s="6" t="s">
        <v>5024</v>
      </c>
      <c r="K1058" s="9" t="s">
        <v>5025</v>
      </c>
      <c r="O1058" s="10" t="s">
        <v>22</v>
      </c>
      <c r="P1058" s="10" t="s">
        <v>22</v>
      </c>
      <c r="Q1058" s="10" t="s">
        <v>22</v>
      </c>
      <c r="X1058" s="10" t="s">
        <v>22</v>
      </c>
      <c r="Y1058" s="10" t="s">
        <v>22</v>
      </c>
      <c r="Z1058" s="10" t="s">
        <v>22</v>
      </c>
    </row>
    <row r="1059" spans="1:26" ht="33" customHeight="1" x14ac:dyDescent="0.2">
      <c r="A1059" s="9" t="s">
        <v>18327</v>
      </c>
      <c r="B1059" s="9" t="s">
        <v>14</v>
      </c>
      <c r="C1059" s="9" t="s">
        <v>5026</v>
      </c>
      <c r="D1059" s="6" t="s">
        <v>5027</v>
      </c>
      <c r="E1059" s="22">
        <v>44818</v>
      </c>
      <c r="F1059" s="22">
        <v>46643</v>
      </c>
      <c r="G1059" s="6" t="s">
        <v>5028</v>
      </c>
      <c r="H1059" s="6" t="s">
        <v>18</v>
      </c>
      <c r="I1059" s="6" t="s">
        <v>5029</v>
      </c>
      <c r="J1059" s="6" t="s">
        <v>5030</v>
      </c>
      <c r="K1059" s="9" t="s">
        <v>5031</v>
      </c>
      <c r="L1059" s="10" t="s">
        <v>22</v>
      </c>
      <c r="M1059" s="10" t="s">
        <v>22</v>
      </c>
      <c r="N1059" s="10" t="s">
        <v>22</v>
      </c>
      <c r="O1059" s="10" t="s">
        <v>22</v>
      </c>
      <c r="P1059" s="10" t="s">
        <v>22</v>
      </c>
      <c r="Q1059" s="10" t="s">
        <v>22</v>
      </c>
    </row>
    <row r="1060" spans="1:26" ht="24" customHeight="1" x14ac:dyDescent="0.2">
      <c r="A1060" s="9" t="s">
        <v>18328</v>
      </c>
      <c r="B1060" s="9" t="s">
        <v>14</v>
      </c>
      <c r="C1060" s="9" t="s">
        <v>5032</v>
      </c>
      <c r="D1060" s="6" t="s">
        <v>5033</v>
      </c>
      <c r="E1060" s="22">
        <v>44818</v>
      </c>
      <c r="F1060" s="22">
        <v>46643</v>
      </c>
      <c r="G1060" s="6" t="s">
        <v>5034</v>
      </c>
      <c r="H1060" s="6" t="s">
        <v>18</v>
      </c>
      <c r="I1060" s="6" t="s">
        <v>19</v>
      </c>
      <c r="J1060" s="6" t="s">
        <v>5035</v>
      </c>
      <c r="K1060" s="9" t="s">
        <v>5036</v>
      </c>
      <c r="L1060" s="10" t="s">
        <v>22</v>
      </c>
      <c r="M1060" s="10" t="s">
        <v>22</v>
      </c>
      <c r="N1060" s="10" t="s">
        <v>22</v>
      </c>
      <c r="O1060" s="10" t="s">
        <v>22</v>
      </c>
      <c r="P1060" s="10" t="s">
        <v>22</v>
      </c>
      <c r="Q1060" s="10" t="s">
        <v>22</v>
      </c>
      <c r="R1060" s="10" t="s">
        <v>22</v>
      </c>
      <c r="S1060" s="10" t="s">
        <v>22</v>
      </c>
      <c r="T1060" s="10" t="s">
        <v>22</v>
      </c>
      <c r="U1060" s="10" t="s">
        <v>22</v>
      </c>
      <c r="V1060" s="10" t="s">
        <v>22</v>
      </c>
      <c r="W1060" s="10" t="s">
        <v>22</v>
      </c>
      <c r="X1060" s="10" t="s">
        <v>22</v>
      </c>
      <c r="Y1060" s="10" t="s">
        <v>22</v>
      </c>
      <c r="Z1060" s="10" t="s">
        <v>22</v>
      </c>
    </row>
    <row r="1061" spans="1:26" ht="24" customHeight="1" x14ac:dyDescent="0.2">
      <c r="A1061" s="9" t="s">
        <v>18329</v>
      </c>
      <c r="B1061" s="9" t="s">
        <v>14</v>
      </c>
      <c r="C1061" s="9" t="s">
        <v>5037</v>
      </c>
      <c r="D1061" s="6" t="s">
        <v>5038</v>
      </c>
      <c r="E1061" s="22">
        <v>44830</v>
      </c>
      <c r="F1061" s="22">
        <v>46655</v>
      </c>
      <c r="G1061" s="6" t="s">
        <v>5039</v>
      </c>
      <c r="H1061" s="6" t="s">
        <v>701</v>
      </c>
      <c r="I1061" s="6" t="s">
        <v>702</v>
      </c>
      <c r="J1061" s="6" t="s">
        <v>5040</v>
      </c>
      <c r="K1061" s="9" t="s">
        <v>5041</v>
      </c>
      <c r="L1061" s="10" t="s">
        <v>22</v>
      </c>
      <c r="M1061" s="10" t="s">
        <v>22</v>
      </c>
      <c r="N1061" s="10" t="s">
        <v>22</v>
      </c>
      <c r="O1061" s="10" t="s">
        <v>22</v>
      </c>
      <c r="P1061" s="10" t="s">
        <v>22</v>
      </c>
      <c r="Q1061" s="10" t="s">
        <v>22</v>
      </c>
      <c r="R1061" s="10" t="s">
        <v>22</v>
      </c>
      <c r="S1061" s="10" t="s">
        <v>22</v>
      </c>
      <c r="T1061" s="10" t="s">
        <v>22</v>
      </c>
      <c r="U1061" s="10" t="s">
        <v>22</v>
      </c>
      <c r="V1061" s="10" t="s">
        <v>22</v>
      </c>
      <c r="W1061" s="10" t="s">
        <v>22</v>
      </c>
      <c r="X1061" s="10" t="s">
        <v>22</v>
      </c>
      <c r="Y1061" s="10" t="s">
        <v>22</v>
      </c>
      <c r="Z1061" s="10" t="s">
        <v>22</v>
      </c>
    </row>
    <row r="1062" spans="1:26" ht="24" customHeight="1" x14ac:dyDescent="0.2">
      <c r="A1062" s="9" t="s">
        <v>18330</v>
      </c>
      <c r="B1062" s="9" t="s">
        <v>14</v>
      </c>
      <c r="C1062" s="9" t="s">
        <v>5042</v>
      </c>
      <c r="D1062" s="6" t="s">
        <v>5043</v>
      </c>
      <c r="E1062" s="22">
        <v>44832</v>
      </c>
      <c r="F1062" s="22">
        <v>46657</v>
      </c>
      <c r="G1062" s="6" t="s">
        <v>5044</v>
      </c>
      <c r="H1062" s="6" t="s">
        <v>62</v>
      </c>
      <c r="I1062" s="6" t="s">
        <v>264</v>
      </c>
      <c r="J1062" s="6" t="s">
        <v>5045</v>
      </c>
      <c r="K1062" s="9" t="s">
        <v>5046</v>
      </c>
      <c r="L1062" s="10" t="s">
        <v>22</v>
      </c>
      <c r="M1062" s="10" t="s">
        <v>22</v>
      </c>
      <c r="N1062" s="10" t="s">
        <v>22</v>
      </c>
      <c r="O1062" s="10" t="s">
        <v>22</v>
      </c>
      <c r="P1062" s="10" t="s">
        <v>22</v>
      </c>
      <c r="Q1062" s="10" t="s">
        <v>22</v>
      </c>
      <c r="R1062" s="10" t="s">
        <v>22</v>
      </c>
      <c r="S1062" s="10" t="s">
        <v>22</v>
      </c>
      <c r="T1062" s="10" t="s">
        <v>22</v>
      </c>
    </row>
    <row r="1063" spans="1:26" ht="24" customHeight="1" x14ac:dyDescent="0.2">
      <c r="A1063" s="9" t="s">
        <v>18331</v>
      </c>
      <c r="B1063" s="9" t="s">
        <v>14</v>
      </c>
      <c r="C1063" s="9" t="s">
        <v>5047</v>
      </c>
      <c r="D1063" s="6" t="s">
        <v>5048</v>
      </c>
      <c r="E1063" s="22">
        <v>44839</v>
      </c>
      <c r="F1063" s="22">
        <v>46664</v>
      </c>
      <c r="G1063" s="6" t="s">
        <v>5049</v>
      </c>
      <c r="H1063" s="6" t="s">
        <v>62</v>
      </c>
      <c r="I1063" s="6" t="s">
        <v>306</v>
      </c>
      <c r="J1063" s="6" t="s">
        <v>5050</v>
      </c>
      <c r="K1063" s="9" t="s">
        <v>5051</v>
      </c>
      <c r="L1063" s="10" t="s">
        <v>22</v>
      </c>
      <c r="M1063" s="10" t="s">
        <v>22</v>
      </c>
      <c r="N1063" s="10" t="s">
        <v>22</v>
      </c>
      <c r="O1063" s="10" t="s">
        <v>22</v>
      </c>
      <c r="P1063" s="10" t="s">
        <v>22</v>
      </c>
      <c r="Q1063" s="10" t="s">
        <v>22</v>
      </c>
      <c r="R1063" s="10" t="s">
        <v>22</v>
      </c>
      <c r="S1063" s="10" t="s">
        <v>22</v>
      </c>
      <c r="T1063" s="10" t="s">
        <v>22</v>
      </c>
      <c r="U1063" s="10" t="s">
        <v>22</v>
      </c>
      <c r="V1063" s="10" t="s">
        <v>22</v>
      </c>
      <c r="W1063" s="10" t="s">
        <v>22</v>
      </c>
      <c r="X1063" s="10" t="s">
        <v>22</v>
      </c>
      <c r="Y1063" s="10" t="s">
        <v>22</v>
      </c>
      <c r="Z1063" s="10" t="s">
        <v>22</v>
      </c>
    </row>
    <row r="1064" spans="1:26" ht="24" customHeight="1" x14ac:dyDescent="0.2">
      <c r="A1064" s="9" t="s">
        <v>18332</v>
      </c>
      <c r="B1064" s="9" t="s">
        <v>14</v>
      </c>
      <c r="C1064" s="9" t="s">
        <v>5052</v>
      </c>
      <c r="D1064" s="6" t="s">
        <v>5053</v>
      </c>
      <c r="E1064" s="22">
        <v>44850</v>
      </c>
      <c r="F1064" s="22">
        <v>46675</v>
      </c>
      <c r="G1064" s="6" t="s">
        <v>5054</v>
      </c>
      <c r="H1064" s="6" t="s">
        <v>62</v>
      </c>
      <c r="I1064" s="6" t="s">
        <v>435</v>
      </c>
      <c r="J1064" s="6" t="s">
        <v>5055</v>
      </c>
      <c r="K1064" s="9" t="s">
        <v>5056</v>
      </c>
      <c r="L1064" s="10" t="s">
        <v>22</v>
      </c>
      <c r="M1064" s="10" t="s">
        <v>22</v>
      </c>
      <c r="N1064" s="10" t="s">
        <v>22</v>
      </c>
      <c r="O1064" s="10" t="s">
        <v>22</v>
      </c>
      <c r="P1064" s="10" t="s">
        <v>22</v>
      </c>
      <c r="Q1064" s="10" t="s">
        <v>22</v>
      </c>
      <c r="R1064" s="10" t="s">
        <v>22</v>
      </c>
      <c r="S1064" s="10" t="s">
        <v>22</v>
      </c>
      <c r="T1064" s="10" t="s">
        <v>22</v>
      </c>
      <c r="U1064" s="10" t="s">
        <v>22</v>
      </c>
      <c r="V1064" s="10" t="s">
        <v>22</v>
      </c>
      <c r="W1064" s="10" t="s">
        <v>22</v>
      </c>
      <c r="X1064" s="10" t="s">
        <v>22</v>
      </c>
      <c r="Y1064" s="10" t="s">
        <v>22</v>
      </c>
      <c r="Z1064" s="10" t="s">
        <v>22</v>
      </c>
    </row>
    <row r="1065" spans="1:26" ht="37.25" customHeight="1" x14ac:dyDescent="0.2">
      <c r="A1065" s="9" t="s">
        <v>18333</v>
      </c>
      <c r="B1065" s="9" t="s">
        <v>14</v>
      </c>
      <c r="C1065" s="9" t="s">
        <v>5057</v>
      </c>
      <c r="D1065" s="6" t="s">
        <v>5058</v>
      </c>
      <c r="E1065" s="22">
        <v>44853</v>
      </c>
      <c r="F1065" s="22">
        <v>46678</v>
      </c>
      <c r="G1065" s="6" t="s">
        <v>5059</v>
      </c>
      <c r="H1065" s="6" t="s">
        <v>18</v>
      </c>
      <c r="I1065" s="6" t="s">
        <v>727</v>
      </c>
      <c r="J1065" s="6" t="s">
        <v>5060</v>
      </c>
      <c r="K1065" s="9" t="s">
        <v>5061</v>
      </c>
      <c r="L1065" s="10" t="s">
        <v>22</v>
      </c>
      <c r="M1065" s="10" t="s">
        <v>22</v>
      </c>
      <c r="N1065" s="10" t="s">
        <v>22</v>
      </c>
      <c r="O1065" s="10" t="s">
        <v>22</v>
      </c>
      <c r="P1065" s="10" t="s">
        <v>22</v>
      </c>
      <c r="Q1065" s="10" t="s">
        <v>22</v>
      </c>
      <c r="U1065" s="10" t="s">
        <v>22</v>
      </c>
      <c r="V1065" s="10" t="s">
        <v>22</v>
      </c>
      <c r="W1065" s="10" t="s">
        <v>22</v>
      </c>
      <c r="X1065" s="10" t="s">
        <v>22</v>
      </c>
      <c r="Y1065" s="10" t="s">
        <v>22</v>
      </c>
      <c r="Z1065" s="10" t="s">
        <v>22</v>
      </c>
    </row>
    <row r="1066" spans="1:26" ht="37.25" customHeight="1" x14ac:dyDescent="0.2">
      <c r="A1066" s="9" t="s">
        <v>18334</v>
      </c>
      <c r="B1066" s="9" t="s">
        <v>14</v>
      </c>
      <c r="C1066" s="9" t="s">
        <v>5057</v>
      </c>
      <c r="D1066" s="6" t="s">
        <v>5058</v>
      </c>
      <c r="E1066" s="22">
        <v>44853</v>
      </c>
      <c r="F1066" s="22">
        <v>46678</v>
      </c>
      <c r="G1066" s="6" t="s">
        <v>5062</v>
      </c>
      <c r="H1066" s="6" t="s">
        <v>18</v>
      </c>
      <c r="I1066" s="6" t="s">
        <v>19</v>
      </c>
      <c r="J1066" s="6" t="s">
        <v>5063</v>
      </c>
      <c r="K1066" s="9" t="s">
        <v>5064</v>
      </c>
      <c r="L1066" s="10" t="s">
        <v>22</v>
      </c>
      <c r="M1066" s="10" t="s">
        <v>22</v>
      </c>
      <c r="N1066" s="10" t="s">
        <v>22</v>
      </c>
      <c r="O1066" s="10" t="s">
        <v>22</v>
      </c>
      <c r="P1066" s="10" t="s">
        <v>22</v>
      </c>
      <c r="Q1066" s="10" t="s">
        <v>22</v>
      </c>
      <c r="U1066" s="10" t="s">
        <v>22</v>
      </c>
      <c r="V1066" s="10" t="s">
        <v>22</v>
      </c>
      <c r="W1066" s="10" t="s">
        <v>22</v>
      </c>
      <c r="X1066" s="10" t="s">
        <v>22</v>
      </c>
      <c r="Y1066" s="10" t="s">
        <v>22</v>
      </c>
      <c r="Z1066" s="10" t="s">
        <v>22</v>
      </c>
    </row>
    <row r="1067" spans="1:26" ht="24" customHeight="1" x14ac:dyDescent="0.2">
      <c r="A1067" s="9" t="s">
        <v>18335</v>
      </c>
      <c r="B1067" s="9" t="s">
        <v>14</v>
      </c>
      <c r="C1067" s="9" t="s">
        <v>5065</v>
      </c>
      <c r="D1067" s="6" t="s">
        <v>5066</v>
      </c>
      <c r="E1067" s="22">
        <v>44863</v>
      </c>
      <c r="F1067" s="22">
        <v>46688</v>
      </c>
      <c r="G1067" s="6" t="s">
        <v>5067</v>
      </c>
      <c r="H1067" s="6" t="s">
        <v>62</v>
      </c>
      <c r="I1067" s="6" t="s">
        <v>994</v>
      </c>
      <c r="J1067" s="6" t="s">
        <v>5068</v>
      </c>
      <c r="L1067" s="10" t="s">
        <v>22</v>
      </c>
      <c r="M1067" s="10" t="s">
        <v>22</v>
      </c>
      <c r="N1067" s="10" t="s">
        <v>22</v>
      </c>
      <c r="O1067" s="10" t="s">
        <v>22</v>
      </c>
      <c r="P1067" s="10" t="s">
        <v>22</v>
      </c>
      <c r="Q1067" s="10" t="s">
        <v>22</v>
      </c>
      <c r="R1067" s="10" t="s">
        <v>22</v>
      </c>
      <c r="S1067" s="10" t="s">
        <v>22</v>
      </c>
      <c r="T1067" s="10" t="s">
        <v>22</v>
      </c>
      <c r="U1067" s="10" t="s">
        <v>22</v>
      </c>
      <c r="V1067" s="10" t="s">
        <v>22</v>
      </c>
      <c r="W1067" s="10" t="s">
        <v>22</v>
      </c>
      <c r="X1067" s="10" t="s">
        <v>22</v>
      </c>
      <c r="Y1067" s="10" t="s">
        <v>22</v>
      </c>
      <c r="Z1067" s="10" t="s">
        <v>22</v>
      </c>
    </row>
    <row r="1068" spans="1:26" ht="24" customHeight="1" x14ac:dyDescent="0.2">
      <c r="A1068" s="9" t="s">
        <v>18336</v>
      </c>
      <c r="B1068" s="9" t="s">
        <v>14</v>
      </c>
      <c r="C1068" s="9" t="s">
        <v>5069</v>
      </c>
      <c r="D1068" s="6" t="s">
        <v>5070</v>
      </c>
      <c r="E1068" s="22">
        <v>44863</v>
      </c>
      <c r="F1068" s="22">
        <v>46688</v>
      </c>
      <c r="G1068" s="6" t="s">
        <v>5071</v>
      </c>
      <c r="H1068" s="6" t="s">
        <v>18</v>
      </c>
      <c r="I1068" s="6" t="s">
        <v>26</v>
      </c>
      <c r="J1068" s="6" t="s">
        <v>5072</v>
      </c>
      <c r="K1068" s="9" t="s">
        <v>5073</v>
      </c>
      <c r="L1068" s="10" t="s">
        <v>22</v>
      </c>
      <c r="M1068" s="10" t="s">
        <v>22</v>
      </c>
      <c r="N1068" s="10" t="s">
        <v>22</v>
      </c>
      <c r="O1068" s="10" t="s">
        <v>22</v>
      </c>
      <c r="P1068" s="10" t="s">
        <v>22</v>
      </c>
      <c r="Q1068" s="10" t="s">
        <v>22</v>
      </c>
      <c r="R1068" s="10" t="s">
        <v>22</v>
      </c>
      <c r="S1068" s="10" t="s">
        <v>22</v>
      </c>
      <c r="T1068" s="10" t="s">
        <v>22</v>
      </c>
      <c r="U1068" s="10" t="s">
        <v>22</v>
      </c>
      <c r="V1068" s="10" t="s">
        <v>22</v>
      </c>
      <c r="W1068" s="10" t="s">
        <v>22</v>
      </c>
      <c r="X1068" s="10" t="s">
        <v>22</v>
      </c>
      <c r="Y1068" s="10" t="s">
        <v>22</v>
      </c>
      <c r="Z1068" s="10" t="s">
        <v>22</v>
      </c>
    </row>
    <row r="1069" spans="1:26" ht="24" customHeight="1" x14ac:dyDescent="0.2">
      <c r="A1069" s="9" t="s">
        <v>18337</v>
      </c>
      <c r="B1069" s="9" t="s">
        <v>14</v>
      </c>
      <c r="C1069" s="9" t="s">
        <v>5074</v>
      </c>
      <c r="D1069" s="6" t="s">
        <v>5075</v>
      </c>
      <c r="E1069" s="22">
        <v>44866</v>
      </c>
      <c r="F1069" s="22">
        <v>46691</v>
      </c>
      <c r="G1069" s="6" t="s">
        <v>5076</v>
      </c>
      <c r="H1069" s="6" t="s">
        <v>18</v>
      </c>
      <c r="I1069" s="6" t="s">
        <v>19</v>
      </c>
      <c r="J1069" s="6" t="s">
        <v>5077</v>
      </c>
      <c r="K1069" s="9" t="s">
        <v>5078</v>
      </c>
      <c r="L1069" s="10" t="s">
        <v>22</v>
      </c>
      <c r="M1069" s="10" t="s">
        <v>22</v>
      </c>
      <c r="N1069" s="10" t="s">
        <v>22</v>
      </c>
      <c r="O1069" s="10" t="s">
        <v>22</v>
      </c>
      <c r="P1069" s="10" t="s">
        <v>22</v>
      </c>
      <c r="Q1069" s="10" t="s">
        <v>22</v>
      </c>
      <c r="R1069" s="10" t="s">
        <v>22</v>
      </c>
      <c r="S1069" s="10" t="s">
        <v>22</v>
      </c>
      <c r="T1069" s="10" t="s">
        <v>22</v>
      </c>
      <c r="U1069" s="10" t="s">
        <v>22</v>
      </c>
      <c r="V1069" s="10" t="s">
        <v>22</v>
      </c>
      <c r="W1069" s="10" t="s">
        <v>22</v>
      </c>
      <c r="X1069" s="10" t="s">
        <v>22</v>
      </c>
      <c r="Y1069" s="10" t="s">
        <v>22</v>
      </c>
      <c r="Z1069" s="10" t="s">
        <v>22</v>
      </c>
    </row>
    <row r="1070" spans="1:26" ht="24" customHeight="1" x14ac:dyDescent="0.2">
      <c r="A1070" s="9" t="s">
        <v>18338</v>
      </c>
      <c r="B1070" s="9" t="s">
        <v>14</v>
      </c>
      <c r="C1070" s="9" t="s">
        <v>5079</v>
      </c>
      <c r="D1070" s="6" t="s">
        <v>5080</v>
      </c>
      <c r="E1070" s="22">
        <v>44866</v>
      </c>
      <c r="F1070" s="22">
        <v>46691</v>
      </c>
      <c r="G1070" s="6" t="s">
        <v>5081</v>
      </c>
      <c r="H1070" s="6" t="s">
        <v>18</v>
      </c>
      <c r="I1070" s="6" t="s">
        <v>26</v>
      </c>
      <c r="J1070" s="6" t="s">
        <v>5082</v>
      </c>
      <c r="K1070" s="9" t="s">
        <v>5083</v>
      </c>
      <c r="L1070" s="10" t="s">
        <v>22</v>
      </c>
      <c r="M1070" s="10" t="s">
        <v>22</v>
      </c>
      <c r="N1070" s="10" t="s">
        <v>22</v>
      </c>
      <c r="O1070" s="10" t="s">
        <v>22</v>
      </c>
      <c r="P1070" s="10" t="s">
        <v>22</v>
      </c>
      <c r="Q1070" s="10" t="s">
        <v>22</v>
      </c>
      <c r="R1070" s="10" t="s">
        <v>22</v>
      </c>
      <c r="S1070" s="10" t="s">
        <v>22</v>
      </c>
      <c r="T1070" s="10" t="s">
        <v>22</v>
      </c>
      <c r="U1070" s="10" t="s">
        <v>22</v>
      </c>
      <c r="V1070" s="10" t="s">
        <v>22</v>
      </c>
      <c r="W1070" s="10" t="s">
        <v>22</v>
      </c>
      <c r="X1070" s="10" t="s">
        <v>22</v>
      </c>
      <c r="Y1070" s="10" t="s">
        <v>22</v>
      </c>
      <c r="Z1070" s="10" t="s">
        <v>22</v>
      </c>
    </row>
    <row r="1071" spans="1:26" ht="24" customHeight="1" x14ac:dyDescent="0.2">
      <c r="A1071" s="9" t="s">
        <v>18339</v>
      </c>
      <c r="B1071" s="9" t="s">
        <v>14</v>
      </c>
      <c r="C1071" s="9" t="s">
        <v>5084</v>
      </c>
      <c r="D1071" s="6" t="s">
        <v>5085</v>
      </c>
      <c r="E1071" s="22">
        <v>44866</v>
      </c>
      <c r="F1071" s="22">
        <v>46691</v>
      </c>
      <c r="G1071" s="6" t="s">
        <v>5086</v>
      </c>
      <c r="H1071" s="6" t="s">
        <v>18</v>
      </c>
      <c r="I1071" s="6" t="s">
        <v>19</v>
      </c>
      <c r="J1071" s="6" t="s">
        <v>5087</v>
      </c>
      <c r="K1071" s="9" t="s">
        <v>5088</v>
      </c>
      <c r="L1071" s="10" t="s">
        <v>22</v>
      </c>
      <c r="M1071" s="10" t="s">
        <v>22</v>
      </c>
      <c r="N1071" s="10" t="s">
        <v>22</v>
      </c>
      <c r="U1071" s="10" t="s">
        <v>22</v>
      </c>
      <c r="V1071" s="10" t="s">
        <v>22</v>
      </c>
      <c r="W1071" s="10" t="s">
        <v>22</v>
      </c>
    </row>
    <row r="1072" spans="1:26" ht="24" customHeight="1" x14ac:dyDescent="0.2">
      <c r="A1072" s="9" t="s">
        <v>18340</v>
      </c>
      <c r="B1072" s="9" t="s">
        <v>14</v>
      </c>
      <c r="C1072" s="9" t="s">
        <v>5089</v>
      </c>
      <c r="D1072" s="6" t="s">
        <v>5090</v>
      </c>
      <c r="E1072" s="22">
        <v>44884</v>
      </c>
      <c r="F1072" s="22">
        <v>46709</v>
      </c>
      <c r="G1072" s="6" t="s">
        <v>5091</v>
      </c>
      <c r="H1072" s="6" t="s">
        <v>62</v>
      </c>
      <c r="I1072" s="6" t="s">
        <v>551</v>
      </c>
      <c r="J1072" s="6" t="s">
        <v>5092</v>
      </c>
      <c r="K1072" s="9" t="s">
        <v>5093</v>
      </c>
      <c r="L1072" s="10" t="s">
        <v>22</v>
      </c>
      <c r="M1072" s="10" t="s">
        <v>22</v>
      </c>
      <c r="N1072" s="10" t="s">
        <v>22</v>
      </c>
      <c r="O1072" s="10" t="s">
        <v>22</v>
      </c>
      <c r="P1072" s="10" t="s">
        <v>22</v>
      </c>
      <c r="Q1072" s="10" t="s">
        <v>22</v>
      </c>
      <c r="U1072" s="10" t="s">
        <v>22</v>
      </c>
      <c r="V1072" s="10" t="s">
        <v>22</v>
      </c>
      <c r="W1072" s="10" t="s">
        <v>22</v>
      </c>
      <c r="X1072" s="10" t="s">
        <v>22</v>
      </c>
      <c r="Y1072" s="10" t="s">
        <v>22</v>
      </c>
      <c r="Z1072" s="10" t="s">
        <v>22</v>
      </c>
    </row>
    <row r="1073" spans="1:26" ht="24" customHeight="1" x14ac:dyDescent="0.2">
      <c r="A1073" s="9" t="s">
        <v>18341</v>
      </c>
      <c r="B1073" s="9" t="s">
        <v>14</v>
      </c>
      <c r="C1073" s="9" t="s">
        <v>5094</v>
      </c>
      <c r="D1073" s="6" t="s">
        <v>5095</v>
      </c>
      <c r="E1073" s="22">
        <v>44898</v>
      </c>
      <c r="F1073" s="22">
        <v>46723</v>
      </c>
      <c r="G1073" s="6" t="s">
        <v>5096</v>
      </c>
      <c r="H1073" s="6" t="s">
        <v>62</v>
      </c>
      <c r="I1073" s="6" t="s">
        <v>842</v>
      </c>
      <c r="J1073" s="6" t="s">
        <v>5097</v>
      </c>
      <c r="K1073" s="9" t="s">
        <v>5098</v>
      </c>
      <c r="L1073" s="10" t="s">
        <v>22</v>
      </c>
      <c r="M1073" s="10" t="s">
        <v>22</v>
      </c>
      <c r="N1073" s="10" t="s">
        <v>22</v>
      </c>
      <c r="O1073" s="10" t="s">
        <v>22</v>
      </c>
      <c r="P1073" s="10" t="s">
        <v>22</v>
      </c>
      <c r="Q1073" s="10" t="s">
        <v>22</v>
      </c>
      <c r="R1073" s="10" t="s">
        <v>22</v>
      </c>
      <c r="S1073" s="10" t="s">
        <v>22</v>
      </c>
      <c r="T1073" s="10" t="s">
        <v>22</v>
      </c>
      <c r="U1073" s="10" t="s">
        <v>22</v>
      </c>
      <c r="V1073" s="10" t="s">
        <v>22</v>
      </c>
      <c r="W1073" s="10" t="s">
        <v>22</v>
      </c>
      <c r="X1073" s="10" t="s">
        <v>22</v>
      </c>
      <c r="Y1073" s="10" t="s">
        <v>22</v>
      </c>
      <c r="Z1073" s="10" t="s">
        <v>22</v>
      </c>
    </row>
    <row r="1074" spans="1:26" ht="24" customHeight="1" x14ac:dyDescent="0.2">
      <c r="A1074" s="9" t="s">
        <v>18342</v>
      </c>
      <c r="B1074" s="9" t="s">
        <v>14</v>
      </c>
      <c r="C1074" s="9" t="s">
        <v>5099</v>
      </c>
      <c r="D1074" s="6" t="s">
        <v>5100</v>
      </c>
      <c r="E1074" s="22">
        <v>44899</v>
      </c>
      <c r="F1074" s="22">
        <v>46724</v>
      </c>
      <c r="G1074" s="6" t="s">
        <v>5101</v>
      </c>
      <c r="H1074" s="6" t="s">
        <v>5102</v>
      </c>
      <c r="I1074" s="6" t="s">
        <v>5103</v>
      </c>
      <c r="J1074" s="6" t="s">
        <v>5104</v>
      </c>
      <c r="K1074" s="9" t="s">
        <v>5105</v>
      </c>
      <c r="L1074" s="10" t="s">
        <v>22</v>
      </c>
      <c r="M1074" s="10" t="s">
        <v>22</v>
      </c>
      <c r="N1074" s="10" t="s">
        <v>22</v>
      </c>
      <c r="O1074" s="10" t="s">
        <v>22</v>
      </c>
      <c r="P1074" s="10" t="s">
        <v>22</v>
      </c>
      <c r="Q1074" s="10" t="s">
        <v>22</v>
      </c>
      <c r="R1074" s="10" t="s">
        <v>22</v>
      </c>
      <c r="S1074" s="10" t="s">
        <v>22</v>
      </c>
      <c r="T1074" s="10" t="s">
        <v>22</v>
      </c>
      <c r="U1074" s="10" t="s">
        <v>22</v>
      </c>
      <c r="V1074" s="10" t="s">
        <v>22</v>
      </c>
      <c r="W1074" s="10" t="s">
        <v>22</v>
      </c>
      <c r="X1074" s="10" t="s">
        <v>22</v>
      </c>
      <c r="Y1074" s="10" t="s">
        <v>22</v>
      </c>
      <c r="Z1074" s="10" t="s">
        <v>22</v>
      </c>
    </row>
    <row r="1075" spans="1:26" ht="24" customHeight="1" x14ac:dyDescent="0.2">
      <c r="A1075" s="9" t="s">
        <v>18343</v>
      </c>
      <c r="B1075" s="9" t="s">
        <v>14</v>
      </c>
      <c r="C1075" s="9" t="s">
        <v>5106</v>
      </c>
      <c r="D1075" s="6" t="s">
        <v>5107</v>
      </c>
      <c r="E1075" s="22">
        <v>44905</v>
      </c>
      <c r="F1075" s="22">
        <v>46730</v>
      </c>
      <c r="G1075" s="6" t="s">
        <v>5108</v>
      </c>
      <c r="H1075" s="6" t="s">
        <v>562</v>
      </c>
      <c r="I1075" s="6" t="s">
        <v>2504</v>
      </c>
      <c r="J1075" s="6" t="s">
        <v>5109</v>
      </c>
      <c r="K1075" s="9" t="s">
        <v>5110</v>
      </c>
      <c r="L1075" s="10" t="s">
        <v>22</v>
      </c>
      <c r="M1075" s="10" t="s">
        <v>22</v>
      </c>
      <c r="N1075" s="10" t="s">
        <v>22</v>
      </c>
      <c r="O1075" s="10" t="s">
        <v>22</v>
      </c>
      <c r="P1075" s="10" t="s">
        <v>22</v>
      </c>
      <c r="Q1075" s="10" t="s">
        <v>22</v>
      </c>
      <c r="U1075" s="10" t="s">
        <v>22</v>
      </c>
      <c r="V1075" s="10" t="s">
        <v>22</v>
      </c>
      <c r="W1075" s="10" t="s">
        <v>22</v>
      </c>
      <c r="X1075" s="10" t="s">
        <v>22</v>
      </c>
      <c r="Y1075" s="10" t="s">
        <v>22</v>
      </c>
      <c r="Z1075" s="10" t="s">
        <v>22</v>
      </c>
    </row>
    <row r="1076" spans="1:26" ht="24" customHeight="1" x14ac:dyDescent="0.2">
      <c r="A1076" s="9" t="s">
        <v>18344</v>
      </c>
      <c r="B1076" s="9" t="s">
        <v>14</v>
      </c>
      <c r="C1076" s="9" t="s">
        <v>5111</v>
      </c>
      <c r="D1076" s="6" t="s">
        <v>5112</v>
      </c>
      <c r="E1076" s="22">
        <v>44915</v>
      </c>
      <c r="F1076" s="22">
        <v>46740</v>
      </c>
      <c r="G1076" s="6" t="s">
        <v>5113</v>
      </c>
      <c r="H1076" s="6" t="s">
        <v>363</v>
      </c>
      <c r="I1076" s="6" t="s">
        <v>466</v>
      </c>
      <c r="J1076" s="6" t="s">
        <v>5114</v>
      </c>
      <c r="K1076" s="9" t="s">
        <v>5115</v>
      </c>
      <c r="L1076" s="10" t="s">
        <v>22</v>
      </c>
      <c r="M1076" s="10" t="s">
        <v>22</v>
      </c>
      <c r="N1076" s="10" t="s">
        <v>22</v>
      </c>
      <c r="O1076" s="10" t="s">
        <v>22</v>
      </c>
      <c r="P1076" s="10" t="s">
        <v>22</v>
      </c>
      <c r="Q1076" s="10" t="s">
        <v>22</v>
      </c>
      <c r="R1076" s="10" t="s">
        <v>22</v>
      </c>
      <c r="S1076" s="10" t="s">
        <v>22</v>
      </c>
      <c r="T1076" s="10" t="s">
        <v>22</v>
      </c>
      <c r="U1076" s="10" t="s">
        <v>22</v>
      </c>
      <c r="V1076" s="10" t="s">
        <v>22</v>
      </c>
      <c r="W1076" s="10" t="s">
        <v>22</v>
      </c>
      <c r="X1076" s="10" t="s">
        <v>22</v>
      </c>
      <c r="Y1076" s="10" t="s">
        <v>22</v>
      </c>
      <c r="Z1076" s="10" t="s">
        <v>22</v>
      </c>
    </row>
    <row r="1077" spans="1:26" ht="24" customHeight="1" x14ac:dyDescent="0.2">
      <c r="A1077" s="9" t="s">
        <v>18345</v>
      </c>
      <c r="B1077" s="9" t="s">
        <v>14</v>
      </c>
      <c r="C1077" s="9" t="s">
        <v>5116</v>
      </c>
      <c r="D1077" s="6" t="s">
        <v>5117</v>
      </c>
      <c r="E1077" s="22">
        <v>44915</v>
      </c>
      <c r="F1077" s="22">
        <v>46740</v>
      </c>
      <c r="G1077" s="6" t="s">
        <v>5118</v>
      </c>
      <c r="H1077" s="6" t="s">
        <v>62</v>
      </c>
      <c r="I1077" s="6" t="s">
        <v>186</v>
      </c>
      <c r="J1077" s="6" t="s">
        <v>5119</v>
      </c>
      <c r="K1077" s="9" t="s">
        <v>5120</v>
      </c>
      <c r="L1077" s="10" t="s">
        <v>22</v>
      </c>
      <c r="M1077" s="10" t="s">
        <v>22</v>
      </c>
      <c r="N1077" s="10" t="s">
        <v>22</v>
      </c>
      <c r="R1077" s="10" t="s">
        <v>22</v>
      </c>
      <c r="S1077" s="10" t="s">
        <v>22</v>
      </c>
      <c r="T1077" s="10" t="s">
        <v>22</v>
      </c>
      <c r="U1077" s="10" t="s">
        <v>22</v>
      </c>
      <c r="V1077" s="10" t="s">
        <v>22</v>
      </c>
      <c r="W1077" s="10" t="s">
        <v>22</v>
      </c>
    </row>
    <row r="1078" spans="1:26" ht="24" customHeight="1" x14ac:dyDescent="0.2">
      <c r="A1078" s="9" t="s">
        <v>18346</v>
      </c>
      <c r="B1078" s="9" t="s">
        <v>14</v>
      </c>
      <c r="C1078" s="9" t="s">
        <v>5121</v>
      </c>
      <c r="D1078" s="6" t="s">
        <v>5122</v>
      </c>
      <c r="E1078" s="22">
        <v>44915</v>
      </c>
      <c r="F1078" s="22">
        <v>46740</v>
      </c>
      <c r="G1078" s="6" t="s">
        <v>5123</v>
      </c>
      <c r="H1078" s="6" t="s">
        <v>18</v>
      </c>
      <c r="I1078" s="6" t="s">
        <v>26</v>
      </c>
      <c r="J1078" s="6" t="s">
        <v>5124</v>
      </c>
      <c r="K1078" s="9" t="s">
        <v>5125</v>
      </c>
      <c r="L1078" s="10" t="s">
        <v>22</v>
      </c>
      <c r="M1078" s="10" t="s">
        <v>22</v>
      </c>
      <c r="N1078" s="10" t="s">
        <v>22</v>
      </c>
      <c r="O1078" s="10" t="s">
        <v>22</v>
      </c>
      <c r="P1078" s="10" t="s">
        <v>22</v>
      </c>
      <c r="Q1078" s="10" t="s">
        <v>22</v>
      </c>
      <c r="R1078" s="10" t="s">
        <v>22</v>
      </c>
      <c r="S1078" s="10" t="s">
        <v>22</v>
      </c>
      <c r="T1078" s="10" t="s">
        <v>22</v>
      </c>
      <c r="U1078" s="10" t="s">
        <v>22</v>
      </c>
      <c r="V1078" s="10" t="s">
        <v>22</v>
      </c>
      <c r="W1078" s="10" t="s">
        <v>22</v>
      </c>
      <c r="X1078" s="10" t="s">
        <v>22</v>
      </c>
      <c r="Y1078" s="10" t="s">
        <v>22</v>
      </c>
      <c r="Z1078" s="10" t="s">
        <v>22</v>
      </c>
    </row>
    <row r="1079" spans="1:26" ht="24" customHeight="1" x14ac:dyDescent="0.2">
      <c r="A1079" s="9" t="s">
        <v>18347</v>
      </c>
      <c r="B1079" s="9" t="s">
        <v>14</v>
      </c>
      <c r="C1079" s="9" t="s">
        <v>5126</v>
      </c>
      <c r="D1079" s="6" t="s">
        <v>5127</v>
      </c>
      <c r="E1079" s="22">
        <v>44941</v>
      </c>
      <c r="F1079" s="22">
        <v>46766</v>
      </c>
      <c r="G1079" s="6" t="s">
        <v>5128</v>
      </c>
      <c r="H1079" s="6" t="s">
        <v>18</v>
      </c>
      <c r="I1079" s="6" t="s">
        <v>19</v>
      </c>
      <c r="J1079" s="6" t="s">
        <v>5129</v>
      </c>
      <c r="K1079" s="9" t="s">
        <v>5130</v>
      </c>
      <c r="L1079" s="10" t="s">
        <v>22</v>
      </c>
      <c r="M1079" s="10" t="s">
        <v>22</v>
      </c>
      <c r="N1079" s="10" t="s">
        <v>22</v>
      </c>
      <c r="O1079" s="10" t="s">
        <v>22</v>
      </c>
      <c r="P1079" s="10" t="s">
        <v>22</v>
      </c>
      <c r="Q1079" s="10" t="s">
        <v>22</v>
      </c>
      <c r="U1079" s="10" t="s">
        <v>22</v>
      </c>
      <c r="V1079" s="10" t="s">
        <v>22</v>
      </c>
      <c r="W1079" s="10" t="s">
        <v>22</v>
      </c>
      <c r="X1079" s="10" t="s">
        <v>22</v>
      </c>
      <c r="Y1079" s="10" t="s">
        <v>22</v>
      </c>
      <c r="Z1079" s="10" t="s">
        <v>22</v>
      </c>
    </row>
    <row r="1080" spans="1:26" ht="24" customHeight="1" x14ac:dyDescent="0.2">
      <c r="A1080" s="9" t="s">
        <v>18348</v>
      </c>
      <c r="B1080" s="9" t="s">
        <v>14</v>
      </c>
      <c r="C1080" s="9" t="s">
        <v>5131</v>
      </c>
      <c r="D1080" s="6" t="s">
        <v>5132</v>
      </c>
      <c r="E1080" s="22">
        <v>44941</v>
      </c>
      <c r="F1080" s="22">
        <v>46766</v>
      </c>
      <c r="G1080" s="6" t="s">
        <v>5133</v>
      </c>
      <c r="H1080" s="6" t="s">
        <v>18</v>
      </c>
      <c r="I1080" s="6" t="s">
        <v>19</v>
      </c>
      <c r="J1080" s="6" t="s">
        <v>5134</v>
      </c>
      <c r="L1080" s="10" t="s">
        <v>22</v>
      </c>
      <c r="M1080" s="10" t="s">
        <v>22</v>
      </c>
      <c r="N1080" s="10" t="s">
        <v>22</v>
      </c>
      <c r="O1080" s="10" t="s">
        <v>22</v>
      </c>
      <c r="P1080" s="10" t="s">
        <v>22</v>
      </c>
      <c r="Q1080" s="10" t="s">
        <v>22</v>
      </c>
      <c r="U1080" s="10" t="s">
        <v>22</v>
      </c>
      <c r="V1080" s="10" t="s">
        <v>22</v>
      </c>
      <c r="W1080" s="10" t="s">
        <v>22</v>
      </c>
      <c r="X1080" s="10" t="s">
        <v>22</v>
      </c>
      <c r="Y1080" s="10" t="s">
        <v>22</v>
      </c>
      <c r="Z1080" s="10" t="s">
        <v>22</v>
      </c>
    </row>
    <row r="1081" spans="1:26" ht="24" customHeight="1" x14ac:dyDescent="0.2">
      <c r="A1081" s="9" t="s">
        <v>18349</v>
      </c>
      <c r="B1081" s="9" t="s">
        <v>14</v>
      </c>
      <c r="C1081" s="9" t="s">
        <v>5135</v>
      </c>
      <c r="D1081" s="6" t="s">
        <v>5136</v>
      </c>
      <c r="E1081" s="22">
        <v>44954</v>
      </c>
      <c r="F1081" s="22">
        <v>46779</v>
      </c>
      <c r="G1081" s="6" t="s">
        <v>5137</v>
      </c>
      <c r="H1081" s="6" t="s">
        <v>202</v>
      </c>
      <c r="I1081" s="6" t="s">
        <v>5138</v>
      </c>
      <c r="J1081" s="6" t="s">
        <v>5139</v>
      </c>
      <c r="K1081" s="9" t="s">
        <v>5140</v>
      </c>
      <c r="O1081" s="10" t="s">
        <v>22</v>
      </c>
      <c r="P1081" s="10" t="s">
        <v>22</v>
      </c>
      <c r="Q1081" s="10" t="s">
        <v>22</v>
      </c>
      <c r="R1081" s="10" t="s">
        <v>22</v>
      </c>
      <c r="S1081" s="10" t="s">
        <v>22</v>
      </c>
      <c r="T1081" s="10" t="s">
        <v>22</v>
      </c>
      <c r="X1081" s="10" t="s">
        <v>22</v>
      </c>
      <c r="Y1081" s="10" t="s">
        <v>22</v>
      </c>
      <c r="Z1081" s="10" t="s">
        <v>22</v>
      </c>
    </row>
    <row r="1082" spans="1:26" ht="24" customHeight="1" x14ac:dyDescent="0.2">
      <c r="A1082" s="9" t="s">
        <v>18350</v>
      </c>
      <c r="B1082" s="9" t="s">
        <v>14</v>
      </c>
      <c r="C1082" s="9" t="s">
        <v>5141</v>
      </c>
      <c r="D1082" s="6" t="s">
        <v>5142</v>
      </c>
      <c r="E1082" s="22">
        <v>44954</v>
      </c>
      <c r="F1082" s="22">
        <v>46779</v>
      </c>
      <c r="G1082" s="6" t="s">
        <v>5143</v>
      </c>
      <c r="H1082" s="6" t="s">
        <v>18</v>
      </c>
      <c r="I1082" s="6" t="s">
        <v>19</v>
      </c>
      <c r="J1082" s="6" t="s">
        <v>5144</v>
      </c>
      <c r="L1082" s="10" t="s">
        <v>22</v>
      </c>
      <c r="M1082" s="10" t="s">
        <v>22</v>
      </c>
      <c r="N1082" s="10" t="s">
        <v>22</v>
      </c>
      <c r="O1082" s="10" t="s">
        <v>22</v>
      </c>
      <c r="P1082" s="10" t="s">
        <v>22</v>
      </c>
      <c r="Q1082" s="10" t="s">
        <v>22</v>
      </c>
      <c r="R1082" s="10" t="s">
        <v>22</v>
      </c>
      <c r="S1082" s="10" t="s">
        <v>22</v>
      </c>
      <c r="T1082" s="10" t="s">
        <v>22</v>
      </c>
      <c r="U1082" s="10" t="s">
        <v>22</v>
      </c>
      <c r="V1082" s="10" t="s">
        <v>22</v>
      </c>
      <c r="W1082" s="10" t="s">
        <v>22</v>
      </c>
      <c r="X1082" s="10" t="s">
        <v>22</v>
      </c>
      <c r="Y1082" s="10" t="s">
        <v>22</v>
      </c>
      <c r="Z1082" s="10" t="s">
        <v>22</v>
      </c>
    </row>
    <row r="1083" spans="1:26" ht="24" customHeight="1" x14ac:dyDescent="0.2">
      <c r="A1083" s="9" t="s">
        <v>18351</v>
      </c>
      <c r="B1083" s="9" t="s">
        <v>14</v>
      </c>
      <c r="C1083" s="9" t="s">
        <v>5145</v>
      </c>
      <c r="D1083" s="6" t="s">
        <v>5146</v>
      </c>
      <c r="E1083" s="22">
        <v>44965</v>
      </c>
      <c r="F1083" s="22">
        <v>46790</v>
      </c>
      <c r="G1083" s="6" t="s">
        <v>5147</v>
      </c>
      <c r="H1083" s="6" t="s">
        <v>62</v>
      </c>
      <c r="I1083" s="6" t="s">
        <v>493</v>
      </c>
      <c r="J1083" s="6" t="s">
        <v>5148</v>
      </c>
      <c r="K1083" s="9" t="s">
        <v>5149</v>
      </c>
      <c r="L1083" s="10" t="s">
        <v>22</v>
      </c>
      <c r="M1083" s="10" t="s">
        <v>22</v>
      </c>
      <c r="N1083" s="10" t="s">
        <v>22</v>
      </c>
      <c r="O1083" s="10" t="s">
        <v>22</v>
      </c>
      <c r="P1083" s="10" t="s">
        <v>22</v>
      </c>
      <c r="Q1083" s="10" t="s">
        <v>22</v>
      </c>
      <c r="R1083" s="10" t="s">
        <v>22</v>
      </c>
      <c r="S1083" s="10" t="s">
        <v>22</v>
      </c>
      <c r="T1083" s="10" t="s">
        <v>22</v>
      </c>
      <c r="U1083" s="10" t="s">
        <v>22</v>
      </c>
      <c r="V1083" s="10" t="s">
        <v>22</v>
      </c>
      <c r="W1083" s="10" t="s">
        <v>22</v>
      </c>
      <c r="X1083" s="10" t="s">
        <v>22</v>
      </c>
      <c r="Y1083" s="10" t="s">
        <v>22</v>
      </c>
      <c r="Z1083" s="10" t="s">
        <v>22</v>
      </c>
    </row>
    <row r="1084" spans="1:26" ht="24" customHeight="1" x14ac:dyDescent="0.2">
      <c r="A1084" s="9" t="s">
        <v>18352</v>
      </c>
      <c r="B1084" s="9" t="s">
        <v>14</v>
      </c>
      <c r="C1084" s="9" t="s">
        <v>5150</v>
      </c>
      <c r="D1084" s="6" t="s">
        <v>5151</v>
      </c>
      <c r="E1084" s="22">
        <v>44965</v>
      </c>
      <c r="F1084" s="22">
        <v>46790</v>
      </c>
      <c r="G1084" s="6" t="s">
        <v>5152</v>
      </c>
      <c r="H1084" s="6" t="s">
        <v>62</v>
      </c>
      <c r="I1084" s="6" t="s">
        <v>73</v>
      </c>
      <c r="J1084" s="6" t="s">
        <v>5153</v>
      </c>
      <c r="K1084" s="9" t="s">
        <v>5154</v>
      </c>
      <c r="L1084" s="10" t="s">
        <v>22</v>
      </c>
      <c r="M1084" s="10" t="s">
        <v>22</v>
      </c>
      <c r="N1084" s="10" t="s">
        <v>22</v>
      </c>
      <c r="O1084" s="10" t="s">
        <v>22</v>
      </c>
      <c r="P1084" s="10" t="s">
        <v>22</v>
      </c>
      <c r="Q1084" s="10" t="s">
        <v>22</v>
      </c>
      <c r="R1084" s="10" t="s">
        <v>22</v>
      </c>
      <c r="S1084" s="10" t="s">
        <v>22</v>
      </c>
      <c r="T1084" s="10" t="s">
        <v>22</v>
      </c>
    </row>
    <row r="1085" spans="1:26" ht="24" customHeight="1" x14ac:dyDescent="0.2">
      <c r="A1085" s="9" t="s">
        <v>18353</v>
      </c>
      <c r="B1085" s="9" t="s">
        <v>14</v>
      </c>
      <c r="C1085" s="9" t="s">
        <v>5155</v>
      </c>
      <c r="D1085" s="6" t="s">
        <v>5156</v>
      </c>
      <c r="E1085" s="22">
        <v>44976</v>
      </c>
      <c r="F1085" s="22">
        <v>46801</v>
      </c>
      <c r="G1085" s="6" t="s">
        <v>5157</v>
      </c>
      <c r="H1085" s="6" t="s">
        <v>18</v>
      </c>
      <c r="I1085" s="6" t="s">
        <v>26</v>
      </c>
      <c r="J1085" s="6" t="s">
        <v>5158</v>
      </c>
      <c r="M1085" s="10" t="s">
        <v>22</v>
      </c>
      <c r="N1085" s="10" t="s">
        <v>22</v>
      </c>
    </row>
    <row r="1086" spans="1:26" ht="24" customHeight="1" x14ac:dyDescent="0.2">
      <c r="A1086" s="9" t="s">
        <v>18354</v>
      </c>
      <c r="B1086" s="9" t="s">
        <v>14</v>
      </c>
      <c r="C1086" s="9" t="s">
        <v>5159</v>
      </c>
      <c r="D1086" s="6" t="s">
        <v>5160</v>
      </c>
      <c r="E1086" s="22">
        <v>44982</v>
      </c>
      <c r="F1086" s="22">
        <v>46807</v>
      </c>
      <c r="G1086" s="6" t="s">
        <v>5161</v>
      </c>
      <c r="H1086" s="6" t="s">
        <v>18</v>
      </c>
      <c r="I1086" s="6" t="s">
        <v>19</v>
      </c>
      <c r="J1086" s="6" t="s">
        <v>5162</v>
      </c>
      <c r="K1086" s="9" t="s">
        <v>5163</v>
      </c>
      <c r="L1086" s="10" t="s">
        <v>22</v>
      </c>
      <c r="M1086" s="10" t="s">
        <v>22</v>
      </c>
      <c r="N1086" s="10" t="s">
        <v>22</v>
      </c>
      <c r="O1086" s="10" t="s">
        <v>22</v>
      </c>
      <c r="P1086" s="10" t="s">
        <v>22</v>
      </c>
      <c r="Q1086" s="10" t="s">
        <v>22</v>
      </c>
      <c r="R1086" s="10" t="s">
        <v>22</v>
      </c>
      <c r="S1086" s="10" t="s">
        <v>22</v>
      </c>
      <c r="T1086" s="10" t="s">
        <v>22</v>
      </c>
      <c r="U1086" s="10" t="s">
        <v>22</v>
      </c>
      <c r="V1086" s="10" t="s">
        <v>22</v>
      </c>
      <c r="W1086" s="10" t="s">
        <v>22</v>
      </c>
      <c r="X1086" s="10" t="s">
        <v>22</v>
      </c>
      <c r="Y1086" s="10" t="s">
        <v>22</v>
      </c>
      <c r="Z1086" s="10" t="s">
        <v>22</v>
      </c>
    </row>
    <row r="1087" spans="1:26" ht="24" customHeight="1" x14ac:dyDescent="0.2">
      <c r="A1087" s="9" t="s">
        <v>18355</v>
      </c>
      <c r="B1087" s="9" t="s">
        <v>14</v>
      </c>
      <c r="C1087" s="9" t="s">
        <v>5164</v>
      </c>
      <c r="D1087" s="6" t="s">
        <v>5165</v>
      </c>
      <c r="E1087" s="22">
        <v>45017</v>
      </c>
      <c r="F1087" s="22">
        <v>46843</v>
      </c>
      <c r="G1087" s="6" t="s">
        <v>5166</v>
      </c>
      <c r="H1087" s="6" t="s">
        <v>18</v>
      </c>
      <c r="I1087" s="6" t="s">
        <v>19</v>
      </c>
      <c r="J1087" s="6" t="s">
        <v>5167</v>
      </c>
      <c r="K1087" s="9" t="s">
        <v>5168</v>
      </c>
      <c r="L1087" s="10" t="s">
        <v>22</v>
      </c>
      <c r="M1087" s="10" t="s">
        <v>22</v>
      </c>
      <c r="N1087" s="10" t="s">
        <v>22</v>
      </c>
      <c r="O1087" s="10" t="s">
        <v>22</v>
      </c>
      <c r="P1087" s="10" t="s">
        <v>22</v>
      </c>
      <c r="Q1087" s="10" t="s">
        <v>22</v>
      </c>
      <c r="R1087" s="10" t="s">
        <v>22</v>
      </c>
      <c r="S1087" s="10" t="s">
        <v>22</v>
      </c>
      <c r="T1087" s="10" t="s">
        <v>22</v>
      </c>
      <c r="U1087" s="10" t="s">
        <v>22</v>
      </c>
      <c r="V1087" s="10" t="s">
        <v>22</v>
      </c>
      <c r="W1087" s="10" t="s">
        <v>22</v>
      </c>
      <c r="X1087" s="10" t="s">
        <v>22</v>
      </c>
      <c r="Y1087" s="10" t="s">
        <v>22</v>
      </c>
      <c r="Z1087" s="10" t="s">
        <v>22</v>
      </c>
    </row>
    <row r="1088" spans="1:26" ht="37.25" customHeight="1" x14ac:dyDescent="0.2">
      <c r="A1088" s="9" t="s">
        <v>18356</v>
      </c>
      <c r="B1088" s="9" t="s">
        <v>14</v>
      </c>
      <c r="C1088" s="9" t="s">
        <v>5169</v>
      </c>
      <c r="D1088" s="6" t="s">
        <v>5170</v>
      </c>
      <c r="E1088" s="22">
        <v>45025</v>
      </c>
      <c r="F1088" s="22">
        <v>46851</v>
      </c>
      <c r="G1088" s="6" t="s">
        <v>5171</v>
      </c>
      <c r="H1088" s="6" t="s">
        <v>18</v>
      </c>
      <c r="I1088" s="6" t="s">
        <v>19</v>
      </c>
      <c r="J1088" s="6" t="s">
        <v>5172</v>
      </c>
      <c r="K1088" s="9" t="s">
        <v>5173</v>
      </c>
      <c r="L1088" s="10" t="s">
        <v>22</v>
      </c>
      <c r="M1088" s="10" t="s">
        <v>22</v>
      </c>
      <c r="N1088" s="10" t="s">
        <v>22</v>
      </c>
      <c r="O1088" s="10" t="s">
        <v>22</v>
      </c>
      <c r="P1088" s="10" t="s">
        <v>22</v>
      </c>
      <c r="Q1088" s="10" t="s">
        <v>22</v>
      </c>
      <c r="R1088" s="10" t="s">
        <v>22</v>
      </c>
      <c r="S1088" s="10" t="s">
        <v>22</v>
      </c>
      <c r="T1088" s="10" t="s">
        <v>22</v>
      </c>
      <c r="U1088" s="10" t="s">
        <v>22</v>
      </c>
      <c r="V1088" s="10" t="s">
        <v>22</v>
      </c>
      <c r="W1088" s="10" t="s">
        <v>22</v>
      </c>
      <c r="X1088" s="10" t="s">
        <v>22</v>
      </c>
      <c r="Y1088" s="10" t="s">
        <v>22</v>
      </c>
      <c r="Z1088" s="10" t="s">
        <v>22</v>
      </c>
    </row>
    <row r="1089" spans="1:26" ht="37.25" customHeight="1" x14ac:dyDescent="0.2">
      <c r="A1089" s="9" t="s">
        <v>18357</v>
      </c>
      <c r="B1089" s="9" t="s">
        <v>14</v>
      </c>
      <c r="C1089" s="9" t="s">
        <v>5169</v>
      </c>
      <c r="D1089" s="6" t="s">
        <v>5170</v>
      </c>
      <c r="E1089" s="22">
        <v>45025</v>
      </c>
      <c r="F1089" s="22">
        <v>46851</v>
      </c>
      <c r="G1089" s="6" t="s">
        <v>5174</v>
      </c>
      <c r="H1089" s="6" t="s">
        <v>18</v>
      </c>
      <c r="I1089" s="6" t="s">
        <v>392</v>
      </c>
      <c r="J1089" s="6" t="s">
        <v>5175</v>
      </c>
      <c r="K1089" s="9" t="s">
        <v>5176</v>
      </c>
      <c r="L1089" s="10" t="s">
        <v>22</v>
      </c>
      <c r="M1089" s="10" t="s">
        <v>22</v>
      </c>
      <c r="N1089" s="10" t="s">
        <v>22</v>
      </c>
      <c r="O1089" s="10" t="s">
        <v>22</v>
      </c>
      <c r="P1089" s="10" t="s">
        <v>22</v>
      </c>
      <c r="Q1089" s="10" t="s">
        <v>22</v>
      </c>
      <c r="R1089" s="10" t="s">
        <v>22</v>
      </c>
      <c r="S1089" s="10" t="s">
        <v>22</v>
      </c>
      <c r="T1089" s="10" t="s">
        <v>22</v>
      </c>
      <c r="U1089" s="10" t="s">
        <v>22</v>
      </c>
      <c r="V1089" s="10" t="s">
        <v>22</v>
      </c>
      <c r="W1089" s="10" t="s">
        <v>22</v>
      </c>
      <c r="X1089" s="10" t="s">
        <v>22</v>
      </c>
      <c r="Y1089" s="10" t="s">
        <v>22</v>
      </c>
      <c r="Z1089" s="10" t="s">
        <v>22</v>
      </c>
    </row>
    <row r="1090" spans="1:26" ht="24" customHeight="1" x14ac:dyDescent="0.2">
      <c r="A1090" s="9" t="s">
        <v>18358</v>
      </c>
      <c r="B1090" s="9" t="s">
        <v>14</v>
      </c>
      <c r="C1090" s="9" t="s">
        <v>5177</v>
      </c>
      <c r="D1090" s="6" t="s">
        <v>5178</v>
      </c>
      <c r="E1090" s="22">
        <v>45027</v>
      </c>
      <c r="F1090" s="22">
        <v>46853</v>
      </c>
      <c r="G1090" s="6" t="s">
        <v>5179</v>
      </c>
      <c r="H1090" s="6" t="s">
        <v>18</v>
      </c>
      <c r="I1090" s="6" t="s">
        <v>19</v>
      </c>
      <c r="J1090" s="6" t="s">
        <v>5180</v>
      </c>
      <c r="K1090" s="9" t="s">
        <v>5181</v>
      </c>
      <c r="L1090" s="10" t="s">
        <v>22</v>
      </c>
      <c r="M1090" s="10" t="s">
        <v>22</v>
      </c>
      <c r="N1090" s="10" t="s">
        <v>22</v>
      </c>
      <c r="O1090" s="10" t="s">
        <v>22</v>
      </c>
      <c r="P1090" s="10" t="s">
        <v>22</v>
      </c>
      <c r="Q1090" s="10" t="s">
        <v>22</v>
      </c>
      <c r="U1090" s="10" t="s">
        <v>22</v>
      </c>
      <c r="V1090" s="10" t="s">
        <v>22</v>
      </c>
      <c r="W1090" s="10" t="s">
        <v>22</v>
      </c>
      <c r="X1090" s="10" t="s">
        <v>22</v>
      </c>
      <c r="Y1090" s="10" t="s">
        <v>22</v>
      </c>
      <c r="Z1090" s="10" t="s">
        <v>22</v>
      </c>
    </row>
    <row r="1091" spans="1:26" ht="24" customHeight="1" x14ac:dyDescent="0.2">
      <c r="A1091" s="9" t="s">
        <v>18359</v>
      </c>
      <c r="B1091" s="9" t="s">
        <v>14</v>
      </c>
      <c r="C1091" s="9" t="s">
        <v>5182</v>
      </c>
      <c r="D1091" s="6" t="s">
        <v>5183</v>
      </c>
      <c r="E1091" s="22">
        <v>45027</v>
      </c>
      <c r="F1091" s="22">
        <v>46853</v>
      </c>
      <c r="G1091" s="6" t="s">
        <v>5184</v>
      </c>
      <c r="H1091" s="6" t="s">
        <v>62</v>
      </c>
      <c r="I1091" s="6" t="s">
        <v>264</v>
      </c>
      <c r="J1091" s="6" t="s">
        <v>5185</v>
      </c>
      <c r="K1091" s="9" t="s">
        <v>5186</v>
      </c>
      <c r="M1091" s="10" t="s">
        <v>22</v>
      </c>
      <c r="N1091" s="10" t="s">
        <v>22</v>
      </c>
      <c r="P1091" s="10" t="s">
        <v>22</v>
      </c>
      <c r="Q1091" s="10" t="s">
        <v>22</v>
      </c>
      <c r="V1091" s="10" t="s">
        <v>22</v>
      </c>
      <c r="W1091" s="10" t="s">
        <v>22</v>
      </c>
      <c r="Y1091" s="10" t="s">
        <v>22</v>
      </c>
      <c r="Z1091" s="10" t="s">
        <v>22</v>
      </c>
    </row>
    <row r="1092" spans="1:26" ht="24" customHeight="1" x14ac:dyDescent="0.2">
      <c r="A1092" s="9" t="s">
        <v>18360</v>
      </c>
      <c r="B1092" s="9" t="s">
        <v>14</v>
      </c>
      <c r="C1092" s="9" t="s">
        <v>5187</v>
      </c>
      <c r="D1092" s="6" t="s">
        <v>5188</v>
      </c>
      <c r="E1092" s="22">
        <v>45032</v>
      </c>
      <c r="F1092" s="22">
        <v>46858</v>
      </c>
      <c r="G1092" s="6" t="s">
        <v>5189</v>
      </c>
      <c r="H1092" s="6" t="s">
        <v>202</v>
      </c>
      <c r="I1092" s="6" t="s">
        <v>2992</v>
      </c>
      <c r="J1092" s="6" t="s">
        <v>5190</v>
      </c>
      <c r="K1092" s="9" t="s">
        <v>5191</v>
      </c>
      <c r="L1092" s="10" t="s">
        <v>22</v>
      </c>
      <c r="M1092" s="10" t="s">
        <v>22</v>
      </c>
      <c r="N1092" s="10" t="s">
        <v>22</v>
      </c>
      <c r="O1092" s="10" t="s">
        <v>22</v>
      </c>
      <c r="P1092" s="10" t="s">
        <v>22</v>
      </c>
      <c r="Q1092" s="10" t="s">
        <v>22</v>
      </c>
      <c r="R1092" s="10" t="s">
        <v>22</v>
      </c>
      <c r="S1092" s="10" t="s">
        <v>22</v>
      </c>
      <c r="T1092" s="10" t="s">
        <v>22</v>
      </c>
      <c r="U1092" s="10" t="s">
        <v>22</v>
      </c>
      <c r="V1092" s="10" t="s">
        <v>22</v>
      </c>
      <c r="W1092" s="10" t="s">
        <v>22</v>
      </c>
      <c r="X1092" s="10" t="s">
        <v>22</v>
      </c>
      <c r="Y1092" s="10" t="s">
        <v>22</v>
      </c>
      <c r="Z1092" s="10" t="s">
        <v>22</v>
      </c>
    </row>
    <row r="1093" spans="1:26" ht="24" customHeight="1" x14ac:dyDescent="0.2">
      <c r="A1093" s="9" t="s">
        <v>18361</v>
      </c>
      <c r="B1093" s="9" t="s">
        <v>14</v>
      </c>
      <c r="C1093" s="9" t="s">
        <v>5192</v>
      </c>
      <c r="D1093" s="6" t="s">
        <v>5193</v>
      </c>
      <c r="E1093" s="22">
        <v>45035</v>
      </c>
      <c r="F1093" s="22">
        <v>46861</v>
      </c>
      <c r="G1093" s="6" t="s">
        <v>5194</v>
      </c>
      <c r="H1093" s="6" t="s">
        <v>18</v>
      </c>
      <c r="I1093" s="6" t="s">
        <v>19</v>
      </c>
      <c r="J1093" s="6" t="s">
        <v>5195</v>
      </c>
      <c r="K1093" s="9" t="s">
        <v>5196</v>
      </c>
      <c r="L1093" s="10" t="s">
        <v>22</v>
      </c>
      <c r="M1093" s="10" t="s">
        <v>22</v>
      </c>
      <c r="N1093" s="10" t="s">
        <v>22</v>
      </c>
      <c r="O1093" s="10" t="s">
        <v>22</v>
      </c>
      <c r="P1093" s="10" t="s">
        <v>22</v>
      </c>
      <c r="Q1093" s="10" t="s">
        <v>22</v>
      </c>
      <c r="R1093" s="10" t="s">
        <v>22</v>
      </c>
      <c r="S1093" s="10" t="s">
        <v>22</v>
      </c>
      <c r="T1093" s="10" t="s">
        <v>22</v>
      </c>
      <c r="U1093" s="10" t="s">
        <v>22</v>
      </c>
      <c r="V1093" s="10" t="s">
        <v>22</v>
      </c>
      <c r="W1093" s="10" t="s">
        <v>22</v>
      </c>
      <c r="X1093" s="10" t="s">
        <v>22</v>
      </c>
      <c r="Y1093" s="10" t="s">
        <v>22</v>
      </c>
      <c r="Z1093" s="10" t="s">
        <v>22</v>
      </c>
    </row>
    <row r="1094" spans="1:26" ht="24" customHeight="1" x14ac:dyDescent="0.2">
      <c r="A1094" s="9" t="s">
        <v>18362</v>
      </c>
      <c r="B1094" s="9" t="s">
        <v>14</v>
      </c>
      <c r="C1094" s="9" t="s">
        <v>5197</v>
      </c>
      <c r="D1094" s="6" t="s">
        <v>5198</v>
      </c>
      <c r="E1094" s="22">
        <v>45035</v>
      </c>
      <c r="F1094" s="22">
        <v>46861</v>
      </c>
      <c r="G1094" s="6" t="s">
        <v>5199</v>
      </c>
      <c r="H1094" s="6" t="s">
        <v>18</v>
      </c>
      <c r="I1094" s="6" t="s">
        <v>19</v>
      </c>
      <c r="J1094" s="6" t="s">
        <v>5200</v>
      </c>
      <c r="L1094" s="10" t="s">
        <v>22</v>
      </c>
      <c r="M1094" s="10" t="s">
        <v>22</v>
      </c>
      <c r="N1094" s="10" t="s">
        <v>22</v>
      </c>
      <c r="O1094" s="10" t="s">
        <v>22</v>
      </c>
      <c r="P1094" s="10" t="s">
        <v>22</v>
      </c>
      <c r="Q1094" s="10" t="s">
        <v>22</v>
      </c>
      <c r="U1094" s="10" t="s">
        <v>22</v>
      </c>
      <c r="V1094" s="10" t="s">
        <v>22</v>
      </c>
      <c r="W1094" s="10" t="s">
        <v>22</v>
      </c>
      <c r="X1094" s="10" t="s">
        <v>22</v>
      </c>
      <c r="Y1094" s="10" t="s">
        <v>22</v>
      </c>
      <c r="Z1094" s="10" t="s">
        <v>22</v>
      </c>
    </row>
    <row r="1095" spans="1:26" ht="24" customHeight="1" x14ac:dyDescent="0.2">
      <c r="A1095" s="9" t="s">
        <v>18363</v>
      </c>
      <c r="B1095" s="9" t="s">
        <v>14</v>
      </c>
      <c r="C1095" s="9" t="s">
        <v>5201</v>
      </c>
      <c r="D1095" s="6" t="s">
        <v>5202</v>
      </c>
      <c r="E1095" s="22">
        <v>45039</v>
      </c>
      <c r="F1095" s="22">
        <v>46865</v>
      </c>
      <c r="G1095" s="6" t="s">
        <v>5203</v>
      </c>
      <c r="H1095" s="6" t="s">
        <v>62</v>
      </c>
      <c r="I1095" s="6" t="s">
        <v>352</v>
      </c>
      <c r="J1095" s="6" t="s">
        <v>5204</v>
      </c>
      <c r="L1095" s="10" t="s">
        <v>22</v>
      </c>
      <c r="M1095" s="10" t="s">
        <v>22</v>
      </c>
      <c r="N1095" s="10" t="s">
        <v>22</v>
      </c>
      <c r="O1095" s="10" t="s">
        <v>22</v>
      </c>
      <c r="P1095" s="10" t="s">
        <v>22</v>
      </c>
      <c r="Q1095" s="10" t="s">
        <v>22</v>
      </c>
      <c r="R1095" s="10" t="s">
        <v>22</v>
      </c>
      <c r="S1095" s="10" t="s">
        <v>22</v>
      </c>
      <c r="T1095" s="10" t="s">
        <v>22</v>
      </c>
      <c r="U1095" s="10" t="s">
        <v>22</v>
      </c>
      <c r="V1095" s="10" t="s">
        <v>22</v>
      </c>
      <c r="W1095" s="10" t="s">
        <v>22</v>
      </c>
      <c r="X1095" s="10" t="s">
        <v>22</v>
      </c>
      <c r="Y1095" s="10" t="s">
        <v>22</v>
      </c>
      <c r="Z1095" s="10" t="s">
        <v>22</v>
      </c>
    </row>
    <row r="1096" spans="1:26" ht="24" customHeight="1" x14ac:dyDescent="0.2">
      <c r="A1096" s="9" t="s">
        <v>18364</v>
      </c>
      <c r="B1096" s="9" t="s">
        <v>14</v>
      </c>
      <c r="C1096" s="9" t="s">
        <v>5205</v>
      </c>
      <c r="D1096" s="6" t="s">
        <v>5206</v>
      </c>
      <c r="E1096" s="22">
        <v>45039</v>
      </c>
      <c r="F1096" s="22">
        <v>46865</v>
      </c>
      <c r="G1096" s="6" t="s">
        <v>5207</v>
      </c>
      <c r="H1096" s="6" t="s">
        <v>363</v>
      </c>
      <c r="I1096" s="6" t="s">
        <v>597</v>
      </c>
      <c r="J1096" s="6" t="s">
        <v>5208</v>
      </c>
      <c r="K1096" s="9" t="s">
        <v>5209</v>
      </c>
      <c r="L1096" s="10" t="s">
        <v>22</v>
      </c>
      <c r="M1096" s="10" t="s">
        <v>22</v>
      </c>
      <c r="N1096" s="10" t="s">
        <v>22</v>
      </c>
      <c r="O1096" s="10" t="s">
        <v>22</v>
      </c>
      <c r="P1096" s="10" t="s">
        <v>22</v>
      </c>
      <c r="Q1096" s="10" t="s">
        <v>22</v>
      </c>
      <c r="R1096" s="10" t="s">
        <v>22</v>
      </c>
      <c r="S1096" s="10" t="s">
        <v>22</v>
      </c>
      <c r="T1096" s="10" t="s">
        <v>22</v>
      </c>
      <c r="U1096" s="10" t="s">
        <v>22</v>
      </c>
      <c r="V1096" s="10" t="s">
        <v>22</v>
      </c>
      <c r="W1096" s="10" t="s">
        <v>22</v>
      </c>
      <c r="X1096" s="10" t="s">
        <v>22</v>
      </c>
      <c r="Y1096" s="10" t="s">
        <v>22</v>
      </c>
      <c r="Z1096" s="10" t="s">
        <v>22</v>
      </c>
    </row>
    <row r="1097" spans="1:26" ht="24" customHeight="1" x14ac:dyDescent="0.2">
      <c r="A1097" s="9" t="s">
        <v>18365</v>
      </c>
      <c r="B1097" s="9" t="s">
        <v>14</v>
      </c>
      <c r="C1097" s="9" t="s">
        <v>5210</v>
      </c>
      <c r="D1097" s="6" t="s">
        <v>5211</v>
      </c>
      <c r="E1097" s="22">
        <v>45039</v>
      </c>
      <c r="F1097" s="22">
        <v>46865</v>
      </c>
      <c r="G1097" s="6" t="s">
        <v>5212</v>
      </c>
      <c r="H1097" s="6" t="s">
        <v>62</v>
      </c>
      <c r="I1097" s="6" t="s">
        <v>264</v>
      </c>
      <c r="J1097" s="6" t="s">
        <v>5213</v>
      </c>
      <c r="K1097" s="9" t="s">
        <v>5214</v>
      </c>
      <c r="L1097" s="10" t="s">
        <v>22</v>
      </c>
      <c r="M1097" s="10" t="s">
        <v>22</v>
      </c>
      <c r="N1097" s="10" t="s">
        <v>22</v>
      </c>
      <c r="O1097" s="10" t="s">
        <v>22</v>
      </c>
      <c r="P1097" s="10" t="s">
        <v>22</v>
      </c>
      <c r="Q1097" s="10" t="s">
        <v>22</v>
      </c>
      <c r="U1097" s="10" t="s">
        <v>22</v>
      </c>
      <c r="V1097" s="10" t="s">
        <v>22</v>
      </c>
      <c r="W1097" s="10" t="s">
        <v>22</v>
      </c>
      <c r="X1097" s="10" t="s">
        <v>22</v>
      </c>
      <c r="Y1097" s="10" t="s">
        <v>22</v>
      </c>
      <c r="Z1097" s="10" t="s">
        <v>22</v>
      </c>
    </row>
    <row r="1098" spans="1:26" ht="24" customHeight="1" x14ac:dyDescent="0.2">
      <c r="A1098" s="9" t="s">
        <v>18366</v>
      </c>
      <c r="B1098" s="9" t="s">
        <v>14</v>
      </c>
      <c r="C1098" s="9" t="s">
        <v>5215</v>
      </c>
      <c r="D1098" s="6" t="s">
        <v>5216</v>
      </c>
      <c r="E1098" s="22">
        <v>45039</v>
      </c>
      <c r="F1098" s="22">
        <v>46865</v>
      </c>
      <c r="G1098" s="6" t="s">
        <v>5217</v>
      </c>
      <c r="H1098" s="6" t="s">
        <v>62</v>
      </c>
      <c r="I1098" s="6" t="s">
        <v>264</v>
      </c>
      <c r="J1098" s="6" t="s">
        <v>5218</v>
      </c>
      <c r="K1098" s="9" t="s">
        <v>5219</v>
      </c>
      <c r="L1098" s="10" t="s">
        <v>22</v>
      </c>
      <c r="M1098" s="10" t="s">
        <v>22</v>
      </c>
      <c r="N1098" s="10" t="s">
        <v>22</v>
      </c>
      <c r="O1098" s="10" t="s">
        <v>22</v>
      </c>
      <c r="P1098" s="10" t="s">
        <v>22</v>
      </c>
      <c r="Q1098" s="10" t="s">
        <v>22</v>
      </c>
      <c r="R1098" s="10" t="s">
        <v>22</v>
      </c>
      <c r="S1098" s="10" t="s">
        <v>22</v>
      </c>
      <c r="T1098" s="10" t="s">
        <v>22</v>
      </c>
      <c r="U1098" s="10" t="s">
        <v>22</v>
      </c>
      <c r="V1098" s="10" t="s">
        <v>22</v>
      </c>
      <c r="W1098" s="10" t="s">
        <v>22</v>
      </c>
      <c r="X1098" s="10" t="s">
        <v>22</v>
      </c>
      <c r="Y1098" s="10" t="s">
        <v>22</v>
      </c>
      <c r="Z1098" s="10" t="s">
        <v>22</v>
      </c>
    </row>
    <row r="1099" spans="1:26" ht="24" customHeight="1" x14ac:dyDescent="0.2">
      <c r="A1099" s="9" t="s">
        <v>18367</v>
      </c>
      <c r="B1099" s="9" t="s">
        <v>14</v>
      </c>
      <c r="C1099" s="9" t="s">
        <v>5220</v>
      </c>
      <c r="D1099" s="6" t="s">
        <v>5221</v>
      </c>
      <c r="E1099" s="22">
        <v>45046</v>
      </c>
      <c r="F1099" s="22">
        <v>46872</v>
      </c>
      <c r="G1099" s="6" t="s">
        <v>5222</v>
      </c>
      <c r="H1099" s="6" t="s">
        <v>202</v>
      </c>
      <c r="I1099" s="6" t="s">
        <v>5223</v>
      </c>
      <c r="J1099" s="6" t="s">
        <v>5224</v>
      </c>
      <c r="K1099" s="9" t="s">
        <v>5225</v>
      </c>
      <c r="L1099" s="10" t="s">
        <v>22</v>
      </c>
      <c r="M1099" s="10" t="s">
        <v>22</v>
      </c>
      <c r="N1099" s="10" t="s">
        <v>22</v>
      </c>
      <c r="O1099" s="10" t="s">
        <v>22</v>
      </c>
      <c r="P1099" s="10" t="s">
        <v>22</v>
      </c>
      <c r="Q1099" s="10" t="s">
        <v>22</v>
      </c>
      <c r="R1099" s="10" t="s">
        <v>22</v>
      </c>
      <c r="S1099" s="10" t="s">
        <v>22</v>
      </c>
      <c r="T1099" s="10" t="s">
        <v>22</v>
      </c>
    </row>
    <row r="1100" spans="1:26" ht="24" customHeight="1" x14ac:dyDescent="0.2">
      <c r="A1100" s="9" t="s">
        <v>18368</v>
      </c>
      <c r="B1100" s="9" t="s">
        <v>14</v>
      </c>
      <c r="C1100" s="9" t="s">
        <v>5226</v>
      </c>
      <c r="D1100" s="6" t="s">
        <v>5227</v>
      </c>
      <c r="E1100" s="22">
        <v>45047</v>
      </c>
      <c r="F1100" s="22">
        <v>46873</v>
      </c>
      <c r="G1100" s="6" t="s">
        <v>5228</v>
      </c>
      <c r="H1100" s="6" t="s">
        <v>18</v>
      </c>
      <c r="I1100" s="6" t="s">
        <v>19</v>
      </c>
      <c r="J1100" s="6" t="s">
        <v>5229</v>
      </c>
      <c r="K1100" s="9" t="s">
        <v>5230</v>
      </c>
      <c r="L1100" s="10" t="s">
        <v>22</v>
      </c>
      <c r="M1100" s="10" t="s">
        <v>22</v>
      </c>
      <c r="N1100" s="10" t="s">
        <v>22</v>
      </c>
      <c r="O1100" s="10" t="s">
        <v>22</v>
      </c>
      <c r="P1100" s="10" t="s">
        <v>22</v>
      </c>
      <c r="Q1100" s="10" t="s">
        <v>22</v>
      </c>
      <c r="R1100" s="10" t="s">
        <v>22</v>
      </c>
      <c r="S1100" s="10" t="s">
        <v>22</v>
      </c>
      <c r="T1100" s="10" t="s">
        <v>22</v>
      </c>
    </row>
    <row r="1101" spans="1:26" ht="24" customHeight="1" x14ac:dyDescent="0.2">
      <c r="A1101" s="9" t="s">
        <v>18369</v>
      </c>
      <c r="B1101" s="9" t="s">
        <v>14</v>
      </c>
      <c r="C1101" s="9" t="s">
        <v>5226</v>
      </c>
      <c r="D1101" s="6" t="s">
        <v>5227</v>
      </c>
      <c r="E1101" s="22">
        <v>45047</v>
      </c>
      <c r="F1101" s="22">
        <v>46873</v>
      </c>
      <c r="G1101" s="6" t="s">
        <v>5231</v>
      </c>
      <c r="H1101" s="6" t="s">
        <v>18</v>
      </c>
      <c r="I1101" s="6" t="s">
        <v>392</v>
      </c>
      <c r="J1101" s="6" t="s">
        <v>5232</v>
      </c>
      <c r="K1101" s="9" t="s">
        <v>5233</v>
      </c>
      <c r="L1101" s="10" t="s">
        <v>22</v>
      </c>
      <c r="M1101" s="10" t="s">
        <v>22</v>
      </c>
      <c r="N1101" s="10" t="s">
        <v>22</v>
      </c>
      <c r="O1101" s="10" t="s">
        <v>22</v>
      </c>
      <c r="P1101" s="10" t="s">
        <v>22</v>
      </c>
      <c r="Q1101" s="10" t="s">
        <v>22</v>
      </c>
      <c r="R1101" s="10" t="s">
        <v>22</v>
      </c>
      <c r="S1101" s="10" t="s">
        <v>22</v>
      </c>
      <c r="T1101" s="10" t="s">
        <v>22</v>
      </c>
    </row>
    <row r="1102" spans="1:26" ht="24" customHeight="1" x14ac:dyDescent="0.2">
      <c r="A1102" s="9" t="s">
        <v>18370</v>
      </c>
      <c r="B1102" s="9" t="s">
        <v>14</v>
      </c>
      <c r="C1102" s="9" t="s">
        <v>5234</v>
      </c>
      <c r="D1102" s="6" t="s">
        <v>736</v>
      </c>
      <c r="E1102" s="22">
        <v>45047</v>
      </c>
      <c r="F1102" s="22">
        <v>46873</v>
      </c>
      <c r="G1102" s="6" t="s">
        <v>737</v>
      </c>
      <c r="H1102" s="6" t="s">
        <v>18</v>
      </c>
      <c r="I1102" s="6" t="s">
        <v>19</v>
      </c>
      <c r="J1102" s="6" t="s">
        <v>5235</v>
      </c>
      <c r="L1102" s="10" t="s">
        <v>22</v>
      </c>
      <c r="M1102" s="10" t="s">
        <v>22</v>
      </c>
      <c r="N1102" s="10" t="s">
        <v>22</v>
      </c>
      <c r="O1102" s="10" t="s">
        <v>22</v>
      </c>
      <c r="P1102" s="10" t="s">
        <v>22</v>
      </c>
      <c r="Q1102" s="10" t="s">
        <v>22</v>
      </c>
      <c r="R1102" s="10" t="s">
        <v>22</v>
      </c>
      <c r="S1102" s="10" t="s">
        <v>22</v>
      </c>
      <c r="T1102" s="10" t="s">
        <v>22</v>
      </c>
      <c r="U1102" s="10" t="s">
        <v>22</v>
      </c>
      <c r="V1102" s="10" t="s">
        <v>22</v>
      </c>
      <c r="W1102" s="10" t="s">
        <v>22</v>
      </c>
      <c r="X1102" s="10" t="s">
        <v>22</v>
      </c>
      <c r="Y1102" s="10" t="s">
        <v>22</v>
      </c>
      <c r="Z1102" s="10" t="s">
        <v>22</v>
      </c>
    </row>
    <row r="1103" spans="1:26" ht="24" customHeight="1" x14ac:dyDescent="0.2">
      <c r="A1103" s="9" t="s">
        <v>18371</v>
      </c>
      <c r="B1103" s="9" t="s">
        <v>14</v>
      </c>
      <c r="C1103" s="9" t="s">
        <v>5236</v>
      </c>
      <c r="D1103" s="6" t="s">
        <v>5237</v>
      </c>
      <c r="E1103" s="22">
        <v>45047</v>
      </c>
      <c r="F1103" s="22">
        <v>46873</v>
      </c>
      <c r="G1103" s="6" t="s">
        <v>5238</v>
      </c>
      <c r="H1103" s="6" t="s">
        <v>18</v>
      </c>
      <c r="I1103" s="6" t="s">
        <v>19</v>
      </c>
      <c r="J1103" s="6" t="s">
        <v>5239</v>
      </c>
      <c r="K1103" s="9" t="s">
        <v>5240</v>
      </c>
      <c r="L1103" s="10" t="s">
        <v>22</v>
      </c>
      <c r="M1103" s="10" t="s">
        <v>22</v>
      </c>
      <c r="N1103" s="10" t="s">
        <v>22</v>
      </c>
      <c r="O1103" s="10" t="s">
        <v>22</v>
      </c>
      <c r="P1103" s="10" t="s">
        <v>22</v>
      </c>
      <c r="Q1103" s="10" t="s">
        <v>22</v>
      </c>
      <c r="U1103" s="10" t="s">
        <v>22</v>
      </c>
      <c r="V1103" s="10" t="s">
        <v>22</v>
      </c>
      <c r="W1103" s="10" t="s">
        <v>22</v>
      </c>
      <c r="X1103" s="10" t="s">
        <v>22</v>
      </c>
      <c r="Y1103" s="10" t="s">
        <v>22</v>
      </c>
      <c r="Z1103" s="10" t="s">
        <v>22</v>
      </c>
    </row>
    <row r="1104" spans="1:26" ht="24" customHeight="1" x14ac:dyDescent="0.2">
      <c r="A1104" s="9" t="s">
        <v>18372</v>
      </c>
      <c r="B1104" s="9" t="s">
        <v>14</v>
      </c>
      <c r="C1104" s="9" t="s">
        <v>5241</v>
      </c>
      <c r="D1104" s="6" t="s">
        <v>5242</v>
      </c>
      <c r="E1104" s="22">
        <v>45047</v>
      </c>
      <c r="F1104" s="22">
        <v>46873</v>
      </c>
      <c r="G1104" s="6" t="s">
        <v>5243</v>
      </c>
      <c r="H1104" s="6" t="s">
        <v>18</v>
      </c>
      <c r="I1104" s="6" t="s">
        <v>19</v>
      </c>
      <c r="J1104" s="6" t="s">
        <v>5244</v>
      </c>
      <c r="K1104" s="9" t="s">
        <v>5245</v>
      </c>
      <c r="L1104" s="10" t="s">
        <v>22</v>
      </c>
      <c r="M1104" s="10" t="s">
        <v>22</v>
      </c>
      <c r="N1104" s="10" t="s">
        <v>22</v>
      </c>
      <c r="O1104" s="10" t="s">
        <v>22</v>
      </c>
      <c r="P1104" s="10" t="s">
        <v>22</v>
      </c>
      <c r="Q1104" s="10" t="s">
        <v>22</v>
      </c>
      <c r="R1104" s="10" t="s">
        <v>22</v>
      </c>
      <c r="S1104" s="10" t="s">
        <v>22</v>
      </c>
      <c r="T1104" s="10" t="s">
        <v>22</v>
      </c>
      <c r="U1104" s="10" t="s">
        <v>22</v>
      </c>
      <c r="V1104" s="10" t="s">
        <v>22</v>
      </c>
      <c r="W1104" s="10" t="s">
        <v>22</v>
      </c>
    </row>
    <row r="1105" spans="1:26" ht="24" customHeight="1" x14ac:dyDescent="0.2">
      <c r="A1105" s="9" t="s">
        <v>18373</v>
      </c>
      <c r="B1105" s="9" t="s">
        <v>14</v>
      </c>
      <c r="C1105" s="9" t="s">
        <v>5246</v>
      </c>
      <c r="D1105" s="6" t="s">
        <v>5247</v>
      </c>
      <c r="E1105" s="22">
        <v>45067</v>
      </c>
      <c r="F1105" s="22">
        <v>46893</v>
      </c>
      <c r="G1105" s="6" t="s">
        <v>5248</v>
      </c>
      <c r="H1105" s="6" t="s">
        <v>18</v>
      </c>
      <c r="I1105" s="6" t="s">
        <v>19</v>
      </c>
      <c r="J1105" s="6" t="s">
        <v>5249</v>
      </c>
      <c r="K1105" s="9" t="s">
        <v>5250</v>
      </c>
      <c r="L1105" s="10" t="s">
        <v>22</v>
      </c>
      <c r="M1105" s="10" t="s">
        <v>22</v>
      </c>
      <c r="N1105" s="10" t="s">
        <v>22</v>
      </c>
      <c r="O1105" s="10" t="s">
        <v>22</v>
      </c>
      <c r="P1105" s="10" t="s">
        <v>22</v>
      </c>
      <c r="Q1105" s="10" t="s">
        <v>22</v>
      </c>
      <c r="R1105" s="10" t="s">
        <v>22</v>
      </c>
      <c r="S1105" s="10" t="s">
        <v>22</v>
      </c>
      <c r="T1105" s="10" t="s">
        <v>22</v>
      </c>
      <c r="U1105" s="10" t="s">
        <v>22</v>
      </c>
      <c r="V1105" s="10" t="s">
        <v>22</v>
      </c>
      <c r="W1105" s="10" t="s">
        <v>22</v>
      </c>
      <c r="X1105" s="10" t="s">
        <v>22</v>
      </c>
      <c r="Y1105" s="10" t="s">
        <v>22</v>
      </c>
      <c r="Z1105" s="10" t="s">
        <v>22</v>
      </c>
    </row>
    <row r="1106" spans="1:26" ht="24" customHeight="1" x14ac:dyDescent="0.2">
      <c r="A1106" s="9" t="s">
        <v>18374</v>
      </c>
      <c r="B1106" s="9" t="s">
        <v>14</v>
      </c>
      <c r="C1106" s="9" t="s">
        <v>5251</v>
      </c>
      <c r="D1106" s="6" t="s">
        <v>5252</v>
      </c>
      <c r="E1106" s="22">
        <v>45074</v>
      </c>
      <c r="F1106" s="22">
        <v>46900</v>
      </c>
      <c r="G1106" s="6" t="s">
        <v>5253</v>
      </c>
      <c r="H1106" s="6" t="s">
        <v>62</v>
      </c>
      <c r="I1106" s="6" t="s">
        <v>186</v>
      </c>
      <c r="J1106" s="6" t="s">
        <v>5254</v>
      </c>
      <c r="K1106" s="9" t="s">
        <v>5255</v>
      </c>
      <c r="L1106" s="10" t="s">
        <v>22</v>
      </c>
      <c r="M1106" s="10" t="s">
        <v>22</v>
      </c>
      <c r="N1106" s="10" t="s">
        <v>22</v>
      </c>
      <c r="O1106" s="10" t="s">
        <v>22</v>
      </c>
      <c r="P1106" s="10" t="s">
        <v>22</v>
      </c>
      <c r="Q1106" s="10" t="s">
        <v>22</v>
      </c>
      <c r="R1106" s="10" t="s">
        <v>22</v>
      </c>
      <c r="S1106" s="10" t="s">
        <v>22</v>
      </c>
      <c r="T1106" s="10" t="s">
        <v>22</v>
      </c>
      <c r="U1106" s="10" t="s">
        <v>22</v>
      </c>
      <c r="V1106" s="10" t="s">
        <v>22</v>
      </c>
      <c r="W1106" s="10" t="s">
        <v>22</v>
      </c>
      <c r="X1106" s="10" t="s">
        <v>22</v>
      </c>
      <c r="Y1106" s="10" t="s">
        <v>22</v>
      </c>
      <c r="Z1106" s="10" t="s">
        <v>22</v>
      </c>
    </row>
    <row r="1107" spans="1:26" ht="24" customHeight="1" x14ac:dyDescent="0.2">
      <c r="A1107" s="9" t="s">
        <v>18375</v>
      </c>
      <c r="B1107" s="9" t="s">
        <v>14</v>
      </c>
      <c r="C1107" s="9" t="s">
        <v>5256</v>
      </c>
      <c r="D1107" s="6" t="s">
        <v>5257</v>
      </c>
      <c r="E1107" s="22">
        <v>45074</v>
      </c>
      <c r="F1107" s="22">
        <v>46900</v>
      </c>
      <c r="G1107" s="6" t="s">
        <v>5258</v>
      </c>
      <c r="H1107" s="6" t="s">
        <v>363</v>
      </c>
      <c r="I1107" s="6" t="s">
        <v>3780</v>
      </c>
      <c r="J1107" s="6" t="s">
        <v>5259</v>
      </c>
      <c r="K1107" s="9" t="s">
        <v>5260</v>
      </c>
      <c r="L1107" s="10" t="s">
        <v>22</v>
      </c>
      <c r="M1107" s="10" t="s">
        <v>22</v>
      </c>
      <c r="N1107" s="10" t="s">
        <v>22</v>
      </c>
      <c r="O1107" s="10" t="s">
        <v>22</v>
      </c>
      <c r="P1107" s="10" t="s">
        <v>22</v>
      </c>
      <c r="Q1107" s="10" t="s">
        <v>22</v>
      </c>
      <c r="R1107" s="10" t="s">
        <v>22</v>
      </c>
      <c r="S1107" s="10" t="s">
        <v>22</v>
      </c>
      <c r="T1107" s="10" t="s">
        <v>22</v>
      </c>
      <c r="U1107" s="10" t="s">
        <v>22</v>
      </c>
      <c r="V1107" s="10" t="s">
        <v>22</v>
      </c>
      <c r="W1107" s="10" t="s">
        <v>22</v>
      </c>
      <c r="X1107" s="10" t="s">
        <v>22</v>
      </c>
      <c r="Y1107" s="10" t="s">
        <v>22</v>
      </c>
      <c r="Z1107" s="10" t="s">
        <v>22</v>
      </c>
    </row>
    <row r="1108" spans="1:26" ht="24" customHeight="1" x14ac:dyDescent="0.2">
      <c r="A1108" s="9" t="s">
        <v>18376</v>
      </c>
      <c r="B1108" s="9" t="s">
        <v>14</v>
      </c>
      <c r="C1108" s="9" t="s">
        <v>5261</v>
      </c>
      <c r="D1108" s="6" t="s">
        <v>5262</v>
      </c>
      <c r="E1108" s="22">
        <v>45075</v>
      </c>
      <c r="F1108" s="22">
        <v>46901</v>
      </c>
      <c r="G1108" s="6" t="s">
        <v>5263</v>
      </c>
      <c r="H1108" s="6" t="s">
        <v>62</v>
      </c>
      <c r="I1108" s="6" t="s">
        <v>477</v>
      </c>
      <c r="J1108" s="6" t="s">
        <v>5264</v>
      </c>
      <c r="K1108" s="9" t="s">
        <v>5265</v>
      </c>
      <c r="L1108" s="10" t="s">
        <v>22</v>
      </c>
      <c r="M1108" s="10" t="s">
        <v>22</v>
      </c>
      <c r="N1108" s="10" t="s">
        <v>22</v>
      </c>
      <c r="O1108" s="10" t="s">
        <v>22</v>
      </c>
      <c r="P1108" s="10" t="s">
        <v>22</v>
      </c>
      <c r="Q1108" s="10" t="s">
        <v>22</v>
      </c>
      <c r="R1108" s="10" t="s">
        <v>22</v>
      </c>
      <c r="S1108" s="10" t="s">
        <v>22</v>
      </c>
      <c r="T1108" s="10" t="s">
        <v>22</v>
      </c>
      <c r="U1108" s="10" t="s">
        <v>22</v>
      </c>
      <c r="V1108" s="10" t="s">
        <v>22</v>
      </c>
      <c r="W1108" s="10" t="s">
        <v>22</v>
      </c>
      <c r="X1108" s="10" t="s">
        <v>22</v>
      </c>
      <c r="Y1108" s="10" t="s">
        <v>22</v>
      </c>
      <c r="Z1108" s="10" t="s">
        <v>22</v>
      </c>
    </row>
    <row r="1109" spans="1:26" ht="24" customHeight="1" x14ac:dyDescent="0.2">
      <c r="A1109" s="9" t="s">
        <v>18377</v>
      </c>
      <c r="B1109" s="9" t="s">
        <v>14</v>
      </c>
      <c r="C1109" s="9" t="s">
        <v>5266</v>
      </c>
      <c r="D1109" s="6" t="s">
        <v>5267</v>
      </c>
      <c r="E1109" s="22">
        <v>45077</v>
      </c>
      <c r="F1109" s="22">
        <v>46903</v>
      </c>
      <c r="G1109" s="6" t="s">
        <v>5268</v>
      </c>
      <c r="H1109" s="6" t="s">
        <v>62</v>
      </c>
      <c r="I1109" s="6" t="s">
        <v>1225</v>
      </c>
      <c r="J1109" s="6" t="s">
        <v>5269</v>
      </c>
      <c r="K1109" s="9" t="s">
        <v>5270</v>
      </c>
      <c r="L1109" s="10" t="s">
        <v>22</v>
      </c>
      <c r="M1109" s="10" t="s">
        <v>22</v>
      </c>
      <c r="N1109" s="10" t="s">
        <v>22</v>
      </c>
      <c r="O1109" s="10" t="s">
        <v>22</v>
      </c>
      <c r="P1109" s="10" t="s">
        <v>22</v>
      </c>
      <c r="Q1109" s="10" t="s">
        <v>22</v>
      </c>
      <c r="U1109" s="10" t="s">
        <v>22</v>
      </c>
      <c r="V1109" s="10" t="s">
        <v>22</v>
      </c>
      <c r="W1109" s="10" t="s">
        <v>22</v>
      </c>
      <c r="X1109" s="10" t="s">
        <v>22</v>
      </c>
      <c r="Y1109" s="10" t="s">
        <v>22</v>
      </c>
      <c r="Z1109" s="10" t="s">
        <v>22</v>
      </c>
    </row>
    <row r="1110" spans="1:26" ht="24" customHeight="1" x14ac:dyDescent="0.2">
      <c r="A1110" s="9" t="s">
        <v>18378</v>
      </c>
      <c r="B1110" s="9" t="s">
        <v>14</v>
      </c>
      <c r="C1110" s="9" t="s">
        <v>5271</v>
      </c>
      <c r="D1110" s="6" t="s">
        <v>5272</v>
      </c>
      <c r="E1110" s="22">
        <v>45083</v>
      </c>
      <c r="F1110" s="22">
        <v>46909</v>
      </c>
      <c r="G1110" s="6" t="s">
        <v>5273</v>
      </c>
      <c r="H1110" s="6" t="s">
        <v>62</v>
      </c>
      <c r="I1110" s="6" t="s">
        <v>2578</v>
      </c>
      <c r="J1110" s="6" t="s">
        <v>5274</v>
      </c>
      <c r="K1110" s="9" t="s">
        <v>5275</v>
      </c>
      <c r="L1110" s="10" t="s">
        <v>22</v>
      </c>
      <c r="M1110" s="10" t="s">
        <v>22</v>
      </c>
      <c r="N1110" s="10" t="s">
        <v>22</v>
      </c>
      <c r="O1110" s="10" t="s">
        <v>22</v>
      </c>
      <c r="P1110" s="10" t="s">
        <v>22</v>
      </c>
      <c r="Q1110" s="10" t="s">
        <v>22</v>
      </c>
      <c r="R1110" s="10" t="s">
        <v>22</v>
      </c>
      <c r="S1110" s="10" t="s">
        <v>22</v>
      </c>
      <c r="T1110" s="10" t="s">
        <v>22</v>
      </c>
      <c r="U1110" s="10" t="s">
        <v>22</v>
      </c>
      <c r="V1110" s="10" t="s">
        <v>22</v>
      </c>
      <c r="W1110" s="10" t="s">
        <v>22</v>
      </c>
      <c r="X1110" s="10" t="s">
        <v>22</v>
      </c>
      <c r="Y1110" s="10" t="s">
        <v>22</v>
      </c>
      <c r="Z1110" s="10" t="s">
        <v>22</v>
      </c>
    </row>
    <row r="1111" spans="1:26" ht="24" customHeight="1" x14ac:dyDescent="0.2">
      <c r="A1111" s="9" t="s">
        <v>18379</v>
      </c>
      <c r="B1111" s="9" t="s">
        <v>14</v>
      </c>
      <c r="C1111" s="9" t="s">
        <v>5276</v>
      </c>
      <c r="D1111" s="6" t="s">
        <v>5277</v>
      </c>
      <c r="E1111" s="22">
        <v>45083</v>
      </c>
      <c r="F1111" s="22">
        <v>46909</v>
      </c>
      <c r="G1111" s="6" t="s">
        <v>5278</v>
      </c>
      <c r="H1111" s="6" t="s">
        <v>202</v>
      </c>
      <c r="I1111" s="6" t="s">
        <v>3167</v>
      </c>
      <c r="J1111" s="6" t="s">
        <v>5279</v>
      </c>
      <c r="K1111" s="9" t="s">
        <v>5280</v>
      </c>
      <c r="L1111" s="10" t="s">
        <v>22</v>
      </c>
      <c r="M1111" s="10" t="s">
        <v>22</v>
      </c>
      <c r="N1111" s="10" t="s">
        <v>22</v>
      </c>
      <c r="O1111" s="10" t="s">
        <v>22</v>
      </c>
      <c r="P1111" s="10" t="s">
        <v>22</v>
      </c>
      <c r="Q1111" s="10" t="s">
        <v>22</v>
      </c>
      <c r="R1111" s="10" t="s">
        <v>22</v>
      </c>
      <c r="S1111" s="10" t="s">
        <v>22</v>
      </c>
      <c r="T1111" s="10" t="s">
        <v>22</v>
      </c>
      <c r="U1111" s="10" t="s">
        <v>22</v>
      </c>
      <c r="V1111" s="10" t="s">
        <v>22</v>
      </c>
      <c r="W1111" s="10" t="s">
        <v>22</v>
      </c>
      <c r="X1111" s="10" t="s">
        <v>22</v>
      </c>
      <c r="Y1111" s="10" t="s">
        <v>22</v>
      </c>
      <c r="Z1111" s="10" t="s">
        <v>22</v>
      </c>
    </row>
    <row r="1112" spans="1:26" ht="24" customHeight="1" x14ac:dyDescent="0.2">
      <c r="A1112" s="9" t="s">
        <v>18380</v>
      </c>
      <c r="B1112" s="9" t="s">
        <v>14</v>
      </c>
      <c r="C1112" s="9" t="s">
        <v>5281</v>
      </c>
      <c r="D1112" s="6" t="s">
        <v>5282</v>
      </c>
      <c r="E1112" s="22">
        <v>45087</v>
      </c>
      <c r="F1112" s="22">
        <v>46913</v>
      </c>
      <c r="G1112" s="6" t="s">
        <v>5283</v>
      </c>
      <c r="H1112" s="6" t="s">
        <v>62</v>
      </c>
      <c r="I1112" s="6" t="s">
        <v>73</v>
      </c>
      <c r="J1112" s="6" t="s">
        <v>5284</v>
      </c>
      <c r="K1112" s="9" t="s">
        <v>5285</v>
      </c>
      <c r="L1112" s="10" t="s">
        <v>22</v>
      </c>
      <c r="M1112" s="10" t="s">
        <v>22</v>
      </c>
      <c r="N1112" s="10" t="s">
        <v>22</v>
      </c>
      <c r="O1112" s="10" t="s">
        <v>22</v>
      </c>
      <c r="P1112" s="10" t="s">
        <v>22</v>
      </c>
      <c r="Q1112" s="10" t="s">
        <v>22</v>
      </c>
      <c r="R1112" s="10" t="s">
        <v>22</v>
      </c>
      <c r="S1112" s="10" t="s">
        <v>22</v>
      </c>
      <c r="T1112" s="10" t="s">
        <v>22</v>
      </c>
      <c r="U1112" s="10" t="s">
        <v>22</v>
      </c>
      <c r="V1112" s="10" t="s">
        <v>22</v>
      </c>
      <c r="W1112" s="10" t="s">
        <v>22</v>
      </c>
      <c r="X1112" s="10" t="s">
        <v>22</v>
      </c>
      <c r="Y1112" s="10" t="s">
        <v>22</v>
      </c>
      <c r="Z1112" s="10" t="s">
        <v>22</v>
      </c>
    </row>
    <row r="1113" spans="1:26" ht="24" customHeight="1" x14ac:dyDescent="0.2">
      <c r="A1113" s="9" t="s">
        <v>18381</v>
      </c>
      <c r="B1113" s="9" t="s">
        <v>14</v>
      </c>
      <c r="C1113" s="9" t="s">
        <v>5286</v>
      </c>
      <c r="D1113" s="6" t="s">
        <v>5287</v>
      </c>
      <c r="E1113" s="22">
        <v>45095</v>
      </c>
      <c r="F1113" s="22">
        <v>46921</v>
      </c>
      <c r="G1113" s="6" t="s">
        <v>5288</v>
      </c>
      <c r="H1113" s="6" t="s">
        <v>18</v>
      </c>
      <c r="I1113" s="6" t="s">
        <v>19</v>
      </c>
      <c r="J1113" s="6" t="s">
        <v>5289</v>
      </c>
      <c r="K1113" s="9" t="s">
        <v>5290</v>
      </c>
      <c r="L1113" s="10" t="s">
        <v>22</v>
      </c>
      <c r="M1113" s="10" t="s">
        <v>22</v>
      </c>
      <c r="N1113" s="10" t="s">
        <v>22</v>
      </c>
    </row>
    <row r="1114" spans="1:26" ht="24" customHeight="1" x14ac:dyDescent="0.2">
      <c r="A1114" s="9" t="s">
        <v>18382</v>
      </c>
      <c r="B1114" s="9" t="s">
        <v>14</v>
      </c>
      <c r="C1114" s="9" t="s">
        <v>5291</v>
      </c>
      <c r="D1114" s="6" t="s">
        <v>5292</v>
      </c>
      <c r="E1114" s="22">
        <v>45095</v>
      </c>
      <c r="F1114" s="22">
        <v>46921</v>
      </c>
      <c r="G1114" s="6" t="s">
        <v>5293</v>
      </c>
      <c r="H1114" s="6" t="s">
        <v>62</v>
      </c>
      <c r="I1114" s="6" t="s">
        <v>73</v>
      </c>
      <c r="J1114" s="6" t="s">
        <v>5294</v>
      </c>
      <c r="L1114" s="10" t="s">
        <v>22</v>
      </c>
      <c r="M1114" s="10" t="s">
        <v>22</v>
      </c>
      <c r="N1114" s="10" t="s">
        <v>22</v>
      </c>
      <c r="O1114" s="10" t="s">
        <v>22</v>
      </c>
      <c r="P1114" s="10" t="s">
        <v>22</v>
      </c>
      <c r="Q1114" s="10" t="s">
        <v>22</v>
      </c>
      <c r="R1114" s="10" t="s">
        <v>22</v>
      </c>
      <c r="S1114" s="10" t="s">
        <v>22</v>
      </c>
      <c r="T1114" s="10" t="s">
        <v>22</v>
      </c>
    </row>
    <row r="1115" spans="1:26" ht="24" customHeight="1" x14ac:dyDescent="0.2">
      <c r="A1115" s="9" t="s">
        <v>18383</v>
      </c>
      <c r="B1115" s="9" t="s">
        <v>14</v>
      </c>
      <c r="C1115" s="9" t="s">
        <v>5295</v>
      </c>
      <c r="D1115" s="6" t="s">
        <v>5296</v>
      </c>
      <c r="E1115" s="22">
        <v>45101</v>
      </c>
      <c r="F1115" s="22">
        <v>46927</v>
      </c>
      <c r="G1115" s="6" t="s">
        <v>5297</v>
      </c>
      <c r="H1115" s="6" t="s">
        <v>2368</v>
      </c>
      <c r="I1115" s="6" t="s">
        <v>5298</v>
      </c>
      <c r="J1115" s="6" t="s">
        <v>5299</v>
      </c>
      <c r="K1115" s="9" t="s">
        <v>5300</v>
      </c>
      <c r="L1115" s="10" t="s">
        <v>22</v>
      </c>
      <c r="M1115" s="10" t="s">
        <v>22</v>
      </c>
      <c r="N1115" s="10" t="s">
        <v>22</v>
      </c>
      <c r="O1115" s="10" t="s">
        <v>22</v>
      </c>
      <c r="P1115" s="10" t="s">
        <v>22</v>
      </c>
      <c r="Q1115" s="10" t="s">
        <v>22</v>
      </c>
      <c r="R1115" s="10" t="s">
        <v>22</v>
      </c>
      <c r="S1115" s="10" t="s">
        <v>22</v>
      </c>
      <c r="T1115" s="10" t="s">
        <v>22</v>
      </c>
      <c r="U1115" s="10" t="s">
        <v>22</v>
      </c>
      <c r="V1115" s="10" t="s">
        <v>22</v>
      </c>
      <c r="W1115" s="10" t="s">
        <v>22</v>
      </c>
      <c r="X1115" s="10" t="s">
        <v>22</v>
      </c>
      <c r="Y1115" s="10" t="s">
        <v>22</v>
      </c>
      <c r="Z1115" s="10" t="s">
        <v>22</v>
      </c>
    </row>
    <row r="1116" spans="1:26" ht="34" customHeight="1" x14ac:dyDescent="0.2">
      <c r="A1116" s="9" t="s">
        <v>18384</v>
      </c>
      <c r="B1116" s="9" t="s">
        <v>14</v>
      </c>
      <c r="C1116" s="9" t="s">
        <v>5301</v>
      </c>
      <c r="D1116" s="6" t="s">
        <v>16208</v>
      </c>
      <c r="E1116" s="22">
        <v>45123</v>
      </c>
      <c r="F1116" s="22">
        <v>46949</v>
      </c>
      <c r="G1116" s="6" t="s">
        <v>16209</v>
      </c>
      <c r="H1116" s="6" t="s">
        <v>62</v>
      </c>
      <c r="I1116" s="6" t="s">
        <v>63</v>
      </c>
      <c r="J1116" s="6" t="s">
        <v>16210</v>
      </c>
      <c r="K1116" s="9" t="s">
        <v>16211</v>
      </c>
      <c r="L1116" s="10" t="s">
        <v>22</v>
      </c>
      <c r="M1116" s="10" t="s">
        <v>22</v>
      </c>
      <c r="N1116" s="10" t="s">
        <v>22</v>
      </c>
      <c r="O1116" s="10" t="s">
        <v>22</v>
      </c>
      <c r="P1116" s="10" t="s">
        <v>22</v>
      </c>
      <c r="Q1116" s="10" t="s">
        <v>22</v>
      </c>
      <c r="R1116" s="10" t="s">
        <v>22</v>
      </c>
      <c r="S1116" s="10" t="s">
        <v>22</v>
      </c>
      <c r="T1116" s="10" t="s">
        <v>22</v>
      </c>
      <c r="U1116" s="10" t="s">
        <v>22</v>
      </c>
      <c r="V1116" s="10" t="s">
        <v>22</v>
      </c>
      <c r="W1116" s="10" t="s">
        <v>22</v>
      </c>
      <c r="X1116" s="10" t="s">
        <v>22</v>
      </c>
      <c r="Y1116" s="10" t="s">
        <v>22</v>
      </c>
      <c r="Z1116" s="10" t="s">
        <v>22</v>
      </c>
    </row>
    <row r="1117" spans="1:26" ht="24" customHeight="1" x14ac:dyDescent="0.2">
      <c r="A1117" s="9" t="s">
        <v>18385</v>
      </c>
      <c r="B1117" s="9" t="s">
        <v>14</v>
      </c>
      <c r="C1117" s="9" t="s">
        <v>5301</v>
      </c>
      <c r="D1117" s="6" t="s">
        <v>16208</v>
      </c>
      <c r="E1117" s="22">
        <v>45123</v>
      </c>
      <c r="F1117" s="22">
        <v>46949</v>
      </c>
      <c r="G1117" s="6" t="s">
        <v>16212</v>
      </c>
      <c r="H1117" s="6" t="s">
        <v>62</v>
      </c>
      <c r="I1117" s="6" t="s">
        <v>318</v>
      </c>
      <c r="J1117" s="6" t="s">
        <v>5302</v>
      </c>
      <c r="K1117" s="9" t="s">
        <v>5303</v>
      </c>
      <c r="L1117" s="10" t="s">
        <v>22</v>
      </c>
      <c r="M1117" s="10" t="s">
        <v>22</v>
      </c>
      <c r="N1117" s="10" t="s">
        <v>22</v>
      </c>
      <c r="O1117" s="10" t="s">
        <v>22</v>
      </c>
      <c r="P1117" s="10" t="s">
        <v>22</v>
      </c>
      <c r="Q1117" s="10" t="s">
        <v>22</v>
      </c>
      <c r="R1117" s="10" t="s">
        <v>22</v>
      </c>
      <c r="S1117" s="10" t="s">
        <v>22</v>
      </c>
      <c r="T1117" s="10" t="s">
        <v>22</v>
      </c>
      <c r="U1117" s="10" t="s">
        <v>22</v>
      </c>
      <c r="V1117" s="10" t="s">
        <v>22</v>
      </c>
      <c r="W1117" s="10" t="s">
        <v>22</v>
      </c>
      <c r="X1117" s="10" t="s">
        <v>22</v>
      </c>
      <c r="Y1117" s="10" t="s">
        <v>22</v>
      </c>
      <c r="Z1117" s="10" t="s">
        <v>22</v>
      </c>
    </row>
    <row r="1118" spans="1:26" ht="28.75" customHeight="1" x14ac:dyDescent="0.2">
      <c r="A1118" s="9" t="s">
        <v>21248</v>
      </c>
      <c r="B1118" s="9" t="s">
        <v>14</v>
      </c>
      <c r="C1118" s="9" t="s">
        <v>5301</v>
      </c>
      <c r="D1118" s="6" t="s">
        <v>16208</v>
      </c>
      <c r="E1118" s="22">
        <v>45123</v>
      </c>
      <c r="F1118" s="22">
        <v>46949</v>
      </c>
      <c r="G1118" s="6" t="s">
        <v>20953</v>
      </c>
      <c r="H1118" s="6" t="s">
        <v>18</v>
      </c>
      <c r="I1118" s="6" t="s">
        <v>19</v>
      </c>
      <c r="J1118" s="6" t="s">
        <v>20954</v>
      </c>
      <c r="K1118" s="9" t="s">
        <v>1592</v>
      </c>
      <c r="L1118" s="10" t="s">
        <v>22</v>
      </c>
      <c r="M1118" s="10" t="s">
        <v>22</v>
      </c>
      <c r="N1118" s="10" t="s">
        <v>22</v>
      </c>
      <c r="O1118" s="10" t="s">
        <v>22</v>
      </c>
      <c r="P1118" s="10" t="s">
        <v>22</v>
      </c>
      <c r="Q1118" s="10" t="s">
        <v>22</v>
      </c>
      <c r="R1118" s="10" t="s">
        <v>22</v>
      </c>
      <c r="S1118" s="10" t="s">
        <v>22</v>
      </c>
      <c r="T1118" s="10" t="s">
        <v>22</v>
      </c>
      <c r="U1118" s="10" t="s">
        <v>22</v>
      </c>
      <c r="V1118" s="10" t="s">
        <v>22</v>
      </c>
      <c r="W1118" s="10" t="s">
        <v>22</v>
      </c>
      <c r="X1118" s="10" t="s">
        <v>22</v>
      </c>
      <c r="Y1118" s="10" t="s">
        <v>22</v>
      </c>
      <c r="Z1118" s="10" t="s">
        <v>22</v>
      </c>
    </row>
    <row r="1119" spans="1:26" ht="28.75" customHeight="1" x14ac:dyDescent="0.2">
      <c r="A1119" s="9" t="s">
        <v>21249</v>
      </c>
      <c r="B1119" s="9" t="s">
        <v>14</v>
      </c>
      <c r="C1119" s="9" t="s">
        <v>5301</v>
      </c>
      <c r="D1119" s="6" t="s">
        <v>16208</v>
      </c>
      <c r="E1119" s="22">
        <v>45123</v>
      </c>
      <c r="F1119" s="22">
        <v>46949</v>
      </c>
      <c r="G1119" s="6" t="s">
        <v>20955</v>
      </c>
      <c r="H1119" s="6" t="s">
        <v>62</v>
      </c>
      <c r="I1119" s="6" t="s">
        <v>1141</v>
      </c>
      <c r="J1119" s="6" t="s">
        <v>1593</v>
      </c>
      <c r="K1119" s="9" t="s">
        <v>1594</v>
      </c>
      <c r="L1119" s="10" t="s">
        <v>22</v>
      </c>
      <c r="M1119" s="10" t="s">
        <v>22</v>
      </c>
      <c r="N1119" s="10" t="s">
        <v>22</v>
      </c>
      <c r="O1119" s="10" t="s">
        <v>22</v>
      </c>
      <c r="P1119" s="10" t="s">
        <v>22</v>
      </c>
      <c r="Q1119" s="10" t="s">
        <v>22</v>
      </c>
      <c r="R1119" s="10" t="s">
        <v>22</v>
      </c>
      <c r="S1119" s="10" t="s">
        <v>22</v>
      </c>
      <c r="T1119" s="10" t="s">
        <v>22</v>
      </c>
      <c r="U1119" s="10" t="s">
        <v>22</v>
      </c>
      <c r="V1119" s="10" t="s">
        <v>22</v>
      </c>
      <c r="W1119" s="10" t="s">
        <v>22</v>
      </c>
      <c r="X1119" s="10" t="s">
        <v>22</v>
      </c>
      <c r="Y1119" s="10" t="s">
        <v>22</v>
      </c>
      <c r="Z1119" s="10" t="s">
        <v>22</v>
      </c>
    </row>
    <row r="1120" spans="1:26" ht="24" customHeight="1" x14ac:dyDescent="0.2">
      <c r="A1120" s="9" t="s">
        <v>18386</v>
      </c>
      <c r="B1120" s="9" t="s">
        <v>14</v>
      </c>
      <c r="C1120" s="9" t="s">
        <v>5304</v>
      </c>
      <c r="D1120" s="6" t="s">
        <v>5305</v>
      </c>
      <c r="E1120" s="22">
        <v>45140</v>
      </c>
      <c r="F1120" s="22">
        <v>46966</v>
      </c>
      <c r="G1120" s="6" t="s">
        <v>5306</v>
      </c>
      <c r="H1120" s="6" t="s">
        <v>18</v>
      </c>
      <c r="I1120" s="6" t="s">
        <v>19</v>
      </c>
      <c r="J1120" s="6" t="s">
        <v>5307</v>
      </c>
      <c r="K1120" s="9" t="s">
        <v>5308</v>
      </c>
      <c r="L1120" s="10" t="s">
        <v>22</v>
      </c>
      <c r="M1120" s="10" t="s">
        <v>22</v>
      </c>
      <c r="N1120" s="10" t="s">
        <v>22</v>
      </c>
      <c r="O1120" s="10" t="s">
        <v>22</v>
      </c>
      <c r="P1120" s="10" t="s">
        <v>22</v>
      </c>
      <c r="Q1120" s="10" t="s">
        <v>22</v>
      </c>
      <c r="U1120" s="10" t="s">
        <v>22</v>
      </c>
      <c r="V1120" s="10" t="s">
        <v>22</v>
      </c>
      <c r="W1120" s="10" t="s">
        <v>22</v>
      </c>
      <c r="X1120" s="10" t="s">
        <v>22</v>
      </c>
      <c r="Y1120" s="10" t="s">
        <v>22</v>
      </c>
      <c r="Z1120" s="10" t="s">
        <v>22</v>
      </c>
    </row>
    <row r="1121" spans="1:26" ht="24" customHeight="1" x14ac:dyDescent="0.2">
      <c r="A1121" s="9" t="s">
        <v>18387</v>
      </c>
      <c r="B1121" s="9" t="s">
        <v>14</v>
      </c>
      <c r="C1121" s="9" t="s">
        <v>5309</v>
      </c>
      <c r="D1121" s="6" t="s">
        <v>5310</v>
      </c>
      <c r="E1121" s="22">
        <v>45150</v>
      </c>
      <c r="F1121" s="22">
        <v>46976</v>
      </c>
      <c r="G1121" s="6" t="s">
        <v>5311</v>
      </c>
      <c r="H1121" s="6" t="s">
        <v>62</v>
      </c>
      <c r="I1121" s="6" t="s">
        <v>306</v>
      </c>
      <c r="J1121" s="6" t="s">
        <v>5312</v>
      </c>
      <c r="K1121" s="9" t="s">
        <v>5313</v>
      </c>
      <c r="L1121" s="10" t="s">
        <v>22</v>
      </c>
      <c r="M1121" s="10" t="s">
        <v>22</v>
      </c>
      <c r="N1121" s="10" t="s">
        <v>22</v>
      </c>
      <c r="O1121" s="10" t="s">
        <v>22</v>
      </c>
      <c r="P1121" s="10" t="s">
        <v>22</v>
      </c>
      <c r="Q1121" s="10" t="s">
        <v>22</v>
      </c>
      <c r="R1121" s="10" t="s">
        <v>22</v>
      </c>
      <c r="S1121" s="10" t="s">
        <v>22</v>
      </c>
      <c r="T1121" s="10" t="s">
        <v>22</v>
      </c>
      <c r="U1121" s="10" t="s">
        <v>22</v>
      </c>
      <c r="V1121" s="10" t="s">
        <v>22</v>
      </c>
      <c r="W1121" s="10" t="s">
        <v>22</v>
      </c>
      <c r="X1121" s="10" t="s">
        <v>22</v>
      </c>
      <c r="Y1121" s="10" t="s">
        <v>22</v>
      </c>
      <c r="Z1121" s="10" t="s">
        <v>22</v>
      </c>
    </row>
    <row r="1122" spans="1:26" ht="34" customHeight="1" x14ac:dyDescent="0.2">
      <c r="A1122" s="9" t="s">
        <v>18388</v>
      </c>
      <c r="B1122" s="9" t="s">
        <v>14</v>
      </c>
      <c r="C1122" s="9" t="s">
        <v>5314</v>
      </c>
      <c r="D1122" s="6" t="s">
        <v>5315</v>
      </c>
      <c r="E1122" s="22">
        <v>45150</v>
      </c>
      <c r="F1122" s="22">
        <v>46976</v>
      </c>
      <c r="G1122" s="6" t="s">
        <v>5316</v>
      </c>
      <c r="H1122" s="6" t="s">
        <v>18</v>
      </c>
      <c r="I1122" s="6" t="s">
        <v>19</v>
      </c>
      <c r="J1122" s="6" t="s">
        <v>5317</v>
      </c>
      <c r="K1122" s="9" t="s">
        <v>5318</v>
      </c>
      <c r="L1122" s="10" t="s">
        <v>22</v>
      </c>
      <c r="M1122" s="10" t="s">
        <v>22</v>
      </c>
      <c r="N1122" s="10" t="s">
        <v>22</v>
      </c>
      <c r="O1122" s="10" t="s">
        <v>22</v>
      </c>
      <c r="P1122" s="10" t="s">
        <v>22</v>
      </c>
      <c r="Q1122" s="10" t="s">
        <v>22</v>
      </c>
      <c r="R1122" s="10" t="s">
        <v>22</v>
      </c>
      <c r="S1122" s="10" t="s">
        <v>22</v>
      </c>
      <c r="T1122" s="10" t="s">
        <v>22</v>
      </c>
      <c r="U1122" s="10" t="s">
        <v>22</v>
      </c>
      <c r="V1122" s="10" t="s">
        <v>22</v>
      </c>
      <c r="W1122" s="10" t="s">
        <v>22</v>
      </c>
    </row>
    <row r="1123" spans="1:26" ht="24" customHeight="1" x14ac:dyDescent="0.2">
      <c r="A1123" s="9" t="s">
        <v>18389</v>
      </c>
      <c r="B1123" s="9" t="s">
        <v>14</v>
      </c>
      <c r="C1123" s="9" t="s">
        <v>5319</v>
      </c>
      <c r="D1123" s="6" t="s">
        <v>5320</v>
      </c>
      <c r="E1123" s="22">
        <v>45151</v>
      </c>
      <c r="F1123" s="22">
        <v>46977</v>
      </c>
      <c r="G1123" s="6" t="s">
        <v>5321</v>
      </c>
      <c r="H1123" s="6" t="s">
        <v>18</v>
      </c>
      <c r="I1123" s="6" t="s">
        <v>26</v>
      </c>
      <c r="J1123" s="6" t="s">
        <v>5322</v>
      </c>
      <c r="K1123" s="9" t="s">
        <v>5323</v>
      </c>
      <c r="L1123" s="10" t="s">
        <v>22</v>
      </c>
      <c r="M1123" s="10" t="s">
        <v>22</v>
      </c>
      <c r="N1123" s="10" t="s">
        <v>22</v>
      </c>
      <c r="O1123" s="10" t="s">
        <v>22</v>
      </c>
      <c r="P1123" s="10" t="s">
        <v>22</v>
      </c>
      <c r="Q1123" s="10" t="s">
        <v>22</v>
      </c>
    </row>
    <row r="1124" spans="1:26" ht="24" customHeight="1" x14ac:dyDescent="0.2">
      <c r="A1124" s="9" t="s">
        <v>18390</v>
      </c>
      <c r="B1124" s="9" t="s">
        <v>14</v>
      </c>
      <c r="C1124" s="9" t="s">
        <v>5324</v>
      </c>
      <c r="D1124" s="6" t="s">
        <v>5325</v>
      </c>
      <c r="E1124" s="22">
        <v>45160</v>
      </c>
      <c r="F1124" s="22">
        <v>46986</v>
      </c>
      <c r="G1124" s="6" t="s">
        <v>5326</v>
      </c>
      <c r="H1124" s="6" t="s">
        <v>62</v>
      </c>
      <c r="I1124" s="6" t="s">
        <v>994</v>
      </c>
      <c r="J1124" s="6" t="s">
        <v>5327</v>
      </c>
      <c r="K1124" s="9" t="s">
        <v>5328</v>
      </c>
      <c r="M1124" s="10" t="s">
        <v>22</v>
      </c>
      <c r="N1124" s="10" t="s">
        <v>22</v>
      </c>
      <c r="P1124" s="10" t="s">
        <v>22</v>
      </c>
      <c r="Q1124" s="10" t="s">
        <v>22</v>
      </c>
    </row>
    <row r="1125" spans="1:26" ht="24" customHeight="1" x14ac:dyDescent="0.2">
      <c r="A1125" s="9" t="s">
        <v>18391</v>
      </c>
      <c r="B1125" s="9" t="s">
        <v>14</v>
      </c>
      <c r="C1125" s="9" t="s">
        <v>5329</v>
      </c>
      <c r="D1125" s="6" t="s">
        <v>5330</v>
      </c>
      <c r="E1125" s="22">
        <v>45165</v>
      </c>
      <c r="F1125" s="22">
        <v>46991</v>
      </c>
      <c r="G1125" s="6" t="s">
        <v>5331</v>
      </c>
      <c r="H1125" s="6" t="s">
        <v>2029</v>
      </c>
      <c r="I1125" s="6" t="s">
        <v>5332</v>
      </c>
      <c r="J1125" s="6" t="s">
        <v>5333</v>
      </c>
      <c r="K1125" s="9" t="s">
        <v>5334</v>
      </c>
      <c r="L1125" s="10" t="s">
        <v>22</v>
      </c>
      <c r="M1125" s="10" t="s">
        <v>22</v>
      </c>
      <c r="N1125" s="10" t="s">
        <v>22</v>
      </c>
      <c r="O1125" s="10" t="s">
        <v>22</v>
      </c>
      <c r="P1125" s="10" t="s">
        <v>22</v>
      </c>
      <c r="Q1125" s="10" t="s">
        <v>22</v>
      </c>
      <c r="R1125" s="10" t="s">
        <v>22</v>
      </c>
      <c r="S1125" s="10" t="s">
        <v>22</v>
      </c>
      <c r="T1125" s="10" t="s">
        <v>22</v>
      </c>
    </row>
    <row r="1126" spans="1:26" ht="24" customHeight="1" x14ac:dyDescent="0.2">
      <c r="A1126" s="9" t="s">
        <v>18392</v>
      </c>
      <c r="B1126" s="9" t="s">
        <v>14</v>
      </c>
      <c r="C1126" s="9" t="s">
        <v>5335</v>
      </c>
      <c r="D1126" s="6" t="s">
        <v>5336</v>
      </c>
      <c r="E1126" s="22">
        <v>45168</v>
      </c>
      <c r="F1126" s="22">
        <v>46994</v>
      </c>
      <c r="G1126" s="6" t="s">
        <v>5337</v>
      </c>
      <c r="H1126" s="6" t="s">
        <v>202</v>
      </c>
      <c r="I1126" s="6" t="s">
        <v>567</v>
      </c>
      <c r="J1126" s="6" t="s">
        <v>5338</v>
      </c>
      <c r="K1126" s="9" t="s">
        <v>5339</v>
      </c>
      <c r="L1126" s="10" t="s">
        <v>22</v>
      </c>
      <c r="M1126" s="10" t="s">
        <v>22</v>
      </c>
      <c r="N1126" s="10" t="s">
        <v>22</v>
      </c>
      <c r="O1126" s="10" t="s">
        <v>22</v>
      </c>
      <c r="P1126" s="10" t="s">
        <v>22</v>
      </c>
      <c r="Q1126" s="10" t="s">
        <v>22</v>
      </c>
      <c r="R1126" s="10" t="s">
        <v>22</v>
      </c>
      <c r="S1126" s="10" t="s">
        <v>22</v>
      </c>
      <c r="T1126" s="10" t="s">
        <v>22</v>
      </c>
      <c r="U1126" s="10" t="s">
        <v>22</v>
      </c>
      <c r="V1126" s="10" t="s">
        <v>22</v>
      </c>
      <c r="W1126" s="10" t="s">
        <v>22</v>
      </c>
      <c r="X1126" s="10" t="s">
        <v>22</v>
      </c>
      <c r="Y1126" s="10" t="s">
        <v>22</v>
      </c>
      <c r="Z1126" s="10" t="s">
        <v>22</v>
      </c>
    </row>
    <row r="1127" spans="1:26" ht="24" customHeight="1" x14ac:dyDescent="0.2">
      <c r="A1127" s="9" t="s">
        <v>18393</v>
      </c>
      <c r="B1127" s="9" t="s">
        <v>14</v>
      </c>
      <c r="C1127" s="9" t="s">
        <v>5340</v>
      </c>
      <c r="D1127" s="6" t="s">
        <v>5341</v>
      </c>
      <c r="E1127" s="22">
        <v>45173</v>
      </c>
      <c r="F1127" s="22">
        <v>46999</v>
      </c>
      <c r="G1127" s="6" t="s">
        <v>5342</v>
      </c>
      <c r="H1127" s="6" t="s">
        <v>1625</v>
      </c>
      <c r="I1127" s="6" t="s">
        <v>1626</v>
      </c>
      <c r="J1127" s="6" t="s">
        <v>5343</v>
      </c>
      <c r="K1127" s="9" t="s">
        <v>5344</v>
      </c>
      <c r="L1127" s="10" t="s">
        <v>22</v>
      </c>
      <c r="M1127" s="10" t="s">
        <v>22</v>
      </c>
      <c r="N1127" s="10" t="s">
        <v>22</v>
      </c>
      <c r="O1127" s="10" t="s">
        <v>22</v>
      </c>
      <c r="P1127" s="10" t="s">
        <v>22</v>
      </c>
      <c r="Q1127" s="10" t="s">
        <v>22</v>
      </c>
      <c r="R1127" s="10" t="s">
        <v>22</v>
      </c>
      <c r="S1127" s="10" t="s">
        <v>22</v>
      </c>
      <c r="T1127" s="10" t="s">
        <v>22</v>
      </c>
      <c r="U1127" s="10" t="s">
        <v>22</v>
      </c>
      <c r="V1127" s="10" t="s">
        <v>22</v>
      </c>
      <c r="W1127" s="10" t="s">
        <v>22</v>
      </c>
      <c r="X1127" s="10" t="s">
        <v>22</v>
      </c>
      <c r="Y1127" s="10" t="s">
        <v>22</v>
      </c>
      <c r="Z1127" s="10" t="s">
        <v>22</v>
      </c>
    </row>
    <row r="1128" spans="1:26" ht="24" customHeight="1" x14ac:dyDescent="0.2">
      <c r="A1128" s="9" t="s">
        <v>18394</v>
      </c>
      <c r="B1128" s="9" t="s">
        <v>14</v>
      </c>
      <c r="C1128" s="9" t="s">
        <v>5345</v>
      </c>
      <c r="D1128" s="6" t="s">
        <v>5346</v>
      </c>
      <c r="E1128" s="22">
        <v>45180</v>
      </c>
      <c r="F1128" s="22">
        <v>47006</v>
      </c>
      <c r="G1128" s="6" t="s">
        <v>5347</v>
      </c>
      <c r="H1128" s="6" t="s">
        <v>62</v>
      </c>
      <c r="I1128" s="6" t="s">
        <v>842</v>
      </c>
      <c r="J1128" s="6" t="s">
        <v>5348</v>
      </c>
      <c r="K1128" s="9" t="s">
        <v>5349</v>
      </c>
      <c r="L1128" s="10" t="s">
        <v>22</v>
      </c>
      <c r="M1128" s="10" t="s">
        <v>22</v>
      </c>
      <c r="N1128" s="10" t="s">
        <v>22</v>
      </c>
      <c r="O1128" s="10" t="s">
        <v>22</v>
      </c>
      <c r="P1128" s="10" t="s">
        <v>22</v>
      </c>
      <c r="Q1128" s="10" t="s">
        <v>22</v>
      </c>
      <c r="R1128" s="10" t="s">
        <v>22</v>
      </c>
      <c r="S1128" s="10" t="s">
        <v>22</v>
      </c>
      <c r="T1128" s="10" t="s">
        <v>22</v>
      </c>
      <c r="U1128" s="10" t="s">
        <v>22</v>
      </c>
      <c r="V1128" s="10" t="s">
        <v>22</v>
      </c>
      <c r="W1128" s="10" t="s">
        <v>22</v>
      </c>
      <c r="X1128" s="10" t="s">
        <v>22</v>
      </c>
      <c r="Y1128" s="10" t="s">
        <v>22</v>
      </c>
      <c r="Z1128" s="10" t="s">
        <v>22</v>
      </c>
    </row>
    <row r="1129" spans="1:26" ht="24" customHeight="1" x14ac:dyDescent="0.2">
      <c r="A1129" s="9" t="s">
        <v>18395</v>
      </c>
      <c r="B1129" s="9" t="s">
        <v>14</v>
      </c>
      <c r="C1129" s="9" t="s">
        <v>5350</v>
      </c>
      <c r="D1129" s="6" t="s">
        <v>5351</v>
      </c>
      <c r="E1129" s="22">
        <v>45180</v>
      </c>
      <c r="F1129" s="22">
        <v>47006</v>
      </c>
      <c r="G1129" s="6" t="s">
        <v>5352</v>
      </c>
      <c r="H1129" s="6" t="s">
        <v>62</v>
      </c>
      <c r="I1129" s="6" t="s">
        <v>414</v>
      </c>
      <c r="J1129" s="6" t="s">
        <v>5353</v>
      </c>
      <c r="K1129" s="9" t="s">
        <v>5354</v>
      </c>
      <c r="L1129" s="10" t="s">
        <v>22</v>
      </c>
      <c r="M1129" s="10" t="s">
        <v>22</v>
      </c>
      <c r="N1129" s="10" t="s">
        <v>22</v>
      </c>
      <c r="O1129" s="10" t="s">
        <v>22</v>
      </c>
      <c r="P1129" s="10" t="s">
        <v>22</v>
      </c>
      <c r="Q1129" s="10" t="s">
        <v>22</v>
      </c>
      <c r="R1129" s="10" t="s">
        <v>22</v>
      </c>
      <c r="S1129" s="10" t="s">
        <v>22</v>
      </c>
      <c r="T1129" s="10" t="s">
        <v>22</v>
      </c>
      <c r="U1129" s="10" t="s">
        <v>22</v>
      </c>
      <c r="V1129" s="10" t="s">
        <v>22</v>
      </c>
      <c r="W1129" s="10" t="s">
        <v>22</v>
      </c>
      <c r="X1129" s="10" t="s">
        <v>22</v>
      </c>
      <c r="Y1129" s="10" t="s">
        <v>22</v>
      </c>
      <c r="Z1129" s="10" t="s">
        <v>22</v>
      </c>
    </row>
    <row r="1130" spans="1:26" ht="24" customHeight="1" x14ac:dyDescent="0.2">
      <c r="A1130" s="9" t="s">
        <v>18396</v>
      </c>
      <c r="B1130" s="9" t="s">
        <v>14</v>
      </c>
      <c r="C1130" s="9" t="s">
        <v>5355</v>
      </c>
      <c r="D1130" s="6" t="s">
        <v>5356</v>
      </c>
      <c r="E1130" s="22">
        <v>45187</v>
      </c>
      <c r="F1130" s="22">
        <v>47013</v>
      </c>
      <c r="G1130" s="6" t="s">
        <v>5357</v>
      </c>
      <c r="H1130" s="6" t="s">
        <v>62</v>
      </c>
      <c r="I1130" s="6" t="s">
        <v>306</v>
      </c>
      <c r="J1130" s="6" t="s">
        <v>5358</v>
      </c>
      <c r="K1130" s="9" t="s">
        <v>5359</v>
      </c>
      <c r="L1130" s="10" t="s">
        <v>22</v>
      </c>
      <c r="M1130" s="10" t="s">
        <v>22</v>
      </c>
      <c r="N1130" s="10" t="s">
        <v>22</v>
      </c>
      <c r="O1130" s="10" t="s">
        <v>22</v>
      </c>
      <c r="P1130" s="10" t="s">
        <v>22</v>
      </c>
      <c r="Q1130" s="10" t="s">
        <v>22</v>
      </c>
    </row>
    <row r="1131" spans="1:26" ht="24" customHeight="1" x14ac:dyDescent="0.2">
      <c r="A1131" s="9" t="s">
        <v>18397</v>
      </c>
      <c r="B1131" s="9" t="s">
        <v>14</v>
      </c>
      <c r="C1131" s="9" t="s">
        <v>5360</v>
      </c>
      <c r="D1131" s="6" t="s">
        <v>5361</v>
      </c>
      <c r="E1131" s="22">
        <v>45187</v>
      </c>
      <c r="F1131" s="22">
        <v>47013</v>
      </c>
      <c r="G1131" s="6" t="s">
        <v>5362</v>
      </c>
      <c r="H1131" s="6" t="s">
        <v>18</v>
      </c>
      <c r="I1131" s="6" t="s">
        <v>19</v>
      </c>
      <c r="J1131" s="6" t="s">
        <v>5363</v>
      </c>
      <c r="K1131" s="9" t="s">
        <v>5364</v>
      </c>
      <c r="L1131" s="10" t="s">
        <v>22</v>
      </c>
      <c r="M1131" s="10" t="s">
        <v>22</v>
      </c>
      <c r="N1131" s="10" t="s">
        <v>22</v>
      </c>
      <c r="O1131" s="10" t="s">
        <v>22</v>
      </c>
      <c r="P1131" s="10" t="s">
        <v>22</v>
      </c>
      <c r="Q1131" s="10" t="s">
        <v>22</v>
      </c>
      <c r="R1131" s="10" t="s">
        <v>22</v>
      </c>
      <c r="S1131" s="10" t="s">
        <v>22</v>
      </c>
      <c r="T1131" s="10" t="s">
        <v>22</v>
      </c>
      <c r="U1131" s="10" t="s">
        <v>22</v>
      </c>
      <c r="V1131" s="10" t="s">
        <v>22</v>
      </c>
      <c r="W1131" s="10" t="s">
        <v>22</v>
      </c>
      <c r="X1131" s="10" t="s">
        <v>22</v>
      </c>
      <c r="Y1131" s="10" t="s">
        <v>22</v>
      </c>
      <c r="Z1131" s="10" t="s">
        <v>22</v>
      </c>
    </row>
    <row r="1132" spans="1:26" ht="24" customHeight="1" x14ac:dyDescent="0.2">
      <c r="A1132" s="9" t="s">
        <v>18398</v>
      </c>
      <c r="B1132" s="9" t="s">
        <v>14</v>
      </c>
      <c r="C1132" s="9" t="s">
        <v>5365</v>
      </c>
      <c r="D1132" s="6" t="s">
        <v>5366</v>
      </c>
      <c r="E1132" s="22">
        <v>45193</v>
      </c>
      <c r="F1132" s="22">
        <v>47019</v>
      </c>
      <c r="G1132" s="6" t="s">
        <v>5367</v>
      </c>
      <c r="H1132" s="6" t="s">
        <v>62</v>
      </c>
      <c r="I1132" s="6" t="s">
        <v>1444</v>
      </c>
      <c r="J1132" s="6" t="s">
        <v>5368</v>
      </c>
      <c r="K1132" s="9" t="s">
        <v>5369</v>
      </c>
      <c r="L1132" s="10" t="s">
        <v>22</v>
      </c>
      <c r="M1132" s="10" t="s">
        <v>22</v>
      </c>
      <c r="N1132" s="10" t="s">
        <v>22</v>
      </c>
      <c r="O1132" s="10" t="s">
        <v>22</v>
      </c>
      <c r="P1132" s="10" t="s">
        <v>22</v>
      </c>
      <c r="Q1132" s="10" t="s">
        <v>22</v>
      </c>
      <c r="R1132" s="10" t="s">
        <v>22</v>
      </c>
      <c r="S1132" s="10" t="s">
        <v>22</v>
      </c>
      <c r="T1132" s="10" t="s">
        <v>22</v>
      </c>
      <c r="U1132" s="10" t="s">
        <v>22</v>
      </c>
      <c r="V1132" s="10" t="s">
        <v>22</v>
      </c>
      <c r="W1132" s="10" t="s">
        <v>22</v>
      </c>
      <c r="X1132" s="10" t="s">
        <v>22</v>
      </c>
      <c r="Y1132" s="10" t="s">
        <v>22</v>
      </c>
      <c r="Z1132" s="10" t="s">
        <v>22</v>
      </c>
    </row>
    <row r="1133" spans="1:26" ht="24" customHeight="1" x14ac:dyDescent="0.2">
      <c r="A1133" s="9" t="s">
        <v>18399</v>
      </c>
      <c r="B1133" s="9" t="s">
        <v>14</v>
      </c>
      <c r="C1133" s="9" t="s">
        <v>5370</v>
      </c>
      <c r="D1133" s="6" t="s">
        <v>5371</v>
      </c>
      <c r="E1133" s="22">
        <v>45193</v>
      </c>
      <c r="F1133" s="22">
        <v>47019</v>
      </c>
      <c r="G1133" s="6" t="s">
        <v>5372</v>
      </c>
      <c r="H1133" s="6" t="s">
        <v>62</v>
      </c>
      <c r="I1133" s="6" t="s">
        <v>306</v>
      </c>
      <c r="J1133" s="6" t="s">
        <v>5373</v>
      </c>
      <c r="K1133" s="9" t="s">
        <v>5374</v>
      </c>
      <c r="L1133" s="10" t="s">
        <v>22</v>
      </c>
      <c r="M1133" s="10" t="s">
        <v>22</v>
      </c>
      <c r="N1133" s="10" t="s">
        <v>22</v>
      </c>
      <c r="O1133" s="10" t="s">
        <v>22</v>
      </c>
      <c r="P1133" s="10" t="s">
        <v>22</v>
      </c>
      <c r="Q1133" s="10" t="s">
        <v>22</v>
      </c>
      <c r="U1133" s="10" t="s">
        <v>22</v>
      </c>
      <c r="V1133" s="10" t="s">
        <v>22</v>
      </c>
      <c r="W1133" s="10" t="s">
        <v>22</v>
      </c>
      <c r="X1133" s="10" t="s">
        <v>22</v>
      </c>
      <c r="Y1133" s="10" t="s">
        <v>22</v>
      </c>
      <c r="Z1133" s="10" t="s">
        <v>22</v>
      </c>
    </row>
    <row r="1134" spans="1:26" ht="24" customHeight="1" x14ac:dyDescent="0.2">
      <c r="A1134" s="9" t="s">
        <v>18400</v>
      </c>
      <c r="B1134" s="9" t="s">
        <v>14</v>
      </c>
      <c r="C1134" s="9" t="s">
        <v>5375</v>
      </c>
      <c r="D1134" s="6" t="s">
        <v>5376</v>
      </c>
      <c r="E1134" s="22">
        <v>45195</v>
      </c>
      <c r="F1134" s="22">
        <v>47021</v>
      </c>
      <c r="G1134" s="6" t="s">
        <v>5377</v>
      </c>
      <c r="H1134" s="6" t="s">
        <v>363</v>
      </c>
      <c r="I1134" s="6" t="s">
        <v>4205</v>
      </c>
      <c r="J1134" s="6" t="s">
        <v>5378</v>
      </c>
      <c r="L1134" s="10" t="s">
        <v>22</v>
      </c>
      <c r="M1134" s="10" t="s">
        <v>22</v>
      </c>
      <c r="N1134" s="10" t="s">
        <v>22</v>
      </c>
      <c r="O1134" s="10" t="s">
        <v>22</v>
      </c>
      <c r="P1134" s="10" t="s">
        <v>22</v>
      </c>
      <c r="Q1134" s="10" t="s">
        <v>22</v>
      </c>
      <c r="R1134" s="10" t="s">
        <v>22</v>
      </c>
      <c r="S1134" s="10" t="s">
        <v>22</v>
      </c>
      <c r="T1134" s="10" t="s">
        <v>22</v>
      </c>
    </row>
    <row r="1135" spans="1:26" ht="24" customHeight="1" x14ac:dyDescent="0.2">
      <c r="A1135" s="9" t="s">
        <v>18401</v>
      </c>
      <c r="B1135" s="9" t="s">
        <v>14</v>
      </c>
      <c r="C1135" s="9" t="s">
        <v>5379</v>
      </c>
      <c r="D1135" s="6" t="s">
        <v>5380</v>
      </c>
      <c r="E1135" s="22">
        <v>45200</v>
      </c>
      <c r="F1135" s="22">
        <v>47026</v>
      </c>
      <c r="G1135" s="6" t="s">
        <v>5381</v>
      </c>
      <c r="H1135" s="6" t="s">
        <v>18</v>
      </c>
      <c r="I1135" s="6" t="s">
        <v>19</v>
      </c>
      <c r="J1135" s="6" t="s">
        <v>5382</v>
      </c>
      <c r="K1135" s="9" t="s">
        <v>5383</v>
      </c>
      <c r="L1135" s="10" t="s">
        <v>22</v>
      </c>
      <c r="M1135" s="10" t="s">
        <v>22</v>
      </c>
      <c r="N1135" s="10" t="s">
        <v>22</v>
      </c>
      <c r="O1135" s="10" t="s">
        <v>22</v>
      </c>
      <c r="P1135" s="10" t="s">
        <v>22</v>
      </c>
      <c r="Q1135" s="10" t="s">
        <v>22</v>
      </c>
      <c r="R1135" s="10" t="s">
        <v>22</v>
      </c>
      <c r="S1135" s="10" t="s">
        <v>22</v>
      </c>
      <c r="T1135" s="10" t="s">
        <v>22</v>
      </c>
      <c r="U1135" s="10" t="s">
        <v>22</v>
      </c>
      <c r="V1135" s="10" t="s">
        <v>22</v>
      </c>
      <c r="W1135" s="10" t="s">
        <v>22</v>
      </c>
      <c r="X1135" s="10" t="s">
        <v>22</v>
      </c>
      <c r="Y1135" s="10" t="s">
        <v>22</v>
      </c>
      <c r="Z1135" s="10" t="s">
        <v>22</v>
      </c>
    </row>
    <row r="1136" spans="1:26" ht="24" customHeight="1" x14ac:dyDescent="0.2">
      <c r="A1136" s="9" t="s">
        <v>18402</v>
      </c>
      <c r="B1136" s="9" t="s">
        <v>14</v>
      </c>
      <c r="C1136" s="9" t="s">
        <v>5384</v>
      </c>
      <c r="D1136" s="6" t="s">
        <v>5385</v>
      </c>
      <c r="E1136" s="22">
        <v>45206</v>
      </c>
      <c r="F1136" s="22">
        <v>47032</v>
      </c>
      <c r="G1136" s="6" t="s">
        <v>5386</v>
      </c>
      <c r="H1136" s="6" t="s">
        <v>62</v>
      </c>
      <c r="I1136" s="6" t="s">
        <v>73</v>
      </c>
      <c r="J1136" s="6" t="s">
        <v>5387</v>
      </c>
      <c r="K1136" s="9" t="s">
        <v>5388</v>
      </c>
      <c r="L1136" s="10" t="s">
        <v>22</v>
      </c>
      <c r="M1136" s="10" t="s">
        <v>22</v>
      </c>
      <c r="N1136" s="10" t="s">
        <v>22</v>
      </c>
      <c r="O1136" s="10" t="s">
        <v>22</v>
      </c>
      <c r="P1136" s="10" t="s">
        <v>22</v>
      </c>
      <c r="Q1136" s="10" t="s">
        <v>22</v>
      </c>
      <c r="R1136" s="10" t="s">
        <v>22</v>
      </c>
      <c r="S1136" s="10" t="s">
        <v>22</v>
      </c>
      <c r="T1136" s="10" t="s">
        <v>22</v>
      </c>
      <c r="U1136" s="10" t="s">
        <v>22</v>
      </c>
      <c r="V1136" s="10" t="s">
        <v>22</v>
      </c>
      <c r="W1136" s="10" t="s">
        <v>22</v>
      </c>
      <c r="X1136" s="10" t="s">
        <v>22</v>
      </c>
      <c r="Y1136" s="10" t="s">
        <v>22</v>
      </c>
      <c r="Z1136" s="10" t="s">
        <v>22</v>
      </c>
    </row>
    <row r="1137" spans="1:26" ht="24" customHeight="1" x14ac:dyDescent="0.2">
      <c r="A1137" s="9" t="s">
        <v>18403</v>
      </c>
      <c r="B1137" s="9" t="s">
        <v>14</v>
      </c>
      <c r="C1137" s="9" t="s">
        <v>5389</v>
      </c>
      <c r="D1137" s="6" t="s">
        <v>5390</v>
      </c>
      <c r="E1137" s="22">
        <v>45223</v>
      </c>
      <c r="F1137" s="22">
        <v>47049</v>
      </c>
      <c r="G1137" s="6" t="s">
        <v>5391</v>
      </c>
      <c r="H1137" s="6" t="s">
        <v>62</v>
      </c>
      <c r="I1137" s="6" t="s">
        <v>414</v>
      </c>
      <c r="J1137" s="6" t="s">
        <v>5392</v>
      </c>
      <c r="L1137" s="10" t="s">
        <v>22</v>
      </c>
      <c r="M1137" s="10" t="s">
        <v>22</v>
      </c>
      <c r="N1137" s="10" t="s">
        <v>22</v>
      </c>
      <c r="O1137" s="10" t="s">
        <v>22</v>
      </c>
      <c r="P1137" s="10" t="s">
        <v>22</v>
      </c>
      <c r="Q1137" s="10" t="s">
        <v>22</v>
      </c>
      <c r="R1137" s="10" t="s">
        <v>22</v>
      </c>
      <c r="S1137" s="10" t="s">
        <v>22</v>
      </c>
      <c r="T1137" s="10" t="s">
        <v>22</v>
      </c>
      <c r="U1137" s="10" t="s">
        <v>22</v>
      </c>
      <c r="V1137" s="10" t="s">
        <v>22</v>
      </c>
      <c r="W1137" s="10" t="s">
        <v>22</v>
      </c>
      <c r="X1137" s="10" t="s">
        <v>22</v>
      </c>
      <c r="Y1137" s="10" t="s">
        <v>22</v>
      </c>
      <c r="Z1137" s="10" t="s">
        <v>22</v>
      </c>
    </row>
    <row r="1138" spans="1:26" ht="24" customHeight="1" x14ac:dyDescent="0.2">
      <c r="A1138" s="9" t="s">
        <v>18404</v>
      </c>
      <c r="B1138" s="9" t="s">
        <v>14</v>
      </c>
      <c r="C1138" s="9" t="s">
        <v>5393</v>
      </c>
      <c r="D1138" s="6" t="s">
        <v>5394</v>
      </c>
      <c r="E1138" s="22">
        <v>45229</v>
      </c>
      <c r="F1138" s="22">
        <v>47055</v>
      </c>
      <c r="G1138" s="6" t="s">
        <v>5395</v>
      </c>
      <c r="H1138" s="6" t="s">
        <v>202</v>
      </c>
      <c r="I1138" s="6" t="s">
        <v>873</v>
      </c>
      <c r="J1138" s="6" t="s">
        <v>5396</v>
      </c>
      <c r="K1138" s="9" t="s">
        <v>5397</v>
      </c>
      <c r="L1138" s="10" t="s">
        <v>22</v>
      </c>
      <c r="M1138" s="10" t="s">
        <v>22</v>
      </c>
      <c r="N1138" s="10" t="s">
        <v>22</v>
      </c>
      <c r="O1138" s="10" t="s">
        <v>22</v>
      </c>
      <c r="P1138" s="10" t="s">
        <v>22</v>
      </c>
      <c r="Q1138" s="10" t="s">
        <v>22</v>
      </c>
      <c r="R1138" s="10" t="s">
        <v>22</v>
      </c>
      <c r="S1138" s="10" t="s">
        <v>22</v>
      </c>
      <c r="T1138" s="10" t="s">
        <v>22</v>
      </c>
      <c r="U1138" s="10" t="s">
        <v>22</v>
      </c>
      <c r="V1138" s="10" t="s">
        <v>22</v>
      </c>
      <c r="W1138" s="10" t="s">
        <v>22</v>
      </c>
      <c r="X1138" s="10" t="s">
        <v>22</v>
      </c>
      <c r="Y1138" s="10" t="s">
        <v>22</v>
      </c>
      <c r="Z1138" s="10" t="s">
        <v>22</v>
      </c>
    </row>
    <row r="1139" spans="1:26" ht="24" customHeight="1" x14ac:dyDescent="0.2">
      <c r="A1139" s="9" t="s">
        <v>18405</v>
      </c>
      <c r="B1139" s="9" t="s">
        <v>14</v>
      </c>
      <c r="C1139" s="9" t="s">
        <v>5398</v>
      </c>
      <c r="D1139" s="6" t="s">
        <v>5399</v>
      </c>
      <c r="E1139" s="22">
        <v>45250</v>
      </c>
      <c r="F1139" s="22">
        <v>47076</v>
      </c>
      <c r="G1139" s="6" t="s">
        <v>5400</v>
      </c>
      <c r="H1139" s="6" t="s">
        <v>18</v>
      </c>
      <c r="I1139" s="6" t="s">
        <v>19</v>
      </c>
      <c r="J1139" s="6" t="s">
        <v>5401</v>
      </c>
      <c r="K1139" s="9" t="s">
        <v>5402</v>
      </c>
      <c r="M1139" s="10" t="s">
        <v>22</v>
      </c>
      <c r="N1139" s="10" t="s">
        <v>22</v>
      </c>
      <c r="V1139" s="10" t="s">
        <v>22</v>
      </c>
      <c r="W1139" s="10" t="s">
        <v>22</v>
      </c>
    </row>
    <row r="1140" spans="1:26" ht="24" customHeight="1" x14ac:dyDescent="0.2">
      <c r="A1140" s="9" t="s">
        <v>18406</v>
      </c>
      <c r="B1140" s="9" t="s">
        <v>14</v>
      </c>
      <c r="C1140" s="9" t="s">
        <v>5403</v>
      </c>
      <c r="D1140" s="6" t="s">
        <v>5404</v>
      </c>
      <c r="E1140" s="22">
        <v>45255</v>
      </c>
      <c r="F1140" s="22">
        <v>47081</v>
      </c>
      <c r="G1140" s="6" t="s">
        <v>5405</v>
      </c>
      <c r="H1140" s="6" t="s">
        <v>18</v>
      </c>
      <c r="I1140" s="6" t="s">
        <v>19</v>
      </c>
      <c r="J1140" s="6" t="s">
        <v>5406</v>
      </c>
      <c r="K1140" s="9" t="s">
        <v>5407</v>
      </c>
      <c r="L1140" s="10" t="s">
        <v>22</v>
      </c>
      <c r="M1140" s="10" t="s">
        <v>22</v>
      </c>
      <c r="N1140" s="10" t="s">
        <v>22</v>
      </c>
      <c r="O1140" s="10" t="s">
        <v>22</v>
      </c>
      <c r="P1140" s="10" t="s">
        <v>22</v>
      </c>
      <c r="Q1140" s="10" t="s">
        <v>22</v>
      </c>
      <c r="R1140" s="10" t="s">
        <v>22</v>
      </c>
      <c r="S1140" s="10" t="s">
        <v>22</v>
      </c>
      <c r="T1140" s="10" t="s">
        <v>22</v>
      </c>
      <c r="U1140" s="10" t="s">
        <v>22</v>
      </c>
      <c r="V1140" s="10" t="s">
        <v>22</v>
      </c>
      <c r="W1140" s="10" t="s">
        <v>22</v>
      </c>
      <c r="X1140" s="10" t="s">
        <v>22</v>
      </c>
      <c r="Y1140" s="10" t="s">
        <v>22</v>
      </c>
      <c r="Z1140" s="10" t="s">
        <v>22</v>
      </c>
    </row>
    <row r="1141" spans="1:26" ht="24" customHeight="1" x14ac:dyDescent="0.2">
      <c r="A1141" s="9" t="s">
        <v>18407</v>
      </c>
      <c r="B1141" s="9" t="s">
        <v>14</v>
      </c>
      <c r="C1141" s="9" t="s">
        <v>5408</v>
      </c>
      <c r="D1141" s="6" t="s">
        <v>5409</v>
      </c>
      <c r="E1141" s="22">
        <v>45278</v>
      </c>
      <c r="F1141" s="22">
        <v>47104</v>
      </c>
      <c r="G1141" s="6" t="s">
        <v>5410</v>
      </c>
      <c r="H1141" s="6" t="s">
        <v>229</v>
      </c>
      <c r="I1141" s="6" t="s">
        <v>3094</v>
      </c>
      <c r="J1141" s="6" t="s">
        <v>5411</v>
      </c>
      <c r="K1141" s="9" t="s">
        <v>5412</v>
      </c>
      <c r="L1141" s="10" t="s">
        <v>22</v>
      </c>
      <c r="M1141" s="10" t="s">
        <v>22</v>
      </c>
      <c r="N1141" s="10" t="s">
        <v>22</v>
      </c>
      <c r="O1141" s="10" t="s">
        <v>22</v>
      </c>
      <c r="P1141" s="10" t="s">
        <v>22</v>
      </c>
      <c r="Q1141" s="10" t="s">
        <v>22</v>
      </c>
      <c r="U1141" s="10" t="s">
        <v>22</v>
      </c>
      <c r="V1141" s="10" t="s">
        <v>22</v>
      </c>
      <c r="W1141" s="10" t="s">
        <v>22</v>
      </c>
      <c r="X1141" s="10" t="s">
        <v>22</v>
      </c>
      <c r="Y1141" s="10" t="s">
        <v>22</v>
      </c>
      <c r="Z1141" s="10" t="s">
        <v>22</v>
      </c>
    </row>
    <row r="1142" spans="1:26" ht="24" customHeight="1" x14ac:dyDescent="0.2">
      <c r="A1142" s="9" t="s">
        <v>18408</v>
      </c>
      <c r="B1142" s="9" t="s">
        <v>14</v>
      </c>
      <c r="C1142" s="9" t="s">
        <v>5413</v>
      </c>
      <c r="D1142" s="6" t="s">
        <v>5414</v>
      </c>
      <c r="E1142" s="22">
        <v>45297</v>
      </c>
      <c r="F1142" s="22">
        <v>47123</v>
      </c>
      <c r="G1142" s="6" t="s">
        <v>5415</v>
      </c>
      <c r="H1142" s="6" t="s">
        <v>18</v>
      </c>
      <c r="I1142" s="6" t="s">
        <v>19</v>
      </c>
      <c r="J1142" s="6" t="s">
        <v>5416</v>
      </c>
      <c r="K1142" s="9" t="s">
        <v>5417</v>
      </c>
      <c r="L1142" s="10" t="s">
        <v>22</v>
      </c>
      <c r="M1142" s="10" t="s">
        <v>22</v>
      </c>
      <c r="N1142" s="10" t="s">
        <v>22</v>
      </c>
      <c r="W1142" s="10" t="s">
        <v>22</v>
      </c>
    </row>
    <row r="1143" spans="1:26" ht="24" customHeight="1" x14ac:dyDescent="0.2">
      <c r="A1143" s="9" t="s">
        <v>18409</v>
      </c>
      <c r="B1143" s="9" t="s">
        <v>14</v>
      </c>
      <c r="C1143" s="9" t="s">
        <v>5418</v>
      </c>
      <c r="D1143" s="6" t="s">
        <v>5419</v>
      </c>
      <c r="E1143" s="22">
        <v>45297</v>
      </c>
      <c r="F1143" s="22">
        <v>47123</v>
      </c>
      <c r="G1143" s="6" t="s">
        <v>5420</v>
      </c>
      <c r="H1143" s="6" t="s">
        <v>62</v>
      </c>
      <c r="I1143" s="6" t="s">
        <v>1225</v>
      </c>
      <c r="J1143" s="6" t="s">
        <v>5421</v>
      </c>
      <c r="K1143" s="9" t="s">
        <v>5422</v>
      </c>
      <c r="L1143" s="10" t="s">
        <v>22</v>
      </c>
      <c r="M1143" s="10" t="s">
        <v>22</v>
      </c>
      <c r="N1143" s="10" t="s">
        <v>22</v>
      </c>
      <c r="U1143" s="10" t="s">
        <v>22</v>
      </c>
      <c r="V1143" s="10" t="s">
        <v>22</v>
      </c>
      <c r="W1143" s="10" t="s">
        <v>22</v>
      </c>
      <c r="X1143" s="10" t="s">
        <v>22</v>
      </c>
      <c r="Y1143" s="10" t="s">
        <v>22</v>
      </c>
      <c r="Z1143" s="10" t="s">
        <v>22</v>
      </c>
    </row>
    <row r="1144" spans="1:26" ht="24" customHeight="1" x14ac:dyDescent="0.2">
      <c r="A1144" s="9" t="s">
        <v>18410</v>
      </c>
      <c r="B1144" s="9" t="s">
        <v>14</v>
      </c>
      <c r="C1144" s="9" t="s">
        <v>5423</v>
      </c>
      <c r="D1144" s="6" t="s">
        <v>5424</v>
      </c>
      <c r="E1144" s="22">
        <v>45328</v>
      </c>
      <c r="F1144" s="22">
        <v>47154</v>
      </c>
      <c r="G1144" s="6" t="s">
        <v>5425</v>
      </c>
      <c r="H1144" s="6" t="s">
        <v>3401</v>
      </c>
      <c r="I1144" s="6" t="s">
        <v>5426</v>
      </c>
      <c r="J1144" s="6" t="s">
        <v>5427</v>
      </c>
      <c r="K1144" s="9" t="s">
        <v>5428</v>
      </c>
      <c r="L1144" s="10" t="s">
        <v>22</v>
      </c>
      <c r="M1144" s="10" t="s">
        <v>22</v>
      </c>
      <c r="N1144" s="10" t="s">
        <v>22</v>
      </c>
      <c r="O1144" s="10" t="s">
        <v>22</v>
      </c>
      <c r="P1144" s="10" t="s">
        <v>22</v>
      </c>
      <c r="Q1144" s="10" t="s">
        <v>22</v>
      </c>
      <c r="R1144" s="10" t="s">
        <v>22</v>
      </c>
      <c r="S1144" s="10" t="s">
        <v>22</v>
      </c>
      <c r="T1144" s="10" t="s">
        <v>22</v>
      </c>
      <c r="U1144" s="10" t="s">
        <v>22</v>
      </c>
      <c r="V1144" s="10" t="s">
        <v>22</v>
      </c>
      <c r="W1144" s="10" t="s">
        <v>22</v>
      </c>
      <c r="X1144" s="10" t="s">
        <v>22</v>
      </c>
      <c r="Y1144" s="10" t="s">
        <v>22</v>
      </c>
      <c r="Z1144" s="10" t="s">
        <v>22</v>
      </c>
    </row>
    <row r="1145" spans="1:26" ht="24" customHeight="1" x14ac:dyDescent="0.2">
      <c r="A1145" s="9" t="s">
        <v>18411</v>
      </c>
      <c r="B1145" s="9" t="s">
        <v>14</v>
      </c>
      <c r="C1145" s="9" t="s">
        <v>5429</v>
      </c>
      <c r="D1145" s="6" t="s">
        <v>5430</v>
      </c>
      <c r="E1145" s="22">
        <v>45336</v>
      </c>
      <c r="F1145" s="22">
        <v>47162</v>
      </c>
      <c r="G1145" s="6" t="s">
        <v>5431</v>
      </c>
      <c r="H1145" s="6" t="s">
        <v>202</v>
      </c>
      <c r="I1145" s="6" t="s">
        <v>863</v>
      </c>
      <c r="J1145" s="6" t="s">
        <v>5432</v>
      </c>
      <c r="K1145" s="9" t="s">
        <v>5433</v>
      </c>
      <c r="L1145" s="10" t="s">
        <v>22</v>
      </c>
      <c r="M1145" s="10" t="s">
        <v>22</v>
      </c>
      <c r="N1145" s="10" t="s">
        <v>22</v>
      </c>
      <c r="O1145" s="10" t="s">
        <v>22</v>
      </c>
      <c r="P1145" s="10" t="s">
        <v>22</v>
      </c>
      <c r="Q1145" s="10" t="s">
        <v>22</v>
      </c>
      <c r="R1145" s="10" t="s">
        <v>22</v>
      </c>
      <c r="S1145" s="10" t="s">
        <v>22</v>
      </c>
      <c r="T1145" s="10" t="s">
        <v>22</v>
      </c>
      <c r="U1145" s="10" t="s">
        <v>22</v>
      </c>
      <c r="V1145" s="10" t="s">
        <v>22</v>
      </c>
      <c r="W1145" s="10" t="s">
        <v>22</v>
      </c>
      <c r="X1145" s="10" t="s">
        <v>22</v>
      </c>
      <c r="Y1145" s="10" t="s">
        <v>22</v>
      </c>
      <c r="Z1145" s="10" t="s">
        <v>22</v>
      </c>
    </row>
    <row r="1146" spans="1:26" ht="24" customHeight="1" x14ac:dyDescent="0.2">
      <c r="A1146" s="9" t="s">
        <v>18412</v>
      </c>
      <c r="B1146" s="9" t="s">
        <v>14</v>
      </c>
      <c r="C1146" s="9" t="s">
        <v>5434</v>
      </c>
      <c r="D1146" s="6" t="s">
        <v>5435</v>
      </c>
      <c r="E1146" s="22">
        <v>45346</v>
      </c>
      <c r="F1146" s="22">
        <v>47172</v>
      </c>
      <c r="G1146" s="6" t="s">
        <v>5436</v>
      </c>
      <c r="H1146" s="6" t="s">
        <v>62</v>
      </c>
      <c r="I1146" s="6" t="s">
        <v>236</v>
      </c>
      <c r="J1146" s="6" t="s">
        <v>5437</v>
      </c>
      <c r="K1146" s="9" t="s">
        <v>5438</v>
      </c>
      <c r="L1146" s="10" t="s">
        <v>22</v>
      </c>
      <c r="M1146" s="10" t="s">
        <v>22</v>
      </c>
      <c r="N1146" s="10" t="s">
        <v>22</v>
      </c>
      <c r="O1146" s="10" t="s">
        <v>22</v>
      </c>
      <c r="P1146" s="10" t="s">
        <v>22</v>
      </c>
      <c r="Q1146" s="10" t="s">
        <v>22</v>
      </c>
      <c r="R1146" s="10" t="s">
        <v>22</v>
      </c>
      <c r="S1146" s="10" t="s">
        <v>22</v>
      </c>
      <c r="T1146" s="10" t="s">
        <v>22</v>
      </c>
      <c r="U1146" s="10" t="s">
        <v>22</v>
      </c>
      <c r="V1146" s="10" t="s">
        <v>22</v>
      </c>
      <c r="W1146" s="10" t="s">
        <v>22</v>
      </c>
      <c r="X1146" s="10" t="s">
        <v>22</v>
      </c>
      <c r="Y1146" s="10" t="s">
        <v>22</v>
      </c>
      <c r="Z1146" s="10" t="s">
        <v>22</v>
      </c>
    </row>
    <row r="1147" spans="1:26" ht="24" customHeight="1" x14ac:dyDescent="0.2">
      <c r="A1147" s="9" t="s">
        <v>18413</v>
      </c>
      <c r="B1147" s="9" t="s">
        <v>14</v>
      </c>
      <c r="C1147" s="9" t="s">
        <v>5439</v>
      </c>
      <c r="D1147" s="6" t="s">
        <v>5440</v>
      </c>
      <c r="E1147" s="22">
        <v>45348</v>
      </c>
      <c r="F1147" s="22">
        <v>47174</v>
      </c>
      <c r="G1147" s="6" t="s">
        <v>5441</v>
      </c>
      <c r="H1147" s="6" t="s">
        <v>62</v>
      </c>
      <c r="I1147" s="6" t="s">
        <v>819</v>
      </c>
      <c r="J1147" s="6" t="s">
        <v>5442</v>
      </c>
      <c r="K1147" s="9" t="s">
        <v>5443</v>
      </c>
      <c r="L1147" s="10" t="s">
        <v>22</v>
      </c>
      <c r="M1147" s="10" t="s">
        <v>22</v>
      </c>
      <c r="N1147" s="10" t="s">
        <v>22</v>
      </c>
      <c r="O1147" s="10" t="s">
        <v>22</v>
      </c>
      <c r="P1147" s="10" t="s">
        <v>22</v>
      </c>
      <c r="Q1147" s="10" t="s">
        <v>22</v>
      </c>
      <c r="R1147" s="10" t="s">
        <v>22</v>
      </c>
      <c r="S1147" s="10" t="s">
        <v>22</v>
      </c>
      <c r="T1147" s="10" t="s">
        <v>22</v>
      </c>
      <c r="U1147" s="10" t="s">
        <v>22</v>
      </c>
      <c r="V1147" s="10" t="s">
        <v>22</v>
      </c>
      <c r="W1147" s="10" t="s">
        <v>22</v>
      </c>
      <c r="X1147" s="10" t="s">
        <v>22</v>
      </c>
      <c r="Y1147" s="10" t="s">
        <v>22</v>
      </c>
      <c r="Z1147" s="10" t="s">
        <v>22</v>
      </c>
    </row>
    <row r="1148" spans="1:26" ht="24" customHeight="1" x14ac:dyDescent="0.2">
      <c r="A1148" s="9" t="s">
        <v>18414</v>
      </c>
      <c r="B1148" s="9" t="s">
        <v>14</v>
      </c>
      <c r="C1148" s="9" t="s">
        <v>5444</v>
      </c>
      <c r="D1148" s="6" t="s">
        <v>5445</v>
      </c>
      <c r="E1148" s="22">
        <v>45362</v>
      </c>
      <c r="F1148" s="22">
        <v>47187</v>
      </c>
      <c r="G1148" s="6" t="s">
        <v>5446</v>
      </c>
      <c r="H1148" s="6" t="s">
        <v>202</v>
      </c>
      <c r="I1148" s="6" t="s">
        <v>954</v>
      </c>
      <c r="J1148" s="6" t="s">
        <v>5447</v>
      </c>
      <c r="K1148" s="9" t="s">
        <v>5448</v>
      </c>
      <c r="L1148" s="10" t="s">
        <v>22</v>
      </c>
      <c r="M1148" s="10" t="s">
        <v>22</v>
      </c>
      <c r="N1148" s="10" t="s">
        <v>22</v>
      </c>
      <c r="O1148" s="10" t="s">
        <v>22</v>
      </c>
      <c r="P1148" s="10" t="s">
        <v>22</v>
      </c>
      <c r="Q1148" s="10" t="s">
        <v>22</v>
      </c>
      <c r="R1148" s="10" t="s">
        <v>22</v>
      </c>
      <c r="S1148" s="10" t="s">
        <v>22</v>
      </c>
      <c r="T1148" s="10" t="s">
        <v>22</v>
      </c>
      <c r="U1148" s="10" t="s">
        <v>22</v>
      </c>
      <c r="V1148" s="10" t="s">
        <v>22</v>
      </c>
      <c r="W1148" s="10" t="s">
        <v>22</v>
      </c>
      <c r="X1148" s="10" t="s">
        <v>22</v>
      </c>
      <c r="Y1148" s="10" t="s">
        <v>22</v>
      </c>
      <c r="Z1148" s="10" t="s">
        <v>22</v>
      </c>
    </row>
    <row r="1149" spans="1:26" ht="24" customHeight="1" x14ac:dyDescent="0.2">
      <c r="A1149" s="9" t="s">
        <v>18415</v>
      </c>
      <c r="B1149" s="9" t="s">
        <v>14</v>
      </c>
      <c r="C1149" s="9" t="s">
        <v>5449</v>
      </c>
      <c r="D1149" s="6" t="s">
        <v>5450</v>
      </c>
      <c r="E1149" s="22">
        <v>45362</v>
      </c>
      <c r="F1149" s="22">
        <v>47187</v>
      </c>
      <c r="G1149" s="6" t="s">
        <v>5451</v>
      </c>
      <c r="H1149" s="6" t="s">
        <v>62</v>
      </c>
      <c r="I1149" s="6" t="s">
        <v>5452</v>
      </c>
      <c r="J1149" s="6" t="s">
        <v>5453</v>
      </c>
      <c r="K1149" s="9" t="s">
        <v>5454</v>
      </c>
      <c r="L1149" s="10" t="s">
        <v>22</v>
      </c>
      <c r="M1149" s="10" t="s">
        <v>22</v>
      </c>
      <c r="N1149" s="10" t="s">
        <v>22</v>
      </c>
      <c r="O1149" s="10" t="s">
        <v>22</v>
      </c>
      <c r="P1149" s="10" t="s">
        <v>22</v>
      </c>
      <c r="Q1149" s="10" t="s">
        <v>22</v>
      </c>
      <c r="R1149" s="10" t="s">
        <v>22</v>
      </c>
      <c r="S1149" s="10" t="s">
        <v>22</v>
      </c>
      <c r="T1149" s="10" t="s">
        <v>22</v>
      </c>
      <c r="U1149" s="10" t="s">
        <v>22</v>
      </c>
      <c r="V1149" s="10" t="s">
        <v>22</v>
      </c>
      <c r="W1149" s="10" t="s">
        <v>22</v>
      </c>
      <c r="X1149" s="10" t="s">
        <v>22</v>
      </c>
      <c r="Y1149" s="10" t="s">
        <v>22</v>
      </c>
      <c r="Z1149" s="10" t="s">
        <v>22</v>
      </c>
    </row>
    <row r="1150" spans="1:26" ht="24" customHeight="1" x14ac:dyDescent="0.2">
      <c r="A1150" s="9" t="s">
        <v>18416</v>
      </c>
      <c r="B1150" s="9" t="s">
        <v>14</v>
      </c>
      <c r="C1150" s="9" t="s">
        <v>5455</v>
      </c>
      <c r="D1150" s="6" t="s">
        <v>5456</v>
      </c>
      <c r="E1150" s="22">
        <v>45368</v>
      </c>
      <c r="F1150" s="22">
        <v>47193</v>
      </c>
      <c r="G1150" s="6" t="s">
        <v>5457</v>
      </c>
      <c r="H1150" s="6" t="s">
        <v>18</v>
      </c>
      <c r="I1150" s="6" t="s">
        <v>19</v>
      </c>
      <c r="J1150" s="6" t="s">
        <v>5458</v>
      </c>
      <c r="K1150" s="9" t="s">
        <v>5459</v>
      </c>
      <c r="L1150" s="10" t="s">
        <v>22</v>
      </c>
      <c r="M1150" s="10" t="s">
        <v>22</v>
      </c>
      <c r="N1150" s="10" t="s">
        <v>22</v>
      </c>
      <c r="O1150" s="10" t="s">
        <v>22</v>
      </c>
      <c r="P1150" s="10" t="s">
        <v>22</v>
      </c>
      <c r="Q1150" s="10" t="s">
        <v>22</v>
      </c>
      <c r="R1150" s="10" t="s">
        <v>22</v>
      </c>
      <c r="S1150" s="10" t="s">
        <v>22</v>
      </c>
      <c r="T1150" s="10" t="s">
        <v>22</v>
      </c>
      <c r="U1150" s="10" t="s">
        <v>22</v>
      </c>
      <c r="V1150" s="10" t="s">
        <v>22</v>
      </c>
      <c r="W1150" s="10" t="s">
        <v>22</v>
      </c>
      <c r="X1150" s="10" t="s">
        <v>22</v>
      </c>
      <c r="Y1150" s="10" t="s">
        <v>22</v>
      </c>
      <c r="Z1150" s="10" t="s">
        <v>22</v>
      </c>
    </row>
    <row r="1151" spans="1:26" ht="24" customHeight="1" x14ac:dyDescent="0.2">
      <c r="A1151" s="9" t="s">
        <v>18417</v>
      </c>
      <c r="B1151" s="9" t="s">
        <v>14</v>
      </c>
      <c r="C1151" s="9" t="s">
        <v>5460</v>
      </c>
      <c r="D1151" s="6" t="s">
        <v>5461</v>
      </c>
      <c r="E1151" s="22">
        <v>45369</v>
      </c>
      <c r="F1151" s="22">
        <v>47194</v>
      </c>
      <c r="G1151" s="6" t="s">
        <v>5462</v>
      </c>
      <c r="H1151" s="6" t="s">
        <v>62</v>
      </c>
      <c r="I1151" s="6" t="s">
        <v>186</v>
      </c>
      <c r="J1151" s="6" t="s">
        <v>5463</v>
      </c>
      <c r="K1151" s="9" t="s">
        <v>5464</v>
      </c>
      <c r="L1151" s="10" t="s">
        <v>22</v>
      </c>
      <c r="M1151" s="10" t="s">
        <v>22</v>
      </c>
      <c r="N1151" s="10" t="s">
        <v>22</v>
      </c>
      <c r="O1151" s="10" t="s">
        <v>22</v>
      </c>
      <c r="P1151" s="10" t="s">
        <v>22</v>
      </c>
      <c r="Q1151" s="10" t="s">
        <v>22</v>
      </c>
      <c r="R1151" s="10" t="s">
        <v>22</v>
      </c>
      <c r="S1151" s="10" t="s">
        <v>22</v>
      </c>
      <c r="T1151" s="10" t="s">
        <v>22</v>
      </c>
      <c r="U1151" s="10" t="s">
        <v>22</v>
      </c>
      <c r="V1151" s="10" t="s">
        <v>22</v>
      </c>
      <c r="W1151" s="10" t="s">
        <v>22</v>
      </c>
      <c r="X1151" s="10" t="s">
        <v>22</v>
      </c>
      <c r="Y1151" s="10" t="s">
        <v>22</v>
      </c>
      <c r="Z1151" s="10" t="s">
        <v>22</v>
      </c>
    </row>
    <row r="1152" spans="1:26" ht="24" customHeight="1" x14ac:dyDescent="0.2">
      <c r="A1152" s="9" t="s">
        <v>18418</v>
      </c>
      <c r="B1152" s="9" t="s">
        <v>14</v>
      </c>
      <c r="C1152" s="9" t="s">
        <v>5465</v>
      </c>
      <c r="D1152" s="6" t="s">
        <v>5466</v>
      </c>
      <c r="E1152" s="22">
        <v>45375</v>
      </c>
      <c r="F1152" s="22">
        <v>47200</v>
      </c>
      <c r="G1152" s="6" t="s">
        <v>5467</v>
      </c>
      <c r="H1152" s="6" t="s">
        <v>18</v>
      </c>
      <c r="I1152" s="6" t="s">
        <v>1145</v>
      </c>
      <c r="J1152" s="6" t="s">
        <v>5468</v>
      </c>
      <c r="L1152" s="10" t="s">
        <v>22</v>
      </c>
      <c r="M1152" s="10" t="s">
        <v>22</v>
      </c>
      <c r="N1152" s="10" t="s">
        <v>22</v>
      </c>
      <c r="O1152" s="10" t="s">
        <v>22</v>
      </c>
      <c r="P1152" s="10" t="s">
        <v>22</v>
      </c>
      <c r="Q1152" s="10" t="s">
        <v>22</v>
      </c>
      <c r="R1152" s="10" t="s">
        <v>22</v>
      </c>
      <c r="S1152" s="10" t="s">
        <v>22</v>
      </c>
      <c r="T1152" s="10" t="s">
        <v>22</v>
      </c>
      <c r="U1152" s="10" t="s">
        <v>22</v>
      </c>
      <c r="V1152" s="10" t="s">
        <v>22</v>
      </c>
      <c r="W1152" s="10" t="s">
        <v>22</v>
      </c>
      <c r="X1152" s="10" t="s">
        <v>22</v>
      </c>
      <c r="Y1152" s="10" t="s">
        <v>22</v>
      </c>
      <c r="Z1152" s="10" t="s">
        <v>22</v>
      </c>
    </row>
    <row r="1153" spans="1:26" ht="24" customHeight="1" x14ac:dyDescent="0.2">
      <c r="A1153" s="9" t="s">
        <v>18419</v>
      </c>
      <c r="B1153" s="9" t="s">
        <v>14</v>
      </c>
      <c r="C1153" s="9" t="s">
        <v>5465</v>
      </c>
      <c r="D1153" s="6" t="s">
        <v>5466</v>
      </c>
      <c r="E1153" s="22">
        <v>45375</v>
      </c>
      <c r="F1153" s="22">
        <v>47200</v>
      </c>
      <c r="G1153" s="6" t="s">
        <v>5469</v>
      </c>
      <c r="H1153" s="6" t="s">
        <v>62</v>
      </c>
      <c r="I1153" s="6" t="s">
        <v>379</v>
      </c>
      <c r="J1153" s="6" t="s">
        <v>5470</v>
      </c>
      <c r="L1153" s="10" t="s">
        <v>22</v>
      </c>
      <c r="M1153" s="10" t="s">
        <v>22</v>
      </c>
      <c r="N1153" s="10" t="s">
        <v>22</v>
      </c>
      <c r="O1153" s="10" t="s">
        <v>22</v>
      </c>
      <c r="P1153" s="10" t="s">
        <v>22</v>
      </c>
      <c r="Q1153" s="10" t="s">
        <v>22</v>
      </c>
      <c r="R1153" s="10" t="s">
        <v>22</v>
      </c>
      <c r="S1153" s="10" t="s">
        <v>22</v>
      </c>
      <c r="T1153" s="10" t="s">
        <v>22</v>
      </c>
      <c r="U1153" s="10" t="s">
        <v>22</v>
      </c>
      <c r="V1153" s="10" t="s">
        <v>22</v>
      </c>
      <c r="W1153" s="10" t="s">
        <v>22</v>
      </c>
      <c r="X1153" s="10" t="s">
        <v>22</v>
      </c>
      <c r="Y1153" s="10" t="s">
        <v>22</v>
      </c>
      <c r="Z1153" s="10" t="s">
        <v>22</v>
      </c>
    </row>
    <row r="1154" spans="1:26" ht="24" customHeight="1" x14ac:dyDescent="0.2">
      <c r="A1154" s="9" t="s">
        <v>18420</v>
      </c>
      <c r="B1154" s="9" t="s">
        <v>14</v>
      </c>
      <c r="C1154" s="9" t="s">
        <v>5471</v>
      </c>
      <c r="D1154" s="6" t="s">
        <v>5472</v>
      </c>
      <c r="E1154" s="22">
        <v>45377</v>
      </c>
      <c r="F1154" s="22">
        <v>47202</v>
      </c>
      <c r="G1154" s="6" t="s">
        <v>5473</v>
      </c>
      <c r="H1154" s="6" t="s">
        <v>202</v>
      </c>
      <c r="I1154" s="6" t="s">
        <v>3050</v>
      </c>
      <c r="J1154" s="6" t="s">
        <v>5474</v>
      </c>
      <c r="K1154" s="9" t="s">
        <v>5475</v>
      </c>
      <c r="L1154" s="10" t="s">
        <v>22</v>
      </c>
      <c r="M1154" s="10" t="s">
        <v>22</v>
      </c>
      <c r="N1154" s="10" t="s">
        <v>22</v>
      </c>
      <c r="O1154" s="10" t="s">
        <v>22</v>
      </c>
      <c r="P1154" s="10" t="s">
        <v>22</v>
      </c>
      <c r="Q1154" s="10" t="s">
        <v>22</v>
      </c>
      <c r="R1154" s="10" t="s">
        <v>22</v>
      </c>
      <c r="S1154" s="10" t="s">
        <v>22</v>
      </c>
      <c r="T1154" s="10" t="s">
        <v>22</v>
      </c>
    </row>
    <row r="1155" spans="1:26" ht="24" customHeight="1" x14ac:dyDescent="0.2">
      <c r="A1155" s="9" t="s">
        <v>18421</v>
      </c>
      <c r="B1155" s="9" t="s">
        <v>14</v>
      </c>
      <c r="C1155" s="9" t="s">
        <v>5476</v>
      </c>
      <c r="D1155" s="6" t="s">
        <v>5477</v>
      </c>
      <c r="E1155" s="22">
        <v>45391</v>
      </c>
      <c r="F1155" s="22">
        <v>47216</v>
      </c>
      <c r="G1155" s="6" t="s">
        <v>5478</v>
      </c>
      <c r="H1155" s="6" t="s">
        <v>62</v>
      </c>
      <c r="I1155" s="6" t="s">
        <v>306</v>
      </c>
      <c r="J1155" s="6" t="s">
        <v>5479</v>
      </c>
      <c r="K1155" s="9" t="s">
        <v>5480</v>
      </c>
      <c r="L1155" s="10" t="s">
        <v>22</v>
      </c>
      <c r="M1155" s="10" t="s">
        <v>22</v>
      </c>
      <c r="N1155" s="10" t="s">
        <v>22</v>
      </c>
    </row>
    <row r="1156" spans="1:26" ht="24" customHeight="1" x14ac:dyDescent="0.2">
      <c r="A1156" s="9" t="s">
        <v>18422</v>
      </c>
      <c r="B1156" s="9" t="s">
        <v>14</v>
      </c>
      <c r="C1156" s="9" t="s">
        <v>5481</v>
      </c>
      <c r="D1156" s="6" t="s">
        <v>5482</v>
      </c>
      <c r="E1156" s="22">
        <v>45397</v>
      </c>
      <c r="F1156" s="22">
        <v>47222</v>
      </c>
      <c r="G1156" s="6" t="s">
        <v>5483</v>
      </c>
      <c r="H1156" s="6" t="s">
        <v>202</v>
      </c>
      <c r="I1156" s="6" t="s">
        <v>2101</v>
      </c>
      <c r="J1156" s="6" t="s">
        <v>5484</v>
      </c>
      <c r="K1156" s="9" t="s">
        <v>5485</v>
      </c>
      <c r="L1156" s="10" t="s">
        <v>22</v>
      </c>
      <c r="M1156" s="10" t="s">
        <v>22</v>
      </c>
      <c r="N1156" s="10" t="s">
        <v>22</v>
      </c>
      <c r="O1156" s="10" t="s">
        <v>22</v>
      </c>
      <c r="P1156" s="10" t="s">
        <v>22</v>
      </c>
      <c r="Q1156" s="10" t="s">
        <v>22</v>
      </c>
      <c r="R1156" s="10" t="s">
        <v>22</v>
      </c>
      <c r="S1156" s="10" t="s">
        <v>22</v>
      </c>
      <c r="T1156" s="10" t="s">
        <v>22</v>
      </c>
      <c r="U1156" s="10" t="s">
        <v>22</v>
      </c>
      <c r="V1156" s="10" t="s">
        <v>22</v>
      </c>
      <c r="W1156" s="10" t="s">
        <v>22</v>
      </c>
      <c r="X1156" s="10" t="s">
        <v>22</v>
      </c>
      <c r="Y1156" s="10" t="s">
        <v>22</v>
      </c>
      <c r="Z1156" s="10" t="s">
        <v>22</v>
      </c>
    </row>
    <row r="1157" spans="1:26" ht="24" customHeight="1" x14ac:dyDescent="0.2">
      <c r="A1157" s="9" t="s">
        <v>18423</v>
      </c>
      <c r="B1157" s="9" t="s">
        <v>14</v>
      </c>
      <c r="C1157" s="9" t="s">
        <v>5486</v>
      </c>
      <c r="D1157" s="6" t="s">
        <v>5487</v>
      </c>
      <c r="E1157" s="22">
        <v>45400</v>
      </c>
      <c r="F1157" s="22">
        <v>47225</v>
      </c>
      <c r="G1157" s="6" t="s">
        <v>5488</v>
      </c>
      <c r="H1157" s="6" t="s">
        <v>62</v>
      </c>
      <c r="I1157" s="6" t="s">
        <v>306</v>
      </c>
      <c r="J1157" s="6" t="s">
        <v>5489</v>
      </c>
      <c r="K1157" s="9" t="s">
        <v>5490</v>
      </c>
      <c r="L1157" s="10" t="s">
        <v>22</v>
      </c>
      <c r="M1157" s="10" t="s">
        <v>22</v>
      </c>
      <c r="N1157" s="10" t="s">
        <v>22</v>
      </c>
      <c r="O1157" s="10" t="s">
        <v>22</v>
      </c>
      <c r="P1157" s="10" t="s">
        <v>22</v>
      </c>
      <c r="Q1157" s="10" t="s">
        <v>22</v>
      </c>
      <c r="R1157" s="10" t="s">
        <v>22</v>
      </c>
      <c r="S1157" s="10" t="s">
        <v>22</v>
      </c>
      <c r="T1157" s="10" t="s">
        <v>22</v>
      </c>
      <c r="U1157" s="10" t="s">
        <v>22</v>
      </c>
      <c r="V1157" s="10" t="s">
        <v>22</v>
      </c>
      <c r="W1157" s="10" t="s">
        <v>22</v>
      </c>
      <c r="X1157" s="10" t="s">
        <v>22</v>
      </c>
      <c r="Y1157" s="10" t="s">
        <v>22</v>
      </c>
      <c r="Z1157" s="10" t="s">
        <v>22</v>
      </c>
    </row>
    <row r="1158" spans="1:26" ht="24" customHeight="1" x14ac:dyDescent="0.2">
      <c r="A1158" s="9" t="s">
        <v>18424</v>
      </c>
      <c r="B1158" s="9" t="s">
        <v>14</v>
      </c>
      <c r="C1158" s="9" t="s">
        <v>5494</v>
      </c>
      <c r="D1158" s="6" t="s">
        <v>5495</v>
      </c>
      <c r="E1158" s="22">
        <v>45412</v>
      </c>
      <c r="F1158" s="22">
        <v>47237</v>
      </c>
      <c r="G1158" s="6" t="s">
        <v>5496</v>
      </c>
      <c r="H1158" s="6" t="s">
        <v>363</v>
      </c>
      <c r="I1158" s="6" t="s">
        <v>5497</v>
      </c>
      <c r="J1158" s="6" t="s">
        <v>5498</v>
      </c>
      <c r="L1158" s="10" t="s">
        <v>22</v>
      </c>
      <c r="M1158" s="10" t="s">
        <v>22</v>
      </c>
      <c r="N1158" s="10" t="s">
        <v>22</v>
      </c>
      <c r="O1158" s="10" t="s">
        <v>22</v>
      </c>
      <c r="P1158" s="10" t="s">
        <v>22</v>
      </c>
      <c r="Q1158" s="10" t="s">
        <v>22</v>
      </c>
      <c r="R1158" s="10" t="s">
        <v>22</v>
      </c>
      <c r="S1158" s="10" t="s">
        <v>22</v>
      </c>
      <c r="T1158" s="10" t="s">
        <v>22</v>
      </c>
      <c r="U1158" s="10" t="s">
        <v>22</v>
      </c>
      <c r="V1158" s="10" t="s">
        <v>22</v>
      </c>
      <c r="W1158" s="10" t="s">
        <v>22</v>
      </c>
      <c r="X1158" s="10" t="s">
        <v>22</v>
      </c>
      <c r="Y1158" s="10" t="s">
        <v>22</v>
      </c>
      <c r="Z1158" s="10" t="s">
        <v>22</v>
      </c>
    </row>
    <row r="1159" spans="1:26" ht="24" customHeight="1" x14ac:dyDescent="0.2">
      <c r="A1159" s="9" t="s">
        <v>18425</v>
      </c>
      <c r="B1159" s="9" t="s">
        <v>14</v>
      </c>
      <c r="C1159" s="9" t="s">
        <v>5499</v>
      </c>
      <c r="D1159" s="6" t="s">
        <v>5500</v>
      </c>
      <c r="E1159" s="22">
        <v>45412</v>
      </c>
      <c r="F1159" s="22">
        <v>47237</v>
      </c>
      <c r="G1159" s="6" t="s">
        <v>5501</v>
      </c>
      <c r="H1159" s="6" t="s">
        <v>62</v>
      </c>
      <c r="I1159" s="6" t="s">
        <v>551</v>
      </c>
      <c r="J1159" s="6" t="s">
        <v>5502</v>
      </c>
      <c r="K1159" s="9" t="s">
        <v>5503</v>
      </c>
      <c r="L1159" s="10" t="s">
        <v>22</v>
      </c>
      <c r="M1159" s="10" t="s">
        <v>22</v>
      </c>
      <c r="N1159" s="10" t="s">
        <v>22</v>
      </c>
      <c r="O1159" s="10" t="s">
        <v>22</v>
      </c>
      <c r="P1159" s="10" t="s">
        <v>22</v>
      </c>
      <c r="Q1159" s="10" t="s">
        <v>22</v>
      </c>
      <c r="R1159" s="10" t="s">
        <v>22</v>
      </c>
      <c r="S1159" s="10" t="s">
        <v>22</v>
      </c>
      <c r="T1159" s="10" t="s">
        <v>22</v>
      </c>
      <c r="U1159" s="10" t="s">
        <v>22</v>
      </c>
      <c r="V1159" s="10" t="s">
        <v>22</v>
      </c>
      <c r="W1159" s="10" t="s">
        <v>22</v>
      </c>
      <c r="X1159" s="10" t="s">
        <v>22</v>
      </c>
      <c r="Y1159" s="10" t="s">
        <v>22</v>
      </c>
      <c r="Z1159" s="10" t="s">
        <v>22</v>
      </c>
    </row>
    <row r="1160" spans="1:26" ht="24" customHeight="1" x14ac:dyDescent="0.2">
      <c r="A1160" s="9" t="s">
        <v>18426</v>
      </c>
      <c r="B1160" s="9" t="s">
        <v>14</v>
      </c>
      <c r="C1160" s="9" t="s">
        <v>5504</v>
      </c>
      <c r="D1160" s="6" t="s">
        <v>5505</v>
      </c>
      <c r="E1160" s="22">
        <v>45424</v>
      </c>
      <c r="F1160" s="22">
        <v>47249</v>
      </c>
      <c r="G1160" s="6" t="s">
        <v>5506</v>
      </c>
      <c r="H1160" s="6" t="s">
        <v>62</v>
      </c>
      <c r="I1160" s="6" t="s">
        <v>4879</v>
      </c>
      <c r="J1160" s="6" t="s">
        <v>5507</v>
      </c>
      <c r="K1160" s="9" t="s">
        <v>5508</v>
      </c>
      <c r="L1160" s="10" t="s">
        <v>22</v>
      </c>
      <c r="M1160" s="10" t="s">
        <v>22</v>
      </c>
      <c r="N1160" s="10" t="s">
        <v>22</v>
      </c>
      <c r="O1160" s="10" t="s">
        <v>22</v>
      </c>
      <c r="P1160" s="10" t="s">
        <v>22</v>
      </c>
      <c r="Q1160" s="10" t="s">
        <v>22</v>
      </c>
      <c r="R1160" s="10" t="s">
        <v>22</v>
      </c>
      <c r="S1160" s="10" t="s">
        <v>22</v>
      </c>
      <c r="T1160" s="10" t="s">
        <v>22</v>
      </c>
    </row>
    <row r="1161" spans="1:26" ht="24" customHeight="1" x14ac:dyDescent="0.2">
      <c r="A1161" s="9" t="s">
        <v>18427</v>
      </c>
      <c r="B1161" s="9" t="s">
        <v>14</v>
      </c>
      <c r="C1161" s="9" t="s">
        <v>5504</v>
      </c>
      <c r="D1161" s="6" t="s">
        <v>5505</v>
      </c>
      <c r="E1161" s="22">
        <v>45424</v>
      </c>
      <c r="F1161" s="22">
        <v>47249</v>
      </c>
      <c r="G1161" s="6" t="s">
        <v>5509</v>
      </c>
      <c r="H1161" s="6" t="s">
        <v>62</v>
      </c>
      <c r="I1161" s="6" t="s">
        <v>379</v>
      </c>
      <c r="J1161" s="6" t="s">
        <v>5510</v>
      </c>
      <c r="K1161" s="9" t="s">
        <v>5511</v>
      </c>
      <c r="M1161" s="10" t="s">
        <v>22</v>
      </c>
      <c r="N1161" s="10" t="s">
        <v>22</v>
      </c>
      <c r="P1161" s="10" t="s">
        <v>22</v>
      </c>
      <c r="Q1161" s="10" t="s">
        <v>22</v>
      </c>
      <c r="V1161" s="10" t="s">
        <v>22</v>
      </c>
      <c r="W1161" s="10" t="s">
        <v>22</v>
      </c>
      <c r="Y1161" s="10" t="s">
        <v>22</v>
      </c>
      <c r="Z1161" s="10" t="s">
        <v>22</v>
      </c>
    </row>
    <row r="1162" spans="1:26" ht="24" customHeight="1" x14ac:dyDescent="0.2">
      <c r="A1162" s="9" t="s">
        <v>18428</v>
      </c>
      <c r="B1162" s="9" t="s">
        <v>14</v>
      </c>
      <c r="C1162" s="9" t="s">
        <v>5512</v>
      </c>
      <c r="D1162" s="6" t="s">
        <v>5513</v>
      </c>
      <c r="E1162" s="22">
        <v>45427</v>
      </c>
      <c r="F1162" s="22">
        <v>47252</v>
      </c>
      <c r="G1162" s="6" t="s">
        <v>5514</v>
      </c>
      <c r="H1162" s="6" t="s">
        <v>18</v>
      </c>
      <c r="I1162" s="6" t="s">
        <v>19</v>
      </c>
      <c r="J1162" s="6" t="s">
        <v>5515</v>
      </c>
      <c r="K1162" s="9" t="s">
        <v>5516</v>
      </c>
      <c r="L1162" s="10" t="s">
        <v>22</v>
      </c>
      <c r="M1162" s="10" t="s">
        <v>22</v>
      </c>
      <c r="N1162" s="10" t="s">
        <v>22</v>
      </c>
      <c r="O1162" s="10" t="s">
        <v>22</v>
      </c>
      <c r="P1162" s="10" t="s">
        <v>22</v>
      </c>
      <c r="Q1162" s="10" t="s">
        <v>22</v>
      </c>
      <c r="R1162" s="10" t="s">
        <v>22</v>
      </c>
      <c r="S1162" s="10" t="s">
        <v>22</v>
      </c>
      <c r="T1162" s="10" t="s">
        <v>22</v>
      </c>
      <c r="U1162" s="10" t="s">
        <v>22</v>
      </c>
      <c r="V1162" s="10" t="s">
        <v>22</v>
      </c>
      <c r="W1162" s="10" t="s">
        <v>22</v>
      </c>
      <c r="X1162" s="10" t="s">
        <v>22</v>
      </c>
      <c r="Y1162" s="10" t="s">
        <v>22</v>
      </c>
      <c r="Z1162" s="10" t="s">
        <v>22</v>
      </c>
    </row>
    <row r="1163" spans="1:26" ht="24" customHeight="1" x14ac:dyDescent="0.2">
      <c r="A1163" s="9" t="s">
        <v>18429</v>
      </c>
      <c r="B1163" s="9" t="s">
        <v>14</v>
      </c>
      <c r="C1163" s="9" t="s">
        <v>5517</v>
      </c>
      <c r="D1163" s="6" t="s">
        <v>5518</v>
      </c>
      <c r="E1163" s="22">
        <v>45427</v>
      </c>
      <c r="F1163" s="22">
        <v>47252</v>
      </c>
      <c r="G1163" s="6" t="s">
        <v>5519</v>
      </c>
      <c r="H1163" s="6" t="s">
        <v>2029</v>
      </c>
      <c r="I1163" s="6" t="s">
        <v>5520</v>
      </c>
      <c r="J1163" s="6" t="s">
        <v>5521</v>
      </c>
      <c r="K1163" s="9" t="s">
        <v>5522</v>
      </c>
      <c r="L1163" s="10" t="s">
        <v>22</v>
      </c>
      <c r="M1163" s="10" t="s">
        <v>22</v>
      </c>
      <c r="N1163" s="10" t="s">
        <v>22</v>
      </c>
      <c r="O1163" s="10" t="s">
        <v>22</v>
      </c>
      <c r="P1163" s="10" t="s">
        <v>22</v>
      </c>
      <c r="Q1163" s="10" t="s">
        <v>22</v>
      </c>
      <c r="R1163" s="10" t="s">
        <v>22</v>
      </c>
      <c r="S1163" s="10" t="s">
        <v>22</v>
      </c>
      <c r="T1163" s="10" t="s">
        <v>22</v>
      </c>
      <c r="U1163" s="10" t="s">
        <v>22</v>
      </c>
      <c r="V1163" s="10" t="s">
        <v>22</v>
      </c>
      <c r="W1163" s="10" t="s">
        <v>22</v>
      </c>
      <c r="X1163" s="10" t="s">
        <v>22</v>
      </c>
      <c r="Y1163" s="10" t="s">
        <v>22</v>
      </c>
      <c r="Z1163" s="10" t="s">
        <v>22</v>
      </c>
    </row>
    <row r="1164" spans="1:26" ht="24" customHeight="1" x14ac:dyDescent="0.2">
      <c r="A1164" s="9" t="s">
        <v>18430</v>
      </c>
      <c r="B1164" s="9" t="s">
        <v>14</v>
      </c>
      <c r="C1164" s="9" t="s">
        <v>5523</v>
      </c>
      <c r="D1164" s="6" t="s">
        <v>5524</v>
      </c>
      <c r="E1164" s="22">
        <v>45438</v>
      </c>
      <c r="F1164" s="22">
        <v>47263</v>
      </c>
      <c r="G1164" s="6" t="s">
        <v>5525</v>
      </c>
      <c r="H1164" s="6" t="s">
        <v>62</v>
      </c>
      <c r="I1164" s="6" t="s">
        <v>1955</v>
      </c>
      <c r="J1164" s="6" t="s">
        <v>5526</v>
      </c>
      <c r="K1164" s="9" t="s">
        <v>5527</v>
      </c>
      <c r="L1164" s="10" t="s">
        <v>22</v>
      </c>
      <c r="M1164" s="10" t="s">
        <v>22</v>
      </c>
      <c r="N1164" s="10" t="s">
        <v>22</v>
      </c>
      <c r="O1164" s="10" t="s">
        <v>22</v>
      </c>
      <c r="P1164" s="10" t="s">
        <v>22</v>
      </c>
      <c r="Q1164" s="10" t="s">
        <v>22</v>
      </c>
      <c r="R1164" s="10" t="s">
        <v>22</v>
      </c>
      <c r="S1164" s="10" t="s">
        <v>22</v>
      </c>
      <c r="T1164" s="10" t="s">
        <v>22</v>
      </c>
      <c r="U1164" s="10" t="s">
        <v>22</v>
      </c>
      <c r="V1164" s="10" t="s">
        <v>22</v>
      </c>
      <c r="W1164" s="10" t="s">
        <v>22</v>
      </c>
      <c r="X1164" s="10" t="s">
        <v>22</v>
      </c>
      <c r="Y1164" s="10" t="s">
        <v>22</v>
      </c>
      <c r="Z1164" s="10" t="s">
        <v>22</v>
      </c>
    </row>
    <row r="1165" spans="1:26" ht="24" customHeight="1" x14ac:dyDescent="0.2">
      <c r="A1165" s="9" t="s">
        <v>18431</v>
      </c>
      <c r="B1165" s="9" t="s">
        <v>14</v>
      </c>
      <c r="C1165" s="9" t="s">
        <v>5528</v>
      </c>
      <c r="D1165" s="6" t="s">
        <v>5529</v>
      </c>
      <c r="E1165" s="22">
        <v>45438</v>
      </c>
      <c r="F1165" s="22">
        <v>47263</v>
      </c>
      <c r="G1165" s="6" t="s">
        <v>5530</v>
      </c>
      <c r="H1165" s="6" t="s">
        <v>202</v>
      </c>
      <c r="I1165" s="6" t="s">
        <v>336</v>
      </c>
      <c r="J1165" s="6" t="s">
        <v>5531</v>
      </c>
      <c r="K1165" s="9" t="s">
        <v>5532</v>
      </c>
      <c r="L1165" s="10" t="s">
        <v>22</v>
      </c>
      <c r="M1165" s="10" t="s">
        <v>22</v>
      </c>
      <c r="N1165" s="10" t="s">
        <v>22</v>
      </c>
      <c r="O1165" s="10" t="s">
        <v>22</v>
      </c>
      <c r="P1165" s="10" t="s">
        <v>22</v>
      </c>
      <c r="Q1165" s="10" t="s">
        <v>22</v>
      </c>
      <c r="R1165" s="10" t="s">
        <v>22</v>
      </c>
      <c r="S1165" s="10" t="s">
        <v>22</v>
      </c>
      <c r="T1165" s="10" t="s">
        <v>22</v>
      </c>
    </row>
    <row r="1166" spans="1:26" ht="24" customHeight="1" x14ac:dyDescent="0.2">
      <c r="A1166" s="9" t="s">
        <v>18432</v>
      </c>
      <c r="B1166" s="9" t="s">
        <v>14</v>
      </c>
      <c r="C1166" s="9" t="s">
        <v>5533</v>
      </c>
      <c r="D1166" s="6" t="s">
        <v>5534</v>
      </c>
      <c r="E1166" s="22">
        <v>45445</v>
      </c>
      <c r="F1166" s="22">
        <v>47270</v>
      </c>
      <c r="G1166" s="6" t="s">
        <v>5535</v>
      </c>
      <c r="H1166" s="6" t="s">
        <v>62</v>
      </c>
      <c r="I1166" s="6" t="s">
        <v>1955</v>
      </c>
      <c r="J1166" s="6" t="s">
        <v>5536</v>
      </c>
      <c r="K1166" s="9" t="s">
        <v>5537</v>
      </c>
      <c r="L1166" s="10" t="s">
        <v>22</v>
      </c>
      <c r="M1166" s="10" t="s">
        <v>22</v>
      </c>
      <c r="N1166" s="10" t="s">
        <v>22</v>
      </c>
      <c r="O1166" s="10" t="s">
        <v>22</v>
      </c>
      <c r="P1166" s="10" t="s">
        <v>22</v>
      </c>
      <c r="Q1166" s="10" t="s">
        <v>22</v>
      </c>
      <c r="R1166" s="10" t="s">
        <v>22</v>
      </c>
      <c r="S1166" s="10" t="s">
        <v>22</v>
      </c>
      <c r="T1166" s="10" t="s">
        <v>22</v>
      </c>
    </row>
    <row r="1167" spans="1:26" ht="24" customHeight="1" x14ac:dyDescent="0.2">
      <c r="A1167" s="9" t="s">
        <v>18433</v>
      </c>
      <c r="B1167" s="9" t="s">
        <v>14</v>
      </c>
      <c r="C1167" s="9" t="s">
        <v>5541</v>
      </c>
      <c r="D1167" s="6" t="s">
        <v>5542</v>
      </c>
      <c r="E1167" s="22">
        <v>45475</v>
      </c>
      <c r="F1167" s="22">
        <v>47300</v>
      </c>
      <c r="G1167" s="6" t="s">
        <v>5543</v>
      </c>
      <c r="H1167" s="6" t="s">
        <v>18</v>
      </c>
      <c r="I1167" s="6" t="s">
        <v>19</v>
      </c>
      <c r="J1167" s="6" t="s">
        <v>5544</v>
      </c>
      <c r="K1167" s="9" t="s">
        <v>5545</v>
      </c>
      <c r="L1167" s="10" t="s">
        <v>22</v>
      </c>
      <c r="M1167" s="10" t="s">
        <v>22</v>
      </c>
      <c r="N1167" s="10" t="s">
        <v>22</v>
      </c>
      <c r="O1167" s="10" t="s">
        <v>22</v>
      </c>
      <c r="P1167" s="10" t="s">
        <v>22</v>
      </c>
      <c r="Q1167" s="10" t="s">
        <v>22</v>
      </c>
      <c r="R1167" s="10" t="s">
        <v>22</v>
      </c>
      <c r="S1167" s="10" t="s">
        <v>22</v>
      </c>
      <c r="T1167" s="10" t="s">
        <v>22</v>
      </c>
      <c r="U1167" s="10" t="s">
        <v>22</v>
      </c>
      <c r="V1167" s="10" t="s">
        <v>22</v>
      </c>
      <c r="W1167" s="10" t="s">
        <v>22</v>
      </c>
      <c r="X1167" s="10" t="s">
        <v>22</v>
      </c>
      <c r="Y1167" s="10" t="s">
        <v>22</v>
      </c>
      <c r="Z1167" s="10" t="s">
        <v>22</v>
      </c>
    </row>
    <row r="1168" spans="1:26" ht="24" customHeight="1" x14ac:dyDescent="0.2">
      <c r="A1168" s="9" t="s">
        <v>18434</v>
      </c>
      <c r="B1168" s="9" t="s">
        <v>14</v>
      </c>
      <c r="C1168" s="9" t="s">
        <v>5546</v>
      </c>
      <c r="D1168" s="6" t="s">
        <v>5547</v>
      </c>
      <c r="E1168" s="22">
        <v>45475</v>
      </c>
      <c r="F1168" s="22">
        <v>47300</v>
      </c>
      <c r="G1168" s="6" t="s">
        <v>5548</v>
      </c>
      <c r="H1168" s="6" t="s">
        <v>18</v>
      </c>
      <c r="I1168" s="6" t="s">
        <v>19</v>
      </c>
      <c r="J1168" s="6" t="s">
        <v>16213</v>
      </c>
      <c r="K1168" s="9" t="s">
        <v>5549</v>
      </c>
      <c r="L1168" s="10" t="s">
        <v>22</v>
      </c>
      <c r="M1168" s="10" t="s">
        <v>22</v>
      </c>
      <c r="N1168" s="10" t="s">
        <v>22</v>
      </c>
      <c r="O1168" s="10" t="s">
        <v>22</v>
      </c>
      <c r="P1168" s="10" t="s">
        <v>22</v>
      </c>
      <c r="Q1168" s="10" t="s">
        <v>22</v>
      </c>
      <c r="R1168" s="10" t="s">
        <v>22</v>
      </c>
      <c r="S1168" s="10" t="s">
        <v>22</v>
      </c>
      <c r="T1168" s="10" t="s">
        <v>22</v>
      </c>
      <c r="U1168" s="10" t="s">
        <v>22</v>
      </c>
      <c r="V1168" s="10" t="s">
        <v>22</v>
      </c>
      <c r="W1168" s="10" t="s">
        <v>22</v>
      </c>
      <c r="X1168" s="10" t="s">
        <v>22</v>
      </c>
      <c r="Y1168" s="10" t="s">
        <v>22</v>
      </c>
      <c r="Z1168" s="10" t="s">
        <v>22</v>
      </c>
    </row>
    <row r="1169" spans="1:26" ht="24" customHeight="1" x14ac:dyDescent="0.2">
      <c r="A1169" s="9" t="s">
        <v>18435</v>
      </c>
      <c r="B1169" s="9" t="s">
        <v>14</v>
      </c>
      <c r="C1169" s="9" t="s">
        <v>5550</v>
      </c>
      <c r="D1169" s="6" t="s">
        <v>5551</v>
      </c>
      <c r="E1169" s="22">
        <v>45487</v>
      </c>
      <c r="F1169" s="22">
        <v>47312</v>
      </c>
      <c r="G1169" s="6" t="s">
        <v>5552</v>
      </c>
      <c r="H1169" s="6" t="s">
        <v>18</v>
      </c>
      <c r="I1169" s="6" t="s">
        <v>26</v>
      </c>
      <c r="J1169" s="6" t="s">
        <v>5553</v>
      </c>
      <c r="K1169" s="9" t="s">
        <v>5554</v>
      </c>
      <c r="L1169" s="10" t="s">
        <v>22</v>
      </c>
      <c r="M1169" s="10" t="s">
        <v>22</v>
      </c>
      <c r="N1169" s="10" t="s">
        <v>22</v>
      </c>
      <c r="O1169" s="10" t="s">
        <v>22</v>
      </c>
      <c r="P1169" s="10" t="s">
        <v>22</v>
      </c>
      <c r="Q1169" s="10" t="s">
        <v>22</v>
      </c>
      <c r="U1169" s="10" t="s">
        <v>22</v>
      </c>
      <c r="V1169" s="10" t="s">
        <v>22</v>
      </c>
      <c r="W1169" s="10" t="s">
        <v>22</v>
      </c>
      <c r="Y1169" s="10" t="s">
        <v>22</v>
      </c>
      <c r="Z1169" s="10" t="s">
        <v>22</v>
      </c>
    </row>
    <row r="1170" spans="1:26" ht="24" customHeight="1" x14ac:dyDescent="0.2">
      <c r="A1170" s="9" t="s">
        <v>18436</v>
      </c>
      <c r="B1170" s="9" t="s">
        <v>14</v>
      </c>
      <c r="C1170" s="9" t="s">
        <v>5555</v>
      </c>
      <c r="D1170" s="6" t="s">
        <v>16214</v>
      </c>
      <c r="E1170" s="22">
        <v>45504</v>
      </c>
      <c r="F1170" s="22">
        <v>47329</v>
      </c>
      <c r="G1170" s="6" t="s">
        <v>16215</v>
      </c>
      <c r="H1170" s="6" t="s">
        <v>202</v>
      </c>
      <c r="I1170" s="6" t="s">
        <v>873</v>
      </c>
      <c r="J1170" s="6" t="s">
        <v>5556</v>
      </c>
      <c r="K1170" s="9" t="s">
        <v>5557</v>
      </c>
      <c r="L1170" s="10" t="s">
        <v>22</v>
      </c>
      <c r="M1170" s="10" t="s">
        <v>22</v>
      </c>
      <c r="N1170" s="10" t="s">
        <v>22</v>
      </c>
      <c r="O1170" s="10" t="s">
        <v>22</v>
      </c>
      <c r="P1170" s="10" t="s">
        <v>22</v>
      </c>
      <c r="Q1170" s="10" t="s">
        <v>22</v>
      </c>
      <c r="R1170" s="10" t="s">
        <v>22</v>
      </c>
      <c r="S1170" s="10" t="s">
        <v>22</v>
      </c>
      <c r="T1170" s="10" t="s">
        <v>22</v>
      </c>
      <c r="U1170" s="10" t="s">
        <v>22</v>
      </c>
      <c r="V1170" s="10" t="s">
        <v>22</v>
      </c>
      <c r="W1170" s="10" t="s">
        <v>22</v>
      </c>
      <c r="X1170" s="10" t="s">
        <v>22</v>
      </c>
      <c r="Y1170" s="10" t="s">
        <v>22</v>
      </c>
      <c r="Z1170" s="10" t="s">
        <v>22</v>
      </c>
    </row>
    <row r="1171" spans="1:26" ht="24" customHeight="1" x14ac:dyDescent="0.2">
      <c r="A1171" s="9" t="s">
        <v>18437</v>
      </c>
      <c r="B1171" s="9" t="s">
        <v>14</v>
      </c>
      <c r="C1171" s="9" t="s">
        <v>5558</v>
      </c>
      <c r="D1171" s="6" t="s">
        <v>5559</v>
      </c>
      <c r="E1171" s="22">
        <v>45504</v>
      </c>
      <c r="F1171" s="22">
        <v>47329</v>
      </c>
      <c r="G1171" s="6" t="s">
        <v>5560</v>
      </c>
      <c r="H1171" s="6" t="s">
        <v>2368</v>
      </c>
      <c r="I1171" s="6" t="s">
        <v>5561</v>
      </c>
      <c r="J1171" s="6" t="s">
        <v>16216</v>
      </c>
      <c r="K1171" s="9" t="s">
        <v>5562</v>
      </c>
      <c r="L1171" s="10" t="s">
        <v>22</v>
      </c>
      <c r="M1171" s="10" t="s">
        <v>22</v>
      </c>
      <c r="N1171" s="10" t="s">
        <v>22</v>
      </c>
      <c r="O1171" s="10" t="s">
        <v>22</v>
      </c>
      <c r="P1171" s="10" t="s">
        <v>22</v>
      </c>
      <c r="Q1171" s="10" t="s">
        <v>22</v>
      </c>
      <c r="R1171" s="10" t="s">
        <v>22</v>
      </c>
      <c r="S1171" s="10" t="s">
        <v>22</v>
      </c>
      <c r="T1171" s="10" t="s">
        <v>22</v>
      </c>
      <c r="U1171" s="10" t="s">
        <v>22</v>
      </c>
      <c r="V1171" s="10" t="s">
        <v>22</v>
      </c>
      <c r="W1171" s="10" t="s">
        <v>22</v>
      </c>
      <c r="X1171" s="10" t="s">
        <v>22</v>
      </c>
      <c r="Y1171" s="10" t="s">
        <v>22</v>
      </c>
      <c r="Z1171" s="10" t="s">
        <v>22</v>
      </c>
    </row>
    <row r="1172" spans="1:26" ht="24" customHeight="1" x14ac:dyDescent="0.2">
      <c r="A1172" s="9" t="s">
        <v>18438</v>
      </c>
      <c r="B1172" s="9" t="s">
        <v>14</v>
      </c>
      <c r="C1172" s="9" t="s">
        <v>5563</v>
      </c>
      <c r="D1172" s="6" t="s">
        <v>5564</v>
      </c>
      <c r="E1172" s="22">
        <v>45517</v>
      </c>
      <c r="F1172" s="22">
        <v>47342</v>
      </c>
      <c r="G1172" s="6" t="s">
        <v>5565</v>
      </c>
      <c r="H1172" s="6" t="s">
        <v>62</v>
      </c>
      <c r="I1172" s="6" t="s">
        <v>1444</v>
      </c>
      <c r="J1172" s="6" t="s">
        <v>5566</v>
      </c>
      <c r="K1172" s="9" t="s">
        <v>5567</v>
      </c>
      <c r="L1172" s="10" t="s">
        <v>22</v>
      </c>
      <c r="M1172" s="10" t="s">
        <v>22</v>
      </c>
      <c r="N1172" s="10" t="s">
        <v>22</v>
      </c>
      <c r="O1172" s="10" t="s">
        <v>22</v>
      </c>
      <c r="P1172" s="10" t="s">
        <v>22</v>
      </c>
      <c r="Q1172" s="10" t="s">
        <v>22</v>
      </c>
      <c r="U1172" s="10" t="s">
        <v>22</v>
      </c>
      <c r="V1172" s="10" t="s">
        <v>22</v>
      </c>
      <c r="W1172" s="10" t="s">
        <v>22</v>
      </c>
      <c r="X1172" s="10" t="s">
        <v>22</v>
      </c>
      <c r="Y1172" s="10" t="s">
        <v>22</v>
      </c>
      <c r="Z1172" s="10" t="s">
        <v>22</v>
      </c>
    </row>
    <row r="1173" spans="1:26" ht="24" customHeight="1" x14ac:dyDescent="0.2">
      <c r="A1173" s="9" t="s">
        <v>18439</v>
      </c>
      <c r="B1173" s="9" t="s">
        <v>14</v>
      </c>
      <c r="C1173" s="9" t="s">
        <v>5568</v>
      </c>
      <c r="D1173" s="6" t="s">
        <v>5569</v>
      </c>
      <c r="E1173" s="22">
        <v>45537</v>
      </c>
      <c r="F1173" s="22">
        <v>47362</v>
      </c>
      <c r="G1173" s="6" t="s">
        <v>5570</v>
      </c>
      <c r="H1173" s="6" t="s">
        <v>18</v>
      </c>
      <c r="I1173" s="6" t="s">
        <v>26</v>
      </c>
      <c r="J1173" s="6" t="s">
        <v>16217</v>
      </c>
      <c r="K1173" s="9" t="s">
        <v>16218</v>
      </c>
      <c r="L1173" s="10" t="s">
        <v>22</v>
      </c>
      <c r="M1173" s="10" t="s">
        <v>22</v>
      </c>
      <c r="N1173" s="10" t="s">
        <v>22</v>
      </c>
    </row>
    <row r="1174" spans="1:26" ht="24" customHeight="1" x14ac:dyDescent="0.2">
      <c r="A1174" s="9" t="s">
        <v>18440</v>
      </c>
      <c r="B1174" s="9" t="s">
        <v>14</v>
      </c>
      <c r="C1174" s="9" t="s">
        <v>5571</v>
      </c>
      <c r="D1174" s="6" t="s">
        <v>5572</v>
      </c>
      <c r="E1174" s="22">
        <v>45547</v>
      </c>
      <c r="F1174" s="22">
        <v>47372</v>
      </c>
      <c r="G1174" s="6" t="s">
        <v>5573</v>
      </c>
      <c r="H1174" s="6" t="s">
        <v>62</v>
      </c>
      <c r="I1174" s="6" t="s">
        <v>186</v>
      </c>
      <c r="J1174" s="6" t="s">
        <v>5574</v>
      </c>
      <c r="K1174" s="9" t="s">
        <v>5575</v>
      </c>
      <c r="L1174" s="10" t="s">
        <v>22</v>
      </c>
      <c r="M1174" s="10" t="s">
        <v>22</v>
      </c>
      <c r="N1174" s="10" t="s">
        <v>22</v>
      </c>
      <c r="O1174" s="10" t="s">
        <v>22</v>
      </c>
      <c r="P1174" s="10" t="s">
        <v>22</v>
      </c>
      <c r="Q1174" s="10" t="s">
        <v>22</v>
      </c>
      <c r="U1174" s="10" t="s">
        <v>22</v>
      </c>
      <c r="V1174" s="10" t="s">
        <v>22</v>
      </c>
      <c r="W1174" s="10" t="s">
        <v>22</v>
      </c>
      <c r="X1174" s="10" t="s">
        <v>22</v>
      </c>
      <c r="Y1174" s="10" t="s">
        <v>22</v>
      </c>
      <c r="Z1174" s="10" t="s">
        <v>22</v>
      </c>
    </row>
    <row r="1175" spans="1:26" ht="24" customHeight="1" x14ac:dyDescent="0.2">
      <c r="A1175" s="9" t="s">
        <v>18441</v>
      </c>
      <c r="B1175" s="9" t="s">
        <v>14</v>
      </c>
      <c r="C1175" s="9" t="s">
        <v>5576</v>
      </c>
      <c r="D1175" s="6" t="s">
        <v>5577</v>
      </c>
      <c r="E1175" s="22">
        <v>45547</v>
      </c>
      <c r="F1175" s="22">
        <v>47372</v>
      </c>
      <c r="G1175" s="6" t="s">
        <v>5578</v>
      </c>
      <c r="H1175" s="6" t="s">
        <v>62</v>
      </c>
      <c r="I1175" s="6" t="s">
        <v>842</v>
      </c>
      <c r="J1175" s="6" t="s">
        <v>5579</v>
      </c>
      <c r="K1175" s="9" t="s">
        <v>5580</v>
      </c>
      <c r="L1175" s="10" t="s">
        <v>22</v>
      </c>
      <c r="M1175" s="10" t="s">
        <v>22</v>
      </c>
      <c r="N1175" s="10" t="s">
        <v>22</v>
      </c>
      <c r="O1175" s="10" t="s">
        <v>22</v>
      </c>
      <c r="P1175" s="10" t="s">
        <v>22</v>
      </c>
      <c r="Q1175" s="10" t="s">
        <v>22</v>
      </c>
      <c r="R1175" s="10" t="s">
        <v>22</v>
      </c>
      <c r="S1175" s="10" t="s">
        <v>22</v>
      </c>
      <c r="T1175" s="10" t="s">
        <v>22</v>
      </c>
      <c r="U1175" s="10" t="s">
        <v>22</v>
      </c>
      <c r="V1175" s="10" t="s">
        <v>22</v>
      </c>
      <c r="W1175" s="10" t="s">
        <v>22</v>
      </c>
      <c r="X1175" s="10" t="s">
        <v>22</v>
      </c>
      <c r="Y1175" s="10" t="s">
        <v>22</v>
      </c>
      <c r="Z1175" s="10" t="s">
        <v>22</v>
      </c>
    </row>
    <row r="1176" spans="1:26" ht="24" customHeight="1" x14ac:dyDescent="0.2">
      <c r="A1176" s="9" t="s">
        <v>18442</v>
      </c>
      <c r="B1176" s="9" t="s">
        <v>14</v>
      </c>
      <c r="C1176" s="9" t="s">
        <v>5581</v>
      </c>
      <c r="D1176" s="3" t="s">
        <v>5582</v>
      </c>
      <c r="E1176" s="22">
        <v>45553</v>
      </c>
      <c r="F1176" s="22">
        <v>47378</v>
      </c>
      <c r="G1176" s="6" t="s">
        <v>16219</v>
      </c>
      <c r="H1176" s="6" t="s">
        <v>229</v>
      </c>
      <c r="I1176" s="6" t="s">
        <v>3094</v>
      </c>
      <c r="J1176" s="6" t="s">
        <v>5583</v>
      </c>
      <c r="K1176" s="9" t="s">
        <v>5584</v>
      </c>
      <c r="L1176" s="10" t="s">
        <v>22</v>
      </c>
      <c r="M1176" s="10" t="s">
        <v>22</v>
      </c>
      <c r="N1176" s="10" t="s">
        <v>22</v>
      </c>
      <c r="O1176" s="10" t="s">
        <v>22</v>
      </c>
      <c r="P1176" s="10" t="s">
        <v>22</v>
      </c>
      <c r="Q1176" s="10" t="s">
        <v>22</v>
      </c>
      <c r="R1176" s="10" t="s">
        <v>22</v>
      </c>
      <c r="S1176" s="10" t="s">
        <v>22</v>
      </c>
      <c r="T1176" s="10" t="s">
        <v>22</v>
      </c>
      <c r="U1176" s="10" t="s">
        <v>22</v>
      </c>
      <c r="V1176" s="10" t="s">
        <v>22</v>
      </c>
      <c r="W1176" s="10" t="s">
        <v>22</v>
      </c>
      <c r="X1176" s="10" t="s">
        <v>22</v>
      </c>
      <c r="Y1176" s="10" t="s">
        <v>22</v>
      </c>
      <c r="Z1176" s="10" t="s">
        <v>22</v>
      </c>
    </row>
    <row r="1177" spans="1:26" ht="24" customHeight="1" x14ac:dyDescent="0.2">
      <c r="A1177" s="9" t="s">
        <v>18443</v>
      </c>
      <c r="B1177" s="9" t="s">
        <v>14</v>
      </c>
      <c r="C1177" s="9" t="s">
        <v>5585</v>
      </c>
      <c r="D1177" s="6" t="s">
        <v>5586</v>
      </c>
      <c r="E1177" s="22">
        <v>45585</v>
      </c>
      <c r="F1177" s="22">
        <v>47410</v>
      </c>
      <c r="G1177" s="6" t="s">
        <v>5587</v>
      </c>
      <c r="H1177" s="6" t="s">
        <v>62</v>
      </c>
      <c r="I1177" s="6" t="s">
        <v>73</v>
      </c>
      <c r="J1177" s="6" t="s">
        <v>5588</v>
      </c>
      <c r="K1177" s="9" t="s">
        <v>5589</v>
      </c>
      <c r="L1177" s="10" t="s">
        <v>22</v>
      </c>
      <c r="M1177" s="10" t="s">
        <v>22</v>
      </c>
      <c r="N1177" s="10" t="s">
        <v>22</v>
      </c>
      <c r="O1177" s="10" t="s">
        <v>22</v>
      </c>
      <c r="P1177" s="10" t="s">
        <v>22</v>
      </c>
      <c r="Q1177" s="10" t="s">
        <v>22</v>
      </c>
      <c r="U1177" s="10" t="s">
        <v>22</v>
      </c>
      <c r="V1177" s="10" t="s">
        <v>22</v>
      </c>
      <c r="W1177" s="10" t="s">
        <v>22</v>
      </c>
      <c r="X1177" s="10" t="s">
        <v>22</v>
      </c>
      <c r="Y1177" s="10" t="s">
        <v>22</v>
      </c>
      <c r="Z1177" s="10" t="s">
        <v>22</v>
      </c>
    </row>
    <row r="1178" spans="1:26" ht="24" customHeight="1" x14ac:dyDescent="0.2">
      <c r="A1178" s="9" t="s">
        <v>18444</v>
      </c>
      <c r="B1178" s="9" t="s">
        <v>14</v>
      </c>
      <c r="C1178" s="9" t="s">
        <v>5590</v>
      </c>
      <c r="D1178" s="6" t="s">
        <v>5591</v>
      </c>
      <c r="E1178" s="22">
        <v>45587</v>
      </c>
      <c r="F1178" s="22">
        <v>47412</v>
      </c>
      <c r="G1178" s="6" t="s">
        <v>5592</v>
      </c>
      <c r="H1178" s="6" t="s">
        <v>18</v>
      </c>
      <c r="I1178" s="6" t="s">
        <v>19</v>
      </c>
      <c r="J1178" s="6" t="s">
        <v>5593</v>
      </c>
      <c r="L1178" s="10" t="s">
        <v>22</v>
      </c>
      <c r="M1178" s="10" t="s">
        <v>22</v>
      </c>
      <c r="N1178" s="10" t="s">
        <v>22</v>
      </c>
      <c r="O1178" s="10" t="s">
        <v>22</v>
      </c>
      <c r="P1178" s="10" t="s">
        <v>22</v>
      </c>
      <c r="Q1178" s="10" t="s">
        <v>22</v>
      </c>
      <c r="R1178" s="10" t="s">
        <v>22</v>
      </c>
      <c r="S1178" s="10" t="s">
        <v>22</v>
      </c>
      <c r="T1178" s="10" t="s">
        <v>22</v>
      </c>
      <c r="U1178" s="10" t="s">
        <v>22</v>
      </c>
      <c r="V1178" s="10" t="s">
        <v>22</v>
      </c>
      <c r="W1178" s="10" t="s">
        <v>22</v>
      </c>
      <c r="X1178" s="10" t="s">
        <v>22</v>
      </c>
      <c r="Y1178" s="10" t="s">
        <v>22</v>
      </c>
      <c r="Z1178" s="10" t="s">
        <v>22</v>
      </c>
    </row>
    <row r="1179" spans="1:26" ht="24" customHeight="1" x14ac:dyDescent="0.2">
      <c r="A1179" s="9" t="s">
        <v>18445</v>
      </c>
      <c r="B1179" s="9" t="s">
        <v>14</v>
      </c>
      <c r="C1179" s="9" t="s">
        <v>5598</v>
      </c>
      <c r="D1179" s="6" t="s">
        <v>5599</v>
      </c>
      <c r="E1179" s="22">
        <v>45606</v>
      </c>
      <c r="F1179" s="22">
        <v>47431</v>
      </c>
      <c r="G1179" s="6" t="s">
        <v>16220</v>
      </c>
      <c r="H1179" s="6" t="s">
        <v>62</v>
      </c>
      <c r="I1179" s="6" t="s">
        <v>63</v>
      </c>
      <c r="J1179" s="6" t="s">
        <v>16221</v>
      </c>
      <c r="K1179" s="9" t="s">
        <v>5600</v>
      </c>
      <c r="L1179" s="10" t="s">
        <v>22</v>
      </c>
      <c r="M1179" s="10" t="s">
        <v>22</v>
      </c>
      <c r="N1179" s="10" t="s">
        <v>22</v>
      </c>
      <c r="O1179" s="10" t="s">
        <v>22</v>
      </c>
      <c r="P1179" s="10" t="s">
        <v>22</v>
      </c>
      <c r="Q1179" s="10" t="s">
        <v>22</v>
      </c>
      <c r="R1179" s="10" t="s">
        <v>22</v>
      </c>
      <c r="S1179" s="10" t="s">
        <v>22</v>
      </c>
      <c r="T1179" s="10" t="s">
        <v>22</v>
      </c>
      <c r="U1179" s="10" t="s">
        <v>22</v>
      </c>
      <c r="V1179" s="10" t="s">
        <v>22</v>
      </c>
      <c r="W1179" s="10" t="s">
        <v>22</v>
      </c>
      <c r="X1179" s="10" t="s">
        <v>22</v>
      </c>
      <c r="Y1179" s="10" t="s">
        <v>22</v>
      </c>
      <c r="Z1179" s="10" t="s">
        <v>22</v>
      </c>
    </row>
    <row r="1180" spans="1:26" ht="24" customHeight="1" x14ac:dyDescent="0.2">
      <c r="A1180" s="9" t="s">
        <v>18446</v>
      </c>
      <c r="B1180" s="9" t="s">
        <v>14</v>
      </c>
      <c r="C1180" s="9" t="s">
        <v>5601</v>
      </c>
      <c r="D1180" s="6" t="s">
        <v>5602</v>
      </c>
      <c r="E1180" s="22">
        <v>45603</v>
      </c>
      <c r="F1180" s="22">
        <v>47428</v>
      </c>
      <c r="G1180" s="6" t="s">
        <v>5603</v>
      </c>
      <c r="H1180" s="6" t="s">
        <v>229</v>
      </c>
      <c r="I1180" s="6" t="s">
        <v>5604</v>
      </c>
      <c r="J1180" s="6" t="s">
        <v>16222</v>
      </c>
      <c r="K1180" s="9" t="s">
        <v>5605</v>
      </c>
      <c r="L1180" s="10" t="s">
        <v>22</v>
      </c>
      <c r="M1180" s="10" t="s">
        <v>22</v>
      </c>
      <c r="N1180" s="10" t="s">
        <v>22</v>
      </c>
      <c r="O1180" s="10" t="s">
        <v>22</v>
      </c>
      <c r="P1180" s="10" t="s">
        <v>22</v>
      </c>
      <c r="Q1180" s="10" t="s">
        <v>22</v>
      </c>
      <c r="R1180" s="10" t="s">
        <v>22</v>
      </c>
      <c r="S1180" s="10" t="s">
        <v>22</v>
      </c>
      <c r="T1180" s="10" t="s">
        <v>22</v>
      </c>
    </row>
    <row r="1181" spans="1:26" ht="24" customHeight="1" x14ac:dyDescent="0.2">
      <c r="A1181" s="9" t="s">
        <v>18447</v>
      </c>
      <c r="B1181" s="9" t="s">
        <v>14</v>
      </c>
      <c r="C1181" s="9" t="s">
        <v>5609</v>
      </c>
      <c r="D1181" s="6" t="s">
        <v>5610</v>
      </c>
      <c r="E1181" s="22">
        <v>45628</v>
      </c>
      <c r="F1181" s="22">
        <v>47453</v>
      </c>
      <c r="G1181" s="6" t="s">
        <v>5611</v>
      </c>
      <c r="H1181" s="6" t="s">
        <v>18</v>
      </c>
      <c r="I1181" s="6" t="s">
        <v>19</v>
      </c>
      <c r="J1181" s="6" t="s">
        <v>16223</v>
      </c>
      <c r="K1181" s="9" t="s">
        <v>5612</v>
      </c>
      <c r="L1181" s="10" t="s">
        <v>22</v>
      </c>
      <c r="M1181" s="10" t="s">
        <v>22</v>
      </c>
      <c r="N1181" s="10" t="s">
        <v>22</v>
      </c>
      <c r="O1181" s="10" t="s">
        <v>22</v>
      </c>
      <c r="P1181" s="10" t="s">
        <v>22</v>
      </c>
      <c r="Q1181" s="10" t="s">
        <v>22</v>
      </c>
      <c r="R1181" s="10" t="s">
        <v>22</v>
      </c>
      <c r="S1181" s="10" t="s">
        <v>22</v>
      </c>
      <c r="T1181" s="10" t="s">
        <v>22</v>
      </c>
      <c r="U1181" s="10" t="s">
        <v>22</v>
      </c>
      <c r="V1181" s="10" t="s">
        <v>22</v>
      </c>
      <c r="W1181" s="10" t="s">
        <v>22</v>
      </c>
      <c r="X1181" s="10" t="s">
        <v>22</v>
      </c>
      <c r="Y1181" s="10" t="s">
        <v>22</v>
      </c>
      <c r="Z1181" s="10" t="s">
        <v>22</v>
      </c>
    </row>
    <row r="1182" spans="1:26" ht="24" customHeight="1" x14ac:dyDescent="0.2">
      <c r="A1182" s="9" t="s">
        <v>18448</v>
      </c>
      <c r="B1182" s="9" t="s">
        <v>14</v>
      </c>
      <c r="C1182" s="9" t="s">
        <v>5614</v>
      </c>
      <c r="D1182" s="6" t="s">
        <v>5615</v>
      </c>
      <c r="E1182" s="22">
        <v>45644</v>
      </c>
      <c r="F1182" s="22">
        <v>47469</v>
      </c>
      <c r="G1182" s="6" t="s">
        <v>5616</v>
      </c>
      <c r="H1182" s="6" t="s">
        <v>62</v>
      </c>
      <c r="I1182" s="6" t="s">
        <v>435</v>
      </c>
      <c r="J1182" s="6" t="s">
        <v>5617</v>
      </c>
      <c r="K1182" s="9" t="s">
        <v>5618</v>
      </c>
      <c r="L1182" s="10" t="s">
        <v>22</v>
      </c>
      <c r="M1182" s="10" t="s">
        <v>22</v>
      </c>
      <c r="N1182" s="10" t="s">
        <v>22</v>
      </c>
      <c r="O1182" s="10" t="s">
        <v>22</v>
      </c>
      <c r="P1182" s="10" t="s">
        <v>22</v>
      </c>
      <c r="Q1182" s="10" t="s">
        <v>22</v>
      </c>
      <c r="R1182" s="10" t="s">
        <v>22</v>
      </c>
      <c r="S1182" s="10" t="s">
        <v>22</v>
      </c>
      <c r="T1182" s="10" t="s">
        <v>22</v>
      </c>
      <c r="U1182" s="10" t="s">
        <v>22</v>
      </c>
      <c r="V1182" s="10" t="s">
        <v>22</v>
      </c>
      <c r="W1182" s="10" t="s">
        <v>22</v>
      </c>
      <c r="X1182" s="10" t="s">
        <v>22</v>
      </c>
      <c r="Y1182" s="10" t="s">
        <v>22</v>
      </c>
      <c r="Z1182" s="10" t="s">
        <v>22</v>
      </c>
    </row>
    <row r="1183" spans="1:26" ht="24" customHeight="1" x14ac:dyDescent="0.2">
      <c r="A1183" s="9" t="s">
        <v>21250</v>
      </c>
      <c r="B1183" s="9" t="s">
        <v>14</v>
      </c>
      <c r="C1183" s="9" t="s">
        <v>5619</v>
      </c>
      <c r="D1183" s="6" t="s">
        <v>5620</v>
      </c>
      <c r="E1183" s="22">
        <v>45641</v>
      </c>
      <c r="F1183" s="22">
        <v>47466</v>
      </c>
      <c r="G1183" s="6" t="s">
        <v>5621</v>
      </c>
      <c r="H1183" s="6" t="s">
        <v>18</v>
      </c>
      <c r="I1183" s="6" t="s">
        <v>26</v>
      </c>
      <c r="J1183" s="6" t="s">
        <v>5622</v>
      </c>
      <c r="K1183" s="9" t="s">
        <v>5623</v>
      </c>
      <c r="P1183" s="10" t="s">
        <v>22</v>
      </c>
      <c r="Q1183" s="10" t="s">
        <v>22</v>
      </c>
      <c r="Y1183" s="10" t="s">
        <v>22</v>
      </c>
      <c r="Z1183" s="10" t="s">
        <v>22</v>
      </c>
    </row>
    <row r="1184" spans="1:26" ht="24" customHeight="1" x14ac:dyDescent="0.2">
      <c r="A1184" s="9" t="s">
        <v>21251</v>
      </c>
      <c r="B1184" s="9" t="s">
        <v>14</v>
      </c>
      <c r="C1184" s="9" t="s">
        <v>5624</v>
      </c>
      <c r="D1184" s="6" t="s">
        <v>5625</v>
      </c>
      <c r="E1184" s="22">
        <v>45643</v>
      </c>
      <c r="F1184" s="22">
        <v>47468</v>
      </c>
      <c r="G1184" s="6" t="s">
        <v>5626</v>
      </c>
      <c r="H1184" s="6" t="s">
        <v>62</v>
      </c>
      <c r="I1184" s="6" t="s">
        <v>591</v>
      </c>
      <c r="J1184" s="6" t="s">
        <v>20956</v>
      </c>
      <c r="K1184" s="9" t="s">
        <v>5627</v>
      </c>
      <c r="L1184" s="10" t="s">
        <v>22</v>
      </c>
      <c r="M1184" s="10" t="s">
        <v>22</v>
      </c>
      <c r="N1184" s="10" t="s">
        <v>22</v>
      </c>
      <c r="O1184" s="10" t="s">
        <v>22</v>
      </c>
      <c r="P1184" s="10" t="s">
        <v>22</v>
      </c>
      <c r="Q1184" s="10" t="s">
        <v>22</v>
      </c>
      <c r="U1184" s="10" t="s">
        <v>22</v>
      </c>
      <c r="V1184" s="10" t="s">
        <v>22</v>
      </c>
      <c r="W1184" s="10" t="s">
        <v>22</v>
      </c>
      <c r="X1184" s="10" t="s">
        <v>22</v>
      </c>
      <c r="Y1184" s="10" t="s">
        <v>22</v>
      </c>
      <c r="Z1184" s="10" t="s">
        <v>22</v>
      </c>
    </row>
    <row r="1185" spans="1:26" ht="24" customHeight="1" x14ac:dyDescent="0.2">
      <c r="A1185" s="9" t="s">
        <v>21252</v>
      </c>
      <c r="B1185" s="9" t="s">
        <v>14</v>
      </c>
      <c r="C1185" s="9" t="s">
        <v>5628</v>
      </c>
      <c r="D1185" s="6" t="s">
        <v>5629</v>
      </c>
      <c r="E1185" s="22">
        <v>45643</v>
      </c>
      <c r="F1185" s="22">
        <v>47468</v>
      </c>
      <c r="G1185" s="6" t="s">
        <v>20957</v>
      </c>
      <c r="H1185" s="6" t="s">
        <v>62</v>
      </c>
      <c r="I1185" s="6" t="s">
        <v>306</v>
      </c>
      <c r="J1185" s="6" t="s">
        <v>20958</v>
      </c>
      <c r="L1185" s="10" t="s">
        <v>22</v>
      </c>
      <c r="M1185" s="10" t="s">
        <v>22</v>
      </c>
      <c r="N1185" s="10" t="s">
        <v>22</v>
      </c>
      <c r="O1185" s="10" t="s">
        <v>22</v>
      </c>
      <c r="P1185" s="10" t="s">
        <v>22</v>
      </c>
      <c r="Q1185" s="10" t="s">
        <v>22</v>
      </c>
      <c r="R1185" s="10" t="s">
        <v>22</v>
      </c>
      <c r="S1185" s="10" t="s">
        <v>22</v>
      </c>
      <c r="T1185" s="10" t="s">
        <v>22</v>
      </c>
      <c r="U1185" s="10" t="s">
        <v>22</v>
      </c>
      <c r="V1185" s="10" t="s">
        <v>22</v>
      </c>
      <c r="W1185" s="10" t="s">
        <v>22</v>
      </c>
      <c r="X1185" s="10" t="s">
        <v>22</v>
      </c>
      <c r="Y1185" s="10" t="s">
        <v>22</v>
      </c>
      <c r="Z1185" s="10" t="s">
        <v>22</v>
      </c>
    </row>
    <row r="1186" spans="1:26" ht="24" customHeight="1" x14ac:dyDescent="0.2">
      <c r="A1186" s="9" t="s">
        <v>21253</v>
      </c>
      <c r="B1186" s="9" t="s">
        <v>14</v>
      </c>
      <c r="C1186" s="9" t="s">
        <v>5630</v>
      </c>
      <c r="D1186" s="6" t="s">
        <v>5631</v>
      </c>
      <c r="E1186" s="22">
        <v>45648</v>
      </c>
      <c r="F1186" s="22">
        <v>47473</v>
      </c>
      <c r="G1186" s="6" t="s">
        <v>5632</v>
      </c>
      <c r="H1186" s="6" t="s">
        <v>18</v>
      </c>
      <c r="I1186" s="6" t="s">
        <v>19</v>
      </c>
      <c r="J1186" s="6" t="s">
        <v>20959</v>
      </c>
      <c r="K1186" s="9" t="s">
        <v>5633</v>
      </c>
      <c r="O1186" s="10" t="s">
        <v>22</v>
      </c>
      <c r="P1186" s="10" t="s">
        <v>22</v>
      </c>
      <c r="Q1186" s="10" t="s">
        <v>22</v>
      </c>
      <c r="X1186" s="10" t="s">
        <v>22</v>
      </c>
      <c r="Y1186" s="10" t="s">
        <v>22</v>
      </c>
      <c r="Z1186" s="10" t="s">
        <v>22</v>
      </c>
    </row>
    <row r="1187" spans="1:26" ht="24" customHeight="1" x14ac:dyDescent="0.2">
      <c r="A1187" s="9" t="s">
        <v>21254</v>
      </c>
      <c r="B1187" s="9" t="s">
        <v>14</v>
      </c>
      <c r="C1187" s="9" t="s">
        <v>5634</v>
      </c>
      <c r="D1187" s="6" t="s">
        <v>5635</v>
      </c>
      <c r="E1187" s="22">
        <v>45666</v>
      </c>
      <c r="F1187" s="22">
        <v>47491</v>
      </c>
      <c r="G1187" s="6" t="s">
        <v>5636</v>
      </c>
      <c r="H1187" s="6" t="s">
        <v>62</v>
      </c>
      <c r="I1187" s="6" t="s">
        <v>73</v>
      </c>
      <c r="J1187" s="6" t="s">
        <v>5637</v>
      </c>
      <c r="K1187" s="9" t="s">
        <v>5638</v>
      </c>
      <c r="L1187" s="10" t="s">
        <v>22</v>
      </c>
      <c r="M1187" s="10" t="s">
        <v>22</v>
      </c>
      <c r="N1187" s="10" t="s">
        <v>22</v>
      </c>
      <c r="O1187" s="10" t="s">
        <v>22</v>
      </c>
      <c r="P1187" s="10" t="s">
        <v>22</v>
      </c>
      <c r="Q1187" s="10" t="s">
        <v>22</v>
      </c>
      <c r="R1187" s="10" t="s">
        <v>22</v>
      </c>
      <c r="S1187" s="10" t="s">
        <v>22</v>
      </c>
      <c r="T1187" s="10" t="s">
        <v>22</v>
      </c>
      <c r="U1187" s="10" t="s">
        <v>22</v>
      </c>
      <c r="V1187" s="10" t="s">
        <v>22</v>
      </c>
      <c r="W1187" s="10" t="s">
        <v>22</v>
      </c>
      <c r="X1187" s="10" t="s">
        <v>22</v>
      </c>
      <c r="Y1187" s="10" t="s">
        <v>22</v>
      </c>
      <c r="Z1187" s="10" t="s">
        <v>22</v>
      </c>
    </row>
    <row r="1188" spans="1:26" ht="24" customHeight="1" x14ac:dyDescent="0.2">
      <c r="A1188" s="9" t="s">
        <v>21255</v>
      </c>
      <c r="B1188" s="9" t="s">
        <v>14</v>
      </c>
      <c r="C1188" s="9" t="s">
        <v>5639</v>
      </c>
      <c r="D1188" s="6" t="s">
        <v>5640</v>
      </c>
      <c r="E1188" s="22">
        <v>45666</v>
      </c>
      <c r="F1188" s="22">
        <v>47491</v>
      </c>
      <c r="G1188" s="6" t="s">
        <v>5641</v>
      </c>
      <c r="H1188" s="6" t="s">
        <v>62</v>
      </c>
      <c r="I1188" s="6" t="s">
        <v>252</v>
      </c>
      <c r="J1188" s="6" t="s">
        <v>20960</v>
      </c>
      <c r="K1188" s="9" t="s">
        <v>5642</v>
      </c>
      <c r="L1188" s="10" t="s">
        <v>22</v>
      </c>
      <c r="M1188" s="10" t="s">
        <v>22</v>
      </c>
      <c r="N1188" s="10" t="s">
        <v>22</v>
      </c>
      <c r="O1188" s="10" t="s">
        <v>22</v>
      </c>
      <c r="P1188" s="10" t="s">
        <v>22</v>
      </c>
      <c r="Q1188" s="10" t="s">
        <v>22</v>
      </c>
      <c r="R1188" s="10" t="s">
        <v>22</v>
      </c>
      <c r="S1188" s="10" t="s">
        <v>22</v>
      </c>
      <c r="T1188" s="10" t="s">
        <v>22</v>
      </c>
      <c r="U1188" s="10" t="s">
        <v>22</v>
      </c>
      <c r="V1188" s="10" t="s">
        <v>22</v>
      </c>
      <c r="W1188" s="10" t="s">
        <v>22</v>
      </c>
      <c r="X1188" s="10" t="s">
        <v>22</v>
      </c>
      <c r="Y1188" s="10" t="s">
        <v>22</v>
      </c>
      <c r="Z1188" s="10" t="s">
        <v>22</v>
      </c>
    </row>
    <row r="1189" spans="1:26" ht="24" customHeight="1" x14ac:dyDescent="0.2">
      <c r="A1189" s="9" t="s">
        <v>21256</v>
      </c>
      <c r="B1189" s="9" t="s">
        <v>14</v>
      </c>
      <c r="C1189" s="9" t="s">
        <v>5643</v>
      </c>
      <c r="D1189" s="6" t="s">
        <v>5644</v>
      </c>
      <c r="E1189" s="22">
        <v>45666</v>
      </c>
      <c r="F1189" s="22">
        <v>47491</v>
      </c>
      <c r="G1189" s="6" t="s">
        <v>5645</v>
      </c>
      <c r="H1189" s="6" t="s">
        <v>363</v>
      </c>
      <c r="I1189" s="6" t="s">
        <v>3780</v>
      </c>
      <c r="J1189" s="6" t="s">
        <v>5646</v>
      </c>
      <c r="K1189" s="9" t="s">
        <v>5647</v>
      </c>
      <c r="L1189" s="10" t="s">
        <v>22</v>
      </c>
      <c r="M1189" s="10" t="s">
        <v>22</v>
      </c>
      <c r="N1189" s="10" t="s">
        <v>22</v>
      </c>
      <c r="O1189" s="10" t="s">
        <v>22</v>
      </c>
      <c r="P1189" s="10" t="s">
        <v>22</v>
      </c>
      <c r="Q1189" s="10" t="s">
        <v>22</v>
      </c>
      <c r="R1189" s="10" t="s">
        <v>22</v>
      </c>
      <c r="S1189" s="10" t="s">
        <v>22</v>
      </c>
      <c r="T1189" s="10" t="s">
        <v>22</v>
      </c>
      <c r="U1189" s="10" t="s">
        <v>22</v>
      </c>
      <c r="V1189" s="10" t="s">
        <v>22</v>
      </c>
      <c r="W1189" s="10" t="s">
        <v>22</v>
      </c>
      <c r="X1189" s="10" t="s">
        <v>22</v>
      </c>
      <c r="Y1189" s="10" t="s">
        <v>22</v>
      </c>
      <c r="Z1189" s="10" t="s">
        <v>22</v>
      </c>
    </row>
    <row r="1190" spans="1:26" ht="24" customHeight="1" x14ac:dyDescent="0.2">
      <c r="A1190" s="9" t="s">
        <v>21257</v>
      </c>
      <c r="B1190" s="9" t="s">
        <v>14</v>
      </c>
      <c r="C1190" s="9" t="s">
        <v>5648</v>
      </c>
      <c r="D1190" s="6" t="s">
        <v>5649</v>
      </c>
      <c r="E1190" s="22">
        <v>45666</v>
      </c>
      <c r="F1190" s="22">
        <v>47491</v>
      </c>
      <c r="G1190" s="6" t="s">
        <v>5650</v>
      </c>
      <c r="H1190" s="6" t="s">
        <v>202</v>
      </c>
      <c r="I1190" s="6" t="s">
        <v>863</v>
      </c>
      <c r="J1190" s="6" t="s">
        <v>5651</v>
      </c>
      <c r="K1190" s="9" t="s">
        <v>5652</v>
      </c>
      <c r="L1190" s="10" t="s">
        <v>22</v>
      </c>
      <c r="M1190" s="10" t="s">
        <v>22</v>
      </c>
      <c r="N1190" s="10" t="s">
        <v>22</v>
      </c>
      <c r="O1190" s="10" t="s">
        <v>22</v>
      </c>
      <c r="P1190" s="10" t="s">
        <v>22</v>
      </c>
      <c r="Q1190" s="10" t="s">
        <v>22</v>
      </c>
      <c r="R1190" s="10" t="s">
        <v>22</v>
      </c>
      <c r="S1190" s="10" t="s">
        <v>22</v>
      </c>
      <c r="T1190" s="10" t="s">
        <v>22</v>
      </c>
      <c r="U1190" s="10" t="s">
        <v>22</v>
      </c>
      <c r="V1190" s="10" t="s">
        <v>22</v>
      </c>
      <c r="W1190" s="10" t="s">
        <v>22</v>
      </c>
      <c r="X1190" s="10" t="s">
        <v>22</v>
      </c>
      <c r="Y1190" s="10" t="s">
        <v>22</v>
      </c>
      <c r="Z1190" s="10" t="s">
        <v>22</v>
      </c>
    </row>
    <row r="1191" spans="1:26" ht="24" customHeight="1" x14ac:dyDescent="0.2">
      <c r="A1191" s="9" t="s">
        <v>21258</v>
      </c>
      <c r="B1191" s="9" t="s">
        <v>14</v>
      </c>
      <c r="C1191" s="9" t="s">
        <v>5653</v>
      </c>
      <c r="D1191" s="6" t="s">
        <v>5654</v>
      </c>
      <c r="E1191" s="22">
        <v>45687</v>
      </c>
      <c r="F1191" s="22">
        <v>47512</v>
      </c>
      <c r="G1191" s="6" t="s">
        <v>5655</v>
      </c>
      <c r="H1191" s="6" t="s">
        <v>1625</v>
      </c>
      <c r="I1191" s="6" t="s">
        <v>5656</v>
      </c>
      <c r="J1191" s="6" t="s">
        <v>5657</v>
      </c>
      <c r="K1191" s="9" t="s">
        <v>5658</v>
      </c>
      <c r="L1191" s="10" t="s">
        <v>22</v>
      </c>
      <c r="M1191" s="10" t="s">
        <v>22</v>
      </c>
      <c r="N1191" s="10" t="s">
        <v>22</v>
      </c>
      <c r="O1191" s="10" t="s">
        <v>22</v>
      </c>
      <c r="P1191" s="10" t="s">
        <v>22</v>
      </c>
      <c r="Q1191" s="10" t="s">
        <v>22</v>
      </c>
      <c r="R1191" s="10" t="s">
        <v>22</v>
      </c>
      <c r="S1191" s="10" t="s">
        <v>22</v>
      </c>
      <c r="T1191" s="10" t="s">
        <v>22</v>
      </c>
      <c r="U1191" s="10" t="s">
        <v>22</v>
      </c>
      <c r="V1191" s="10" t="s">
        <v>22</v>
      </c>
      <c r="W1191" s="10" t="s">
        <v>22</v>
      </c>
      <c r="X1191" s="10" t="s">
        <v>22</v>
      </c>
      <c r="Y1191" s="10" t="s">
        <v>22</v>
      </c>
      <c r="Z1191" s="10" t="s">
        <v>22</v>
      </c>
    </row>
    <row r="1192" spans="1:26" ht="24" customHeight="1" x14ac:dyDescent="0.2">
      <c r="A1192" s="9" t="s">
        <v>18449</v>
      </c>
      <c r="B1192" s="9" t="s">
        <v>14</v>
      </c>
      <c r="C1192" s="9" t="s">
        <v>5659</v>
      </c>
      <c r="D1192" s="6" t="s">
        <v>5660</v>
      </c>
      <c r="E1192" s="22">
        <v>45690</v>
      </c>
      <c r="F1192" s="22">
        <v>47515</v>
      </c>
      <c r="G1192" s="6" t="s">
        <v>5661</v>
      </c>
      <c r="H1192" s="6" t="s">
        <v>62</v>
      </c>
      <c r="I1192" s="6" t="s">
        <v>2378</v>
      </c>
      <c r="J1192" s="6" t="s">
        <v>5662</v>
      </c>
      <c r="K1192" s="9" t="s">
        <v>5663</v>
      </c>
      <c r="L1192" s="10" t="s">
        <v>22</v>
      </c>
      <c r="M1192" s="10" t="s">
        <v>22</v>
      </c>
      <c r="N1192" s="10" t="s">
        <v>22</v>
      </c>
      <c r="O1192" s="10" t="s">
        <v>22</v>
      </c>
      <c r="P1192" s="10" t="s">
        <v>22</v>
      </c>
      <c r="Q1192" s="10" t="s">
        <v>22</v>
      </c>
      <c r="R1192" s="10" t="s">
        <v>22</v>
      </c>
      <c r="S1192" s="10" t="s">
        <v>22</v>
      </c>
      <c r="T1192" s="10" t="s">
        <v>22</v>
      </c>
      <c r="U1192" s="10" t="s">
        <v>22</v>
      </c>
      <c r="V1192" s="10" t="s">
        <v>22</v>
      </c>
      <c r="W1192" s="10" t="s">
        <v>22</v>
      </c>
      <c r="X1192" s="10" t="s">
        <v>22</v>
      </c>
      <c r="Y1192" s="10" t="s">
        <v>22</v>
      </c>
      <c r="Z1192" s="10" t="s">
        <v>22</v>
      </c>
    </row>
    <row r="1193" spans="1:26" ht="24" customHeight="1" x14ac:dyDescent="0.2">
      <c r="A1193" s="9" t="s">
        <v>18450</v>
      </c>
      <c r="B1193" s="9" t="s">
        <v>14</v>
      </c>
      <c r="C1193" s="9" t="s">
        <v>5664</v>
      </c>
      <c r="D1193" s="6" t="s">
        <v>5665</v>
      </c>
      <c r="E1193" s="22">
        <v>43871</v>
      </c>
      <c r="F1193" s="22">
        <v>45697</v>
      </c>
      <c r="G1193" s="6" t="s">
        <v>5666</v>
      </c>
      <c r="H1193" s="6" t="s">
        <v>18</v>
      </c>
      <c r="I1193" s="6" t="s">
        <v>19</v>
      </c>
      <c r="J1193" s="6" t="s">
        <v>5667</v>
      </c>
      <c r="K1193" s="9" t="s">
        <v>5668</v>
      </c>
      <c r="L1193" s="10" t="s">
        <v>22</v>
      </c>
      <c r="M1193" s="10" t="s">
        <v>22</v>
      </c>
      <c r="N1193" s="10" t="s">
        <v>22</v>
      </c>
      <c r="O1193" s="10" t="s">
        <v>22</v>
      </c>
      <c r="P1193" s="10" t="s">
        <v>22</v>
      </c>
      <c r="Q1193" s="10" t="s">
        <v>22</v>
      </c>
      <c r="R1193" s="10" t="s">
        <v>22</v>
      </c>
      <c r="S1193" s="10" t="s">
        <v>22</v>
      </c>
      <c r="T1193" s="10" t="s">
        <v>22</v>
      </c>
      <c r="U1193" s="10" t="s">
        <v>22</v>
      </c>
      <c r="V1193" s="10" t="s">
        <v>22</v>
      </c>
      <c r="W1193" s="10" t="s">
        <v>22</v>
      </c>
      <c r="X1193" s="10" t="s">
        <v>22</v>
      </c>
      <c r="Y1193" s="10" t="s">
        <v>22</v>
      </c>
      <c r="Z1193" s="10" t="s">
        <v>22</v>
      </c>
    </row>
    <row r="1194" spans="1:26" ht="24" customHeight="1" x14ac:dyDescent="0.2">
      <c r="A1194" s="9" t="s">
        <v>18451</v>
      </c>
      <c r="B1194" s="9" t="s">
        <v>14</v>
      </c>
      <c r="C1194" s="9" t="s">
        <v>5669</v>
      </c>
      <c r="D1194" s="6" t="s">
        <v>5670</v>
      </c>
      <c r="E1194" s="22">
        <v>43874</v>
      </c>
      <c r="F1194" s="22">
        <v>45700</v>
      </c>
      <c r="G1194" s="6" t="s">
        <v>5671</v>
      </c>
      <c r="H1194" s="6" t="s">
        <v>202</v>
      </c>
      <c r="I1194" s="6" t="s">
        <v>1857</v>
      </c>
      <c r="J1194" s="6" t="s">
        <v>5672</v>
      </c>
      <c r="K1194" s="9" t="s">
        <v>5673</v>
      </c>
      <c r="L1194" s="10" t="s">
        <v>22</v>
      </c>
      <c r="M1194" s="10" t="s">
        <v>22</v>
      </c>
      <c r="N1194" s="10" t="s">
        <v>22</v>
      </c>
      <c r="R1194" s="10" t="s">
        <v>22</v>
      </c>
      <c r="S1194" s="10" t="s">
        <v>22</v>
      </c>
      <c r="T1194" s="10" t="s">
        <v>22</v>
      </c>
      <c r="U1194" s="10" t="s">
        <v>22</v>
      </c>
      <c r="V1194" s="10" t="s">
        <v>22</v>
      </c>
      <c r="W1194" s="10" t="s">
        <v>22</v>
      </c>
    </row>
    <row r="1195" spans="1:26" ht="24" customHeight="1" x14ac:dyDescent="0.2">
      <c r="A1195" s="9" t="s">
        <v>18452</v>
      </c>
      <c r="B1195" s="9" t="s">
        <v>14</v>
      </c>
      <c r="C1195" s="9" t="s">
        <v>5674</v>
      </c>
      <c r="D1195" s="6" t="s">
        <v>5675</v>
      </c>
      <c r="E1195" s="22">
        <v>45701</v>
      </c>
      <c r="F1195" s="22">
        <v>47526</v>
      </c>
      <c r="G1195" s="6" t="s">
        <v>5676</v>
      </c>
      <c r="H1195" s="6" t="s">
        <v>18</v>
      </c>
      <c r="I1195" s="6" t="s">
        <v>26</v>
      </c>
      <c r="J1195" s="6" t="s">
        <v>5677</v>
      </c>
      <c r="K1195" s="9" t="s">
        <v>5678</v>
      </c>
      <c r="L1195" s="10" t="s">
        <v>22</v>
      </c>
      <c r="M1195" s="10" t="s">
        <v>22</v>
      </c>
      <c r="N1195" s="10" t="s">
        <v>22</v>
      </c>
      <c r="O1195" s="10" t="s">
        <v>22</v>
      </c>
      <c r="P1195" s="10" t="s">
        <v>22</v>
      </c>
      <c r="Q1195" s="10" t="s">
        <v>22</v>
      </c>
      <c r="R1195" s="10" t="s">
        <v>22</v>
      </c>
      <c r="S1195" s="10" t="s">
        <v>22</v>
      </c>
      <c r="T1195" s="10" t="s">
        <v>22</v>
      </c>
      <c r="U1195" s="10" t="s">
        <v>22</v>
      </c>
      <c r="V1195" s="10" t="s">
        <v>22</v>
      </c>
      <c r="W1195" s="10" t="s">
        <v>22</v>
      </c>
      <c r="X1195" s="10" t="s">
        <v>22</v>
      </c>
      <c r="Y1195" s="10" t="s">
        <v>22</v>
      </c>
      <c r="Z1195" s="10" t="s">
        <v>22</v>
      </c>
    </row>
    <row r="1196" spans="1:26" ht="24" customHeight="1" x14ac:dyDescent="0.2">
      <c r="A1196" s="9" t="s">
        <v>18453</v>
      </c>
      <c r="B1196" s="9" t="s">
        <v>14</v>
      </c>
      <c r="C1196" s="9" t="s">
        <v>5679</v>
      </c>
      <c r="D1196" s="6" t="s">
        <v>5680</v>
      </c>
      <c r="E1196" s="22">
        <v>43879</v>
      </c>
      <c r="F1196" s="22">
        <v>45705</v>
      </c>
      <c r="G1196" s="6" t="s">
        <v>5681</v>
      </c>
      <c r="H1196" s="6" t="s">
        <v>62</v>
      </c>
      <c r="I1196" s="6" t="s">
        <v>938</v>
      </c>
      <c r="J1196" s="6" t="s">
        <v>5682</v>
      </c>
      <c r="K1196" s="9" t="s">
        <v>5683</v>
      </c>
      <c r="L1196" s="10" t="s">
        <v>22</v>
      </c>
      <c r="M1196" s="10" t="s">
        <v>22</v>
      </c>
      <c r="N1196" s="10" t="s">
        <v>22</v>
      </c>
      <c r="O1196" s="10" t="s">
        <v>22</v>
      </c>
      <c r="P1196" s="10" t="s">
        <v>22</v>
      </c>
      <c r="Q1196" s="10" t="s">
        <v>22</v>
      </c>
      <c r="R1196" s="10" t="s">
        <v>22</v>
      </c>
      <c r="S1196" s="10" t="s">
        <v>22</v>
      </c>
      <c r="T1196" s="10" t="s">
        <v>22</v>
      </c>
      <c r="U1196" s="10" t="s">
        <v>22</v>
      </c>
      <c r="V1196" s="10" t="s">
        <v>22</v>
      </c>
      <c r="W1196" s="10" t="s">
        <v>22</v>
      </c>
      <c r="X1196" s="10" t="s">
        <v>22</v>
      </c>
      <c r="Y1196" s="10" t="s">
        <v>22</v>
      </c>
      <c r="Z1196" s="10" t="s">
        <v>22</v>
      </c>
    </row>
    <row r="1197" spans="1:26" ht="24" customHeight="1" x14ac:dyDescent="0.2">
      <c r="A1197" s="9" t="s">
        <v>18454</v>
      </c>
      <c r="B1197" s="9" t="s">
        <v>14</v>
      </c>
      <c r="C1197" s="9" t="s">
        <v>5684</v>
      </c>
      <c r="D1197" s="6" t="s">
        <v>5685</v>
      </c>
      <c r="E1197" s="22">
        <v>43879</v>
      </c>
      <c r="F1197" s="22">
        <v>45705</v>
      </c>
      <c r="G1197" s="6" t="s">
        <v>5686</v>
      </c>
      <c r="H1197" s="6" t="s">
        <v>363</v>
      </c>
      <c r="I1197" s="6" t="s">
        <v>1966</v>
      </c>
      <c r="J1197" s="6" t="s">
        <v>5687</v>
      </c>
      <c r="K1197" s="9" t="s">
        <v>5688</v>
      </c>
      <c r="L1197" s="10" t="s">
        <v>22</v>
      </c>
      <c r="M1197" s="10" t="s">
        <v>22</v>
      </c>
      <c r="N1197" s="10" t="s">
        <v>22</v>
      </c>
      <c r="O1197" s="10" t="s">
        <v>22</v>
      </c>
      <c r="P1197" s="10" t="s">
        <v>22</v>
      </c>
      <c r="Q1197" s="10" t="s">
        <v>22</v>
      </c>
      <c r="R1197" s="10" t="s">
        <v>22</v>
      </c>
      <c r="S1197" s="10" t="s">
        <v>22</v>
      </c>
      <c r="T1197" s="10" t="s">
        <v>22</v>
      </c>
      <c r="U1197" s="10" t="s">
        <v>22</v>
      </c>
      <c r="V1197" s="10" t="s">
        <v>22</v>
      </c>
      <c r="W1197" s="10" t="s">
        <v>22</v>
      </c>
      <c r="X1197" s="10" t="s">
        <v>22</v>
      </c>
      <c r="Y1197" s="10" t="s">
        <v>22</v>
      </c>
      <c r="Z1197" s="10" t="s">
        <v>22</v>
      </c>
    </row>
    <row r="1198" spans="1:26" ht="24" customHeight="1" x14ac:dyDescent="0.2">
      <c r="A1198" s="9" t="s">
        <v>18455</v>
      </c>
      <c r="B1198" s="9" t="s">
        <v>14</v>
      </c>
      <c r="C1198" s="9" t="s">
        <v>5689</v>
      </c>
      <c r="D1198" s="6" t="s">
        <v>5690</v>
      </c>
      <c r="E1198" s="22">
        <v>45706</v>
      </c>
      <c r="F1198" s="22">
        <v>47531</v>
      </c>
      <c r="G1198" s="6" t="s">
        <v>5691</v>
      </c>
      <c r="H1198" s="6" t="s">
        <v>18</v>
      </c>
      <c r="I1198" s="6" t="s">
        <v>19</v>
      </c>
      <c r="J1198" s="6" t="s">
        <v>20961</v>
      </c>
      <c r="K1198" s="9" t="s">
        <v>5692</v>
      </c>
      <c r="M1198" s="10" t="s">
        <v>22</v>
      </c>
      <c r="N1198" s="10" t="s">
        <v>22</v>
      </c>
      <c r="P1198" s="10" t="s">
        <v>22</v>
      </c>
      <c r="Q1198" s="10" t="s">
        <v>22</v>
      </c>
      <c r="S1198" s="10" t="s">
        <v>22</v>
      </c>
      <c r="T1198" s="10" t="s">
        <v>22</v>
      </c>
      <c r="U1198" s="10" t="s">
        <v>22</v>
      </c>
      <c r="V1198" s="10" t="s">
        <v>22</v>
      </c>
      <c r="W1198" s="10" t="s">
        <v>22</v>
      </c>
      <c r="X1198" s="10" t="s">
        <v>22</v>
      </c>
      <c r="Y1198" s="10" t="s">
        <v>22</v>
      </c>
      <c r="Z1198" s="10" t="s">
        <v>22</v>
      </c>
    </row>
    <row r="1199" spans="1:26" ht="24" customHeight="1" x14ac:dyDescent="0.2">
      <c r="A1199" s="9" t="s">
        <v>18456</v>
      </c>
      <c r="B1199" s="9" t="s">
        <v>14</v>
      </c>
      <c r="C1199" s="9" t="s">
        <v>5689</v>
      </c>
      <c r="D1199" s="6" t="s">
        <v>5690</v>
      </c>
      <c r="E1199" s="22">
        <v>45706</v>
      </c>
      <c r="F1199" s="22">
        <v>47531</v>
      </c>
      <c r="G1199" s="6" t="s">
        <v>5693</v>
      </c>
      <c r="H1199" s="6" t="s">
        <v>18</v>
      </c>
      <c r="I1199" s="6" t="s">
        <v>172</v>
      </c>
      <c r="J1199" s="6" t="s">
        <v>20962</v>
      </c>
      <c r="K1199" s="9" t="s">
        <v>5694</v>
      </c>
      <c r="M1199" s="10" t="s">
        <v>22</v>
      </c>
      <c r="N1199" s="10" t="s">
        <v>22</v>
      </c>
      <c r="P1199" s="10" t="s">
        <v>22</v>
      </c>
      <c r="Q1199" s="10" t="s">
        <v>22</v>
      </c>
      <c r="S1199" s="10" t="s">
        <v>22</v>
      </c>
      <c r="T1199" s="10" t="s">
        <v>22</v>
      </c>
      <c r="U1199" s="10" t="s">
        <v>22</v>
      </c>
      <c r="V1199" s="10" t="s">
        <v>22</v>
      </c>
      <c r="W1199" s="10" t="s">
        <v>22</v>
      </c>
      <c r="X1199" s="10" t="s">
        <v>22</v>
      </c>
      <c r="Y1199" s="10" t="s">
        <v>22</v>
      </c>
      <c r="Z1199" s="10" t="s">
        <v>22</v>
      </c>
    </row>
    <row r="1200" spans="1:26" ht="24" customHeight="1" x14ac:dyDescent="0.2">
      <c r="A1200" s="9" t="s">
        <v>18457</v>
      </c>
      <c r="B1200" s="9" t="s">
        <v>14</v>
      </c>
      <c r="C1200" s="9" t="s">
        <v>5689</v>
      </c>
      <c r="D1200" s="6" t="s">
        <v>5690</v>
      </c>
      <c r="E1200" s="22">
        <v>45706</v>
      </c>
      <c r="F1200" s="22">
        <v>47531</v>
      </c>
      <c r="G1200" s="6" t="s">
        <v>5695</v>
      </c>
      <c r="H1200" s="6" t="s">
        <v>62</v>
      </c>
      <c r="I1200" s="6" t="s">
        <v>819</v>
      </c>
      <c r="J1200" s="6" t="s">
        <v>20963</v>
      </c>
      <c r="K1200" s="9" t="s">
        <v>5696</v>
      </c>
      <c r="M1200" s="10" t="s">
        <v>22</v>
      </c>
      <c r="N1200" s="10" t="s">
        <v>22</v>
      </c>
      <c r="P1200" s="10" t="s">
        <v>22</v>
      </c>
      <c r="Q1200" s="10" t="s">
        <v>22</v>
      </c>
      <c r="S1200" s="10" t="s">
        <v>22</v>
      </c>
      <c r="T1200" s="10" t="s">
        <v>22</v>
      </c>
      <c r="U1200" s="10" t="s">
        <v>22</v>
      </c>
      <c r="V1200" s="10" t="s">
        <v>22</v>
      </c>
      <c r="W1200" s="10" t="s">
        <v>22</v>
      </c>
      <c r="X1200" s="10" t="s">
        <v>22</v>
      </c>
      <c r="Y1200" s="10" t="s">
        <v>22</v>
      </c>
      <c r="Z1200" s="10" t="s">
        <v>22</v>
      </c>
    </row>
    <row r="1201" spans="1:26" ht="24" customHeight="1" x14ac:dyDescent="0.2">
      <c r="A1201" s="9" t="s">
        <v>18458</v>
      </c>
      <c r="B1201" s="9" t="s">
        <v>14</v>
      </c>
      <c r="C1201" s="9" t="s">
        <v>5697</v>
      </c>
      <c r="D1201" s="6" t="s">
        <v>5698</v>
      </c>
      <c r="E1201" s="22">
        <v>45707</v>
      </c>
      <c r="F1201" s="22">
        <v>47532</v>
      </c>
      <c r="G1201" s="6" t="s">
        <v>5699</v>
      </c>
      <c r="H1201" s="6" t="s">
        <v>18</v>
      </c>
      <c r="I1201" s="6" t="s">
        <v>19</v>
      </c>
      <c r="J1201" s="6" t="s">
        <v>5700</v>
      </c>
      <c r="K1201" s="9" t="s">
        <v>5701</v>
      </c>
      <c r="L1201" s="10" t="s">
        <v>22</v>
      </c>
      <c r="M1201" s="10" t="s">
        <v>22</v>
      </c>
      <c r="N1201" s="10" t="s">
        <v>22</v>
      </c>
      <c r="O1201" s="10" t="s">
        <v>22</v>
      </c>
      <c r="P1201" s="10" t="s">
        <v>22</v>
      </c>
      <c r="Q1201" s="10" t="s">
        <v>22</v>
      </c>
      <c r="R1201" s="10" t="s">
        <v>22</v>
      </c>
      <c r="S1201" s="10" t="s">
        <v>22</v>
      </c>
      <c r="T1201" s="10" t="s">
        <v>22</v>
      </c>
      <c r="U1201" s="10" t="s">
        <v>22</v>
      </c>
      <c r="V1201" s="10" t="s">
        <v>22</v>
      </c>
      <c r="W1201" s="10" t="s">
        <v>22</v>
      </c>
      <c r="X1201" s="10" t="s">
        <v>22</v>
      </c>
      <c r="Y1201" s="10" t="s">
        <v>22</v>
      </c>
      <c r="Z1201" s="10" t="s">
        <v>22</v>
      </c>
    </row>
    <row r="1202" spans="1:26" ht="24" customHeight="1" x14ac:dyDescent="0.2">
      <c r="A1202" s="9" t="s">
        <v>18459</v>
      </c>
      <c r="B1202" s="9" t="s">
        <v>14</v>
      </c>
      <c r="C1202" s="9" t="s">
        <v>5702</v>
      </c>
      <c r="D1202" s="6" t="s">
        <v>5703</v>
      </c>
      <c r="E1202" s="22">
        <v>45707</v>
      </c>
      <c r="F1202" s="22">
        <v>47532</v>
      </c>
      <c r="G1202" s="6" t="s">
        <v>5704</v>
      </c>
      <c r="H1202" s="6" t="s">
        <v>62</v>
      </c>
      <c r="I1202" s="6" t="s">
        <v>312</v>
      </c>
      <c r="J1202" s="6" t="s">
        <v>5705</v>
      </c>
      <c r="K1202" s="9" t="s">
        <v>5706</v>
      </c>
      <c r="L1202" s="10" t="s">
        <v>22</v>
      </c>
      <c r="M1202" s="10" t="s">
        <v>22</v>
      </c>
      <c r="N1202" s="10" t="s">
        <v>22</v>
      </c>
      <c r="O1202" s="10" t="s">
        <v>22</v>
      </c>
      <c r="P1202" s="10" t="s">
        <v>22</v>
      </c>
      <c r="Q1202" s="10" t="s">
        <v>22</v>
      </c>
      <c r="R1202" s="10" t="s">
        <v>22</v>
      </c>
      <c r="S1202" s="10" t="s">
        <v>22</v>
      </c>
      <c r="T1202" s="10" t="s">
        <v>22</v>
      </c>
      <c r="U1202" s="10" t="s">
        <v>22</v>
      </c>
      <c r="V1202" s="10" t="s">
        <v>22</v>
      </c>
      <c r="W1202" s="10" t="s">
        <v>22</v>
      </c>
      <c r="X1202" s="10" t="s">
        <v>22</v>
      </c>
      <c r="Y1202" s="10" t="s">
        <v>22</v>
      </c>
      <c r="Z1202" s="10" t="s">
        <v>22</v>
      </c>
    </row>
    <row r="1203" spans="1:26" ht="24" customHeight="1" x14ac:dyDescent="0.2">
      <c r="A1203" s="9" t="s">
        <v>18460</v>
      </c>
      <c r="B1203" s="9" t="s">
        <v>14</v>
      </c>
      <c r="C1203" s="9" t="s">
        <v>5707</v>
      </c>
      <c r="D1203" s="6" t="s">
        <v>5708</v>
      </c>
      <c r="E1203" s="22">
        <v>43885</v>
      </c>
      <c r="F1203" s="22">
        <v>45711</v>
      </c>
      <c r="G1203" s="6" t="s">
        <v>5709</v>
      </c>
      <c r="H1203" s="6" t="s">
        <v>2368</v>
      </c>
      <c r="I1203" s="6" t="s">
        <v>2369</v>
      </c>
      <c r="J1203" s="6" t="s">
        <v>5710</v>
      </c>
      <c r="K1203" s="9" t="s">
        <v>5711</v>
      </c>
      <c r="M1203" s="10" t="s">
        <v>22</v>
      </c>
      <c r="Q1203" s="10" t="s">
        <v>22</v>
      </c>
      <c r="U1203" s="10" t="s">
        <v>22</v>
      </c>
      <c r="V1203" s="10" t="s">
        <v>22</v>
      </c>
      <c r="W1203" s="10" t="s">
        <v>22</v>
      </c>
      <c r="X1203" s="10" t="s">
        <v>22</v>
      </c>
      <c r="Y1203" s="10" t="s">
        <v>22</v>
      </c>
      <c r="Z1203" s="10" t="s">
        <v>22</v>
      </c>
    </row>
    <row r="1204" spans="1:26" ht="24" customHeight="1" x14ac:dyDescent="0.2">
      <c r="A1204" s="9" t="s">
        <v>18461</v>
      </c>
      <c r="B1204" s="9" t="s">
        <v>14</v>
      </c>
      <c r="C1204" s="9" t="s">
        <v>5712</v>
      </c>
      <c r="D1204" s="6" t="s">
        <v>5713</v>
      </c>
      <c r="E1204" s="22">
        <v>45712</v>
      </c>
      <c r="F1204" s="22">
        <v>47537</v>
      </c>
      <c r="G1204" s="6" t="s">
        <v>5714</v>
      </c>
      <c r="H1204" s="6" t="s">
        <v>202</v>
      </c>
      <c r="I1204" s="6" t="s">
        <v>3050</v>
      </c>
      <c r="J1204" s="6" t="s">
        <v>5715</v>
      </c>
      <c r="K1204" s="9" t="s">
        <v>5716</v>
      </c>
      <c r="L1204" s="10" t="s">
        <v>22</v>
      </c>
      <c r="M1204" s="10" t="s">
        <v>22</v>
      </c>
      <c r="N1204" s="10" t="s">
        <v>22</v>
      </c>
      <c r="O1204" s="10" t="s">
        <v>22</v>
      </c>
      <c r="P1204" s="10" t="s">
        <v>22</v>
      </c>
      <c r="Q1204" s="10" t="s">
        <v>22</v>
      </c>
      <c r="R1204" s="10" t="s">
        <v>22</v>
      </c>
      <c r="S1204" s="10" t="s">
        <v>22</v>
      </c>
      <c r="T1204" s="10" t="s">
        <v>22</v>
      </c>
    </row>
    <row r="1205" spans="1:26" ht="24" customHeight="1" x14ac:dyDescent="0.2">
      <c r="A1205" s="9" t="s">
        <v>18462</v>
      </c>
      <c r="B1205" s="9" t="s">
        <v>14</v>
      </c>
      <c r="C1205" s="9" t="s">
        <v>5717</v>
      </c>
      <c r="D1205" s="6" t="s">
        <v>5718</v>
      </c>
      <c r="E1205" s="22">
        <v>45715</v>
      </c>
      <c r="F1205" s="22">
        <v>47540</v>
      </c>
      <c r="G1205" s="6" t="s">
        <v>5719</v>
      </c>
      <c r="H1205" s="6" t="s">
        <v>5720</v>
      </c>
      <c r="I1205" s="6" t="s">
        <v>5721</v>
      </c>
      <c r="J1205" s="6" t="s">
        <v>5722</v>
      </c>
      <c r="K1205" s="9" t="s">
        <v>5723</v>
      </c>
      <c r="L1205" s="10" t="s">
        <v>22</v>
      </c>
      <c r="M1205" s="10" t="s">
        <v>22</v>
      </c>
      <c r="N1205" s="10" t="s">
        <v>22</v>
      </c>
      <c r="O1205" s="10" t="s">
        <v>22</v>
      </c>
      <c r="P1205" s="10" t="s">
        <v>22</v>
      </c>
      <c r="Q1205" s="10" t="s">
        <v>22</v>
      </c>
      <c r="R1205" s="10" t="s">
        <v>22</v>
      </c>
      <c r="S1205" s="10" t="s">
        <v>22</v>
      </c>
      <c r="T1205" s="10" t="s">
        <v>22</v>
      </c>
      <c r="U1205" s="10" t="s">
        <v>22</v>
      </c>
      <c r="V1205" s="10" t="s">
        <v>22</v>
      </c>
      <c r="W1205" s="10" t="s">
        <v>22</v>
      </c>
      <c r="X1205" s="10" t="s">
        <v>22</v>
      </c>
      <c r="Y1205" s="10" t="s">
        <v>22</v>
      </c>
      <c r="Z1205" s="10" t="s">
        <v>22</v>
      </c>
    </row>
    <row r="1206" spans="1:26" ht="24" customHeight="1" x14ac:dyDescent="0.2">
      <c r="A1206" s="9" t="s">
        <v>18463</v>
      </c>
      <c r="B1206" s="9" t="s">
        <v>14</v>
      </c>
      <c r="C1206" s="9" t="s">
        <v>5724</v>
      </c>
      <c r="D1206" s="6" t="s">
        <v>5725</v>
      </c>
      <c r="E1206" s="22">
        <v>45721</v>
      </c>
      <c r="F1206" s="22">
        <v>47546</v>
      </c>
      <c r="G1206" s="6" t="s">
        <v>5726</v>
      </c>
      <c r="H1206" s="6" t="s">
        <v>202</v>
      </c>
      <c r="I1206" s="6" t="s">
        <v>873</v>
      </c>
      <c r="J1206" s="6" t="s">
        <v>20964</v>
      </c>
      <c r="K1206" s="9" t="s">
        <v>5727</v>
      </c>
      <c r="L1206" s="10" t="s">
        <v>22</v>
      </c>
      <c r="M1206" s="10" t="s">
        <v>22</v>
      </c>
      <c r="N1206" s="10" t="s">
        <v>22</v>
      </c>
      <c r="O1206" s="10" t="s">
        <v>22</v>
      </c>
      <c r="P1206" s="10" t="s">
        <v>22</v>
      </c>
      <c r="Q1206" s="10" t="s">
        <v>22</v>
      </c>
      <c r="R1206" s="10" t="s">
        <v>22</v>
      </c>
      <c r="S1206" s="10" t="s">
        <v>22</v>
      </c>
      <c r="T1206" s="10" t="s">
        <v>22</v>
      </c>
      <c r="U1206" s="10" t="s">
        <v>22</v>
      </c>
      <c r="V1206" s="10" t="s">
        <v>22</v>
      </c>
      <c r="W1206" s="10" t="s">
        <v>22</v>
      </c>
      <c r="X1206" s="10" t="s">
        <v>22</v>
      </c>
      <c r="Y1206" s="10" t="s">
        <v>22</v>
      </c>
      <c r="Z1206" s="10" t="s">
        <v>22</v>
      </c>
    </row>
    <row r="1207" spans="1:26" ht="24" customHeight="1" x14ac:dyDescent="0.2">
      <c r="A1207" s="9" t="s">
        <v>18464</v>
      </c>
      <c r="B1207" s="9" t="s">
        <v>14</v>
      </c>
      <c r="C1207" s="9" t="s">
        <v>5728</v>
      </c>
      <c r="D1207" s="6" t="s">
        <v>5729</v>
      </c>
      <c r="E1207" s="22">
        <v>43896</v>
      </c>
      <c r="F1207" s="22">
        <v>45721</v>
      </c>
      <c r="G1207" s="6" t="s">
        <v>5730</v>
      </c>
      <c r="H1207" s="6" t="s">
        <v>62</v>
      </c>
      <c r="I1207" s="6" t="s">
        <v>186</v>
      </c>
      <c r="J1207" s="6" t="s">
        <v>5731</v>
      </c>
      <c r="K1207" s="9" t="s">
        <v>5732</v>
      </c>
      <c r="L1207" s="10" t="s">
        <v>22</v>
      </c>
      <c r="M1207" s="10" t="s">
        <v>22</v>
      </c>
      <c r="N1207" s="10" t="s">
        <v>22</v>
      </c>
      <c r="O1207" s="10" t="s">
        <v>22</v>
      </c>
      <c r="P1207" s="10" t="s">
        <v>22</v>
      </c>
      <c r="Q1207" s="10" t="s">
        <v>22</v>
      </c>
      <c r="R1207" s="10" t="s">
        <v>22</v>
      </c>
      <c r="S1207" s="10" t="s">
        <v>22</v>
      </c>
      <c r="T1207" s="10" t="s">
        <v>22</v>
      </c>
      <c r="U1207" s="10" t="s">
        <v>22</v>
      </c>
      <c r="V1207" s="10" t="s">
        <v>22</v>
      </c>
      <c r="W1207" s="10" t="s">
        <v>22</v>
      </c>
      <c r="X1207" s="10" t="s">
        <v>22</v>
      </c>
      <c r="Y1207" s="10" t="s">
        <v>22</v>
      </c>
      <c r="Z1207" s="10" t="s">
        <v>22</v>
      </c>
    </row>
    <row r="1208" spans="1:26" ht="24" customHeight="1" x14ac:dyDescent="0.2">
      <c r="A1208" s="9" t="s">
        <v>18465</v>
      </c>
      <c r="B1208" s="9" t="s">
        <v>14</v>
      </c>
      <c r="C1208" s="9" t="s">
        <v>5733</v>
      </c>
      <c r="D1208" s="6" t="s">
        <v>5734</v>
      </c>
      <c r="E1208" s="22">
        <v>45725</v>
      </c>
      <c r="F1208" s="22">
        <v>47550</v>
      </c>
      <c r="G1208" s="6" t="s">
        <v>5735</v>
      </c>
      <c r="H1208" s="6" t="s">
        <v>18</v>
      </c>
      <c r="I1208" s="6" t="s">
        <v>19</v>
      </c>
      <c r="J1208" s="6" t="s">
        <v>20965</v>
      </c>
      <c r="K1208" s="9" t="s">
        <v>5736</v>
      </c>
      <c r="L1208" s="10" t="s">
        <v>22</v>
      </c>
      <c r="M1208" s="10" t="s">
        <v>22</v>
      </c>
      <c r="N1208" s="10" t="s">
        <v>22</v>
      </c>
      <c r="O1208" s="10" t="s">
        <v>22</v>
      </c>
      <c r="P1208" s="10" t="s">
        <v>22</v>
      </c>
      <c r="Q1208" s="10" t="s">
        <v>22</v>
      </c>
      <c r="U1208" s="10" t="s">
        <v>22</v>
      </c>
      <c r="V1208" s="10" t="s">
        <v>22</v>
      </c>
      <c r="W1208" s="10" t="s">
        <v>22</v>
      </c>
      <c r="X1208" s="10" t="s">
        <v>22</v>
      </c>
      <c r="Y1208" s="10" t="s">
        <v>22</v>
      </c>
      <c r="Z1208" s="10" t="s">
        <v>22</v>
      </c>
    </row>
    <row r="1209" spans="1:26" ht="24" customHeight="1" x14ac:dyDescent="0.2">
      <c r="A1209" s="9" t="s">
        <v>18466</v>
      </c>
      <c r="B1209" s="9" t="s">
        <v>14</v>
      </c>
      <c r="C1209" s="9" t="s">
        <v>5737</v>
      </c>
      <c r="D1209" s="6" t="s">
        <v>5738</v>
      </c>
      <c r="E1209" s="22">
        <v>43896</v>
      </c>
      <c r="F1209" s="22">
        <v>45721</v>
      </c>
      <c r="G1209" s="6" t="s">
        <v>5739</v>
      </c>
      <c r="H1209" s="6" t="s">
        <v>62</v>
      </c>
      <c r="I1209" s="6" t="s">
        <v>306</v>
      </c>
      <c r="J1209" s="6" t="s">
        <v>5740</v>
      </c>
      <c r="K1209" s="9" t="s">
        <v>5741</v>
      </c>
      <c r="L1209" s="10" t="s">
        <v>22</v>
      </c>
      <c r="M1209" s="10" t="s">
        <v>22</v>
      </c>
      <c r="N1209" s="10" t="s">
        <v>22</v>
      </c>
      <c r="O1209" s="10" t="s">
        <v>22</v>
      </c>
      <c r="P1209" s="10" t="s">
        <v>22</v>
      </c>
      <c r="Q1209" s="10" t="s">
        <v>22</v>
      </c>
      <c r="R1209" s="10" t="s">
        <v>22</v>
      </c>
      <c r="S1209" s="10" t="s">
        <v>22</v>
      </c>
      <c r="T1209" s="10" t="s">
        <v>22</v>
      </c>
      <c r="U1209" s="10" t="s">
        <v>22</v>
      </c>
      <c r="V1209" s="10" t="s">
        <v>22</v>
      </c>
      <c r="W1209" s="10" t="s">
        <v>22</v>
      </c>
      <c r="X1209" s="10" t="s">
        <v>22</v>
      </c>
      <c r="Y1209" s="10" t="s">
        <v>22</v>
      </c>
      <c r="Z1209" s="10" t="s">
        <v>22</v>
      </c>
    </row>
    <row r="1210" spans="1:26" ht="24" customHeight="1" x14ac:dyDescent="0.2">
      <c r="A1210" s="9" t="s">
        <v>21259</v>
      </c>
      <c r="B1210" s="9" t="s">
        <v>14</v>
      </c>
      <c r="C1210" s="9" t="s">
        <v>5742</v>
      </c>
      <c r="D1210" s="6" t="s">
        <v>5743</v>
      </c>
      <c r="E1210" s="22">
        <v>45722</v>
      </c>
      <c r="F1210" s="22">
        <v>47547</v>
      </c>
      <c r="G1210" s="6" t="s">
        <v>20966</v>
      </c>
      <c r="H1210" s="6" t="s">
        <v>202</v>
      </c>
      <c r="I1210" s="6" t="s">
        <v>2117</v>
      </c>
      <c r="J1210" s="6" t="s">
        <v>5744</v>
      </c>
      <c r="K1210" s="9" t="s">
        <v>5745</v>
      </c>
      <c r="L1210" s="10" t="s">
        <v>22</v>
      </c>
      <c r="M1210" s="10" t="s">
        <v>22</v>
      </c>
      <c r="N1210" s="10" t="s">
        <v>22</v>
      </c>
      <c r="O1210" s="10" t="s">
        <v>22</v>
      </c>
      <c r="P1210" s="10" t="s">
        <v>22</v>
      </c>
      <c r="Q1210" s="10" t="s">
        <v>22</v>
      </c>
      <c r="R1210" s="10" t="s">
        <v>22</v>
      </c>
      <c r="S1210" s="10" t="s">
        <v>22</v>
      </c>
      <c r="T1210" s="10" t="s">
        <v>22</v>
      </c>
    </row>
    <row r="1211" spans="1:26" ht="24" customHeight="1" x14ac:dyDescent="0.2">
      <c r="A1211" s="9" t="s">
        <v>18467</v>
      </c>
      <c r="B1211" s="9" t="s">
        <v>14</v>
      </c>
      <c r="C1211" s="9" t="s">
        <v>5746</v>
      </c>
      <c r="D1211" s="6" t="s">
        <v>5747</v>
      </c>
      <c r="E1211" s="22">
        <v>43896</v>
      </c>
      <c r="F1211" s="22">
        <v>45721</v>
      </c>
      <c r="G1211" s="6" t="s">
        <v>5748</v>
      </c>
      <c r="H1211" s="6" t="s">
        <v>62</v>
      </c>
      <c r="I1211" s="6" t="s">
        <v>312</v>
      </c>
      <c r="J1211" s="6" t="s">
        <v>5749</v>
      </c>
      <c r="K1211" s="9" t="s">
        <v>5750</v>
      </c>
      <c r="L1211" s="10" t="s">
        <v>22</v>
      </c>
      <c r="M1211" s="10" t="s">
        <v>22</v>
      </c>
      <c r="N1211" s="10" t="s">
        <v>22</v>
      </c>
      <c r="O1211" s="10" t="s">
        <v>22</v>
      </c>
      <c r="P1211" s="10" t="s">
        <v>22</v>
      </c>
      <c r="Q1211" s="10" t="s">
        <v>22</v>
      </c>
      <c r="R1211" s="10" t="s">
        <v>22</v>
      </c>
      <c r="S1211" s="10" t="s">
        <v>22</v>
      </c>
      <c r="T1211" s="10" t="s">
        <v>22</v>
      </c>
      <c r="U1211" s="10" t="s">
        <v>22</v>
      </c>
      <c r="V1211" s="10" t="s">
        <v>22</v>
      </c>
      <c r="W1211" s="10" t="s">
        <v>22</v>
      </c>
      <c r="X1211" s="10" t="s">
        <v>22</v>
      </c>
      <c r="Y1211" s="10" t="s">
        <v>22</v>
      </c>
      <c r="Z1211" s="10" t="s">
        <v>22</v>
      </c>
    </row>
    <row r="1212" spans="1:26" ht="24" customHeight="1" x14ac:dyDescent="0.2">
      <c r="A1212" s="9" t="s">
        <v>18468</v>
      </c>
      <c r="B1212" s="9" t="s">
        <v>14</v>
      </c>
      <c r="C1212" s="9" t="s">
        <v>5751</v>
      </c>
      <c r="D1212" s="6" t="s">
        <v>5752</v>
      </c>
      <c r="E1212" s="22">
        <v>45722</v>
      </c>
      <c r="F1212" s="22">
        <v>47547</v>
      </c>
      <c r="G1212" s="6" t="s">
        <v>5753</v>
      </c>
      <c r="H1212" s="6" t="s">
        <v>363</v>
      </c>
      <c r="I1212" s="6" t="s">
        <v>5754</v>
      </c>
      <c r="J1212" s="6" t="s">
        <v>5755</v>
      </c>
      <c r="K1212" s="9" t="s">
        <v>5756</v>
      </c>
      <c r="L1212" s="10" t="s">
        <v>22</v>
      </c>
      <c r="M1212" s="10" t="s">
        <v>22</v>
      </c>
      <c r="N1212" s="10" t="s">
        <v>22</v>
      </c>
      <c r="O1212" s="10" t="s">
        <v>22</v>
      </c>
      <c r="P1212" s="10" t="s">
        <v>22</v>
      </c>
      <c r="Q1212" s="10" t="s">
        <v>22</v>
      </c>
      <c r="R1212" s="10" t="s">
        <v>22</v>
      </c>
      <c r="S1212" s="10" t="s">
        <v>22</v>
      </c>
      <c r="T1212" s="10" t="s">
        <v>22</v>
      </c>
      <c r="U1212" s="10" t="s">
        <v>22</v>
      </c>
      <c r="V1212" s="10" t="s">
        <v>22</v>
      </c>
      <c r="W1212" s="10" t="s">
        <v>22</v>
      </c>
      <c r="X1212" s="10" t="s">
        <v>22</v>
      </c>
      <c r="Y1212" s="10" t="s">
        <v>22</v>
      </c>
      <c r="Z1212" s="10" t="s">
        <v>22</v>
      </c>
    </row>
    <row r="1213" spans="1:26" ht="24" customHeight="1" x14ac:dyDescent="0.2">
      <c r="A1213" s="9" t="s">
        <v>18469</v>
      </c>
      <c r="B1213" s="9" t="s">
        <v>14</v>
      </c>
      <c r="C1213" s="9" t="s">
        <v>5751</v>
      </c>
      <c r="D1213" s="6" t="s">
        <v>5752</v>
      </c>
      <c r="E1213" s="22">
        <v>45722</v>
      </c>
      <c r="F1213" s="22">
        <v>47547</v>
      </c>
      <c r="G1213" s="6" t="s">
        <v>5757</v>
      </c>
      <c r="H1213" s="6" t="s">
        <v>62</v>
      </c>
      <c r="I1213" s="6" t="s">
        <v>236</v>
      </c>
      <c r="J1213" s="6" t="s">
        <v>5758</v>
      </c>
      <c r="K1213" s="9" t="s">
        <v>5759</v>
      </c>
      <c r="L1213" s="10" t="s">
        <v>22</v>
      </c>
      <c r="M1213" s="10" t="s">
        <v>22</v>
      </c>
      <c r="N1213" s="10" t="s">
        <v>22</v>
      </c>
      <c r="O1213" s="10" t="s">
        <v>22</v>
      </c>
      <c r="P1213" s="10" t="s">
        <v>22</v>
      </c>
      <c r="Q1213" s="10" t="s">
        <v>22</v>
      </c>
      <c r="R1213" s="10" t="s">
        <v>22</v>
      </c>
      <c r="S1213" s="10" t="s">
        <v>22</v>
      </c>
      <c r="T1213" s="10" t="s">
        <v>22</v>
      </c>
      <c r="U1213" s="10" t="s">
        <v>22</v>
      </c>
      <c r="V1213" s="10" t="s">
        <v>22</v>
      </c>
      <c r="W1213" s="10" t="s">
        <v>22</v>
      </c>
      <c r="X1213" s="10" t="s">
        <v>22</v>
      </c>
      <c r="Y1213" s="10" t="s">
        <v>22</v>
      </c>
      <c r="Z1213" s="10" t="s">
        <v>22</v>
      </c>
    </row>
    <row r="1214" spans="1:26" ht="24" customHeight="1" x14ac:dyDescent="0.2">
      <c r="A1214" s="9" t="s">
        <v>18470</v>
      </c>
      <c r="B1214" s="9" t="s">
        <v>14</v>
      </c>
      <c r="C1214" s="9" t="s">
        <v>5760</v>
      </c>
      <c r="D1214" s="6" t="s">
        <v>5761</v>
      </c>
      <c r="E1214" s="22">
        <v>43896</v>
      </c>
      <c r="F1214" s="22">
        <v>45721</v>
      </c>
      <c r="G1214" s="6" t="s">
        <v>5762</v>
      </c>
      <c r="H1214" s="6" t="s">
        <v>363</v>
      </c>
      <c r="I1214" s="6" t="s">
        <v>5763</v>
      </c>
      <c r="J1214" s="6" t="s">
        <v>5764</v>
      </c>
      <c r="K1214" s="9" t="s">
        <v>5765</v>
      </c>
      <c r="L1214" s="10" t="s">
        <v>22</v>
      </c>
      <c r="M1214" s="10" t="s">
        <v>22</v>
      </c>
      <c r="N1214" s="10" t="s">
        <v>22</v>
      </c>
      <c r="O1214" s="10" t="s">
        <v>22</v>
      </c>
      <c r="P1214" s="10" t="s">
        <v>22</v>
      </c>
      <c r="Q1214" s="10" t="s">
        <v>22</v>
      </c>
      <c r="R1214" s="10" t="s">
        <v>22</v>
      </c>
      <c r="S1214" s="10" t="s">
        <v>22</v>
      </c>
      <c r="T1214" s="10" t="s">
        <v>22</v>
      </c>
      <c r="U1214" s="10" t="s">
        <v>22</v>
      </c>
      <c r="V1214" s="10" t="s">
        <v>22</v>
      </c>
      <c r="W1214" s="10" t="s">
        <v>22</v>
      </c>
      <c r="X1214" s="10" t="s">
        <v>22</v>
      </c>
      <c r="Y1214" s="10" t="s">
        <v>22</v>
      </c>
      <c r="Z1214" s="10" t="s">
        <v>22</v>
      </c>
    </row>
    <row r="1215" spans="1:26" ht="24" customHeight="1" x14ac:dyDescent="0.2">
      <c r="A1215" s="9" t="s">
        <v>18471</v>
      </c>
      <c r="B1215" s="9" t="s">
        <v>14</v>
      </c>
      <c r="C1215" s="9" t="s">
        <v>5766</v>
      </c>
      <c r="D1215" s="6" t="s">
        <v>5767</v>
      </c>
      <c r="E1215" s="22">
        <v>43901</v>
      </c>
      <c r="F1215" s="22">
        <v>45726</v>
      </c>
      <c r="G1215" s="6" t="s">
        <v>5768</v>
      </c>
      <c r="H1215" s="6" t="s">
        <v>62</v>
      </c>
      <c r="I1215" s="6" t="s">
        <v>73</v>
      </c>
      <c r="J1215" s="6" t="s">
        <v>5769</v>
      </c>
      <c r="K1215" s="9" t="s">
        <v>5770</v>
      </c>
      <c r="M1215" s="10" t="s">
        <v>22</v>
      </c>
      <c r="N1215" s="10" t="s">
        <v>22</v>
      </c>
      <c r="V1215" s="10" t="s">
        <v>22</v>
      </c>
      <c r="W1215" s="10" t="s">
        <v>22</v>
      </c>
    </row>
    <row r="1216" spans="1:26" ht="24" customHeight="1" x14ac:dyDescent="0.2">
      <c r="A1216" s="9" t="s">
        <v>18472</v>
      </c>
      <c r="B1216" s="9" t="s">
        <v>14</v>
      </c>
      <c r="C1216" s="9" t="s">
        <v>5771</v>
      </c>
      <c r="D1216" s="6" t="s">
        <v>5772</v>
      </c>
      <c r="E1216" s="22">
        <v>43901</v>
      </c>
      <c r="F1216" s="22">
        <v>45726</v>
      </c>
      <c r="G1216" s="6" t="s">
        <v>5773</v>
      </c>
      <c r="H1216" s="6" t="s">
        <v>2368</v>
      </c>
      <c r="I1216" s="6" t="s">
        <v>2369</v>
      </c>
      <c r="J1216" s="6" t="s">
        <v>5774</v>
      </c>
      <c r="K1216" s="9" t="s">
        <v>5775</v>
      </c>
      <c r="L1216" s="10" t="s">
        <v>22</v>
      </c>
      <c r="M1216" s="10" t="s">
        <v>22</v>
      </c>
      <c r="N1216" s="10" t="s">
        <v>22</v>
      </c>
      <c r="O1216" s="10" t="s">
        <v>22</v>
      </c>
      <c r="P1216" s="10" t="s">
        <v>22</v>
      </c>
      <c r="Q1216" s="10" t="s">
        <v>22</v>
      </c>
      <c r="U1216" s="10" t="s">
        <v>22</v>
      </c>
      <c r="V1216" s="10" t="s">
        <v>22</v>
      </c>
      <c r="W1216" s="10" t="s">
        <v>22</v>
      </c>
      <c r="X1216" s="10" t="s">
        <v>22</v>
      </c>
      <c r="Y1216" s="10" t="s">
        <v>22</v>
      </c>
      <c r="Z1216" s="10" t="s">
        <v>22</v>
      </c>
    </row>
    <row r="1217" spans="1:26" ht="24" customHeight="1" x14ac:dyDescent="0.2">
      <c r="A1217" s="9" t="s">
        <v>18473</v>
      </c>
      <c r="B1217" s="9" t="s">
        <v>14</v>
      </c>
      <c r="C1217" s="9" t="s">
        <v>5776</v>
      </c>
      <c r="D1217" s="6" t="s">
        <v>5777</v>
      </c>
      <c r="E1217" s="22">
        <v>43901</v>
      </c>
      <c r="F1217" s="22">
        <v>45726</v>
      </c>
      <c r="G1217" s="6" t="s">
        <v>5778</v>
      </c>
      <c r="H1217" s="6" t="s">
        <v>62</v>
      </c>
      <c r="I1217" s="6" t="s">
        <v>1444</v>
      </c>
      <c r="J1217" s="6" t="s">
        <v>5779</v>
      </c>
      <c r="K1217" s="9" t="s">
        <v>5780</v>
      </c>
      <c r="L1217" s="10" t="s">
        <v>22</v>
      </c>
      <c r="M1217" s="10" t="s">
        <v>22</v>
      </c>
      <c r="N1217" s="10" t="s">
        <v>22</v>
      </c>
      <c r="O1217" s="10" t="s">
        <v>22</v>
      </c>
      <c r="P1217" s="10" t="s">
        <v>22</v>
      </c>
      <c r="Q1217" s="10" t="s">
        <v>22</v>
      </c>
      <c r="R1217" s="10" t="s">
        <v>22</v>
      </c>
      <c r="S1217" s="10" t="s">
        <v>22</v>
      </c>
      <c r="T1217" s="10" t="s">
        <v>22</v>
      </c>
      <c r="U1217" s="10" t="s">
        <v>22</v>
      </c>
      <c r="V1217" s="10" t="s">
        <v>22</v>
      </c>
      <c r="W1217" s="10" t="s">
        <v>22</v>
      </c>
      <c r="X1217" s="10" t="s">
        <v>22</v>
      </c>
      <c r="Y1217" s="10" t="s">
        <v>22</v>
      </c>
      <c r="Z1217" s="10" t="s">
        <v>22</v>
      </c>
    </row>
    <row r="1218" spans="1:26" ht="34" customHeight="1" x14ac:dyDescent="0.2">
      <c r="A1218" s="9" t="s">
        <v>18474</v>
      </c>
      <c r="B1218" s="9" t="s">
        <v>14</v>
      </c>
      <c r="C1218" s="9" t="s">
        <v>5781</v>
      </c>
      <c r="D1218" s="6" t="s">
        <v>5782</v>
      </c>
      <c r="E1218" s="22">
        <v>43907</v>
      </c>
      <c r="F1218" s="22">
        <v>45732</v>
      </c>
      <c r="G1218" s="6" t="s">
        <v>5783</v>
      </c>
      <c r="H1218" s="6" t="s">
        <v>18</v>
      </c>
      <c r="I1218" s="6" t="s">
        <v>26</v>
      </c>
      <c r="J1218" s="6" t="s">
        <v>5784</v>
      </c>
      <c r="K1218" s="9" t="s">
        <v>5785</v>
      </c>
      <c r="L1218" s="10" t="s">
        <v>22</v>
      </c>
      <c r="M1218" s="10" t="s">
        <v>22</v>
      </c>
      <c r="N1218" s="10" t="s">
        <v>22</v>
      </c>
      <c r="O1218" s="10" t="s">
        <v>22</v>
      </c>
      <c r="P1218" s="10" t="s">
        <v>22</v>
      </c>
      <c r="Q1218" s="10" t="s">
        <v>22</v>
      </c>
      <c r="R1218" s="10" t="s">
        <v>22</v>
      </c>
      <c r="S1218" s="10" t="s">
        <v>22</v>
      </c>
      <c r="T1218" s="10" t="s">
        <v>22</v>
      </c>
      <c r="U1218" s="10" t="s">
        <v>22</v>
      </c>
      <c r="V1218" s="10" t="s">
        <v>22</v>
      </c>
      <c r="W1218" s="10" t="s">
        <v>22</v>
      </c>
      <c r="X1218" s="10" t="s">
        <v>22</v>
      </c>
      <c r="Y1218" s="10" t="s">
        <v>22</v>
      </c>
      <c r="Z1218" s="10" t="s">
        <v>22</v>
      </c>
    </row>
    <row r="1219" spans="1:26" ht="24" customHeight="1" x14ac:dyDescent="0.2">
      <c r="A1219" s="9" t="s">
        <v>18475</v>
      </c>
      <c r="B1219" s="9" t="s">
        <v>14</v>
      </c>
      <c r="C1219" s="9" t="s">
        <v>5786</v>
      </c>
      <c r="D1219" s="6" t="s">
        <v>5787</v>
      </c>
      <c r="E1219" s="22">
        <v>43907</v>
      </c>
      <c r="F1219" s="22">
        <v>45732</v>
      </c>
      <c r="G1219" s="6" t="s">
        <v>5788</v>
      </c>
      <c r="H1219" s="6" t="s">
        <v>62</v>
      </c>
      <c r="I1219" s="6" t="s">
        <v>842</v>
      </c>
      <c r="J1219" s="6" t="s">
        <v>5789</v>
      </c>
      <c r="K1219" s="9" t="s">
        <v>5790</v>
      </c>
      <c r="L1219" s="10" t="s">
        <v>22</v>
      </c>
      <c r="M1219" s="10" t="s">
        <v>22</v>
      </c>
      <c r="N1219" s="10" t="s">
        <v>22</v>
      </c>
      <c r="O1219" s="10" t="s">
        <v>22</v>
      </c>
      <c r="P1219" s="10" t="s">
        <v>22</v>
      </c>
      <c r="Q1219" s="10" t="s">
        <v>22</v>
      </c>
      <c r="R1219" s="10" t="s">
        <v>22</v>
      </c>
      <c r="S1219" s="10" t="s">
        <v>22</v>
      </c>
      <c r="T1219" s="10" t="s">
        <v>22</v>
      </c>
      <c r="U1219" s="10" t="s">
        <v>22</v>
      </c>
      <c r="V1219" s="10" t="s">
        <v>22</v>
      </c>
      <c r="W1219" s="10" t="s">
        <v>22</v>
      </c>
      <c r="X1219" s="10" t="s">
        <v>22</v>
      </c>
      <c r="Y1219" s="10" t="s">
        <v>22</v>
      </c>
      <c r="Z1219" s="10" t="s">
        <v>22</v>
      </c>
    </row>
    <row r="1220" spans="1:26" ht="24" customHeight="1" x14ac:dyDescent="0.2">
      <c r="A1220" s="9" t="s">
        <v>18476</v>
      </c>
      <c r="B1220" s="9" t="s">
        <v>14</v>
      </c>
      <c r="C1220" s="9" t="s">
        <v>5791</v>
      </c>
      <c r="D1220" s="6" t="s">
        <v>5792</v>
      </c>
      <c r="E1220" s="22">
        <v>43907</v>
      </c>
      <c r="F1220" s="22">
        <v>45732</v>
      </c>
      <c r="G1220" s="6" t="s">
        <v>5793</v>
      </c>
      <c r="H1220" s="6" t="s">
        <v>62</v>
      </c>
      <c r="I1220" s="6" t="s">
        <v>1955</v>
      </c>
      <c r="J1220" s="6" t="s">
        <v>5794</v>
      </c>
      <c r="K1220" s="9" t="s">
        <v>5795</v>
      </c>
      <c r="L1220" s="10" t="s">
        <v>22</v>
      </c>
      <c r="M1220" s="10" t="s">
        <v>22</v>
      </c>
      <c r="N1220" s="10" t="s">
        <v>22</v>
      </c>
      <c r="O1220" s="10" t="s">
        <v>22</v>
      </c>
      <c r="P1220" s="10" t="s">
        <v>22</v>
      </c>
      <c r="Q1220" s="10" t="s">
        <v>22</v>
      </c>
      <c r="U1220" s="10" t="s">
        <v>22</v>
      </c>
      <c r="V1220" s="10" t="s">
        <v>22</v>
      </c>
      <c r="W1220" s="10" t="s">
        <v>22</v>
      </c>
      <c r="X1220" s="10" t="s">
        <v>22</v>
      </c>
      <c r="Y1220" s="10" t="s">
        <v>22</v>
      </c>
      <c r="Z1220" s="10" t="s">
        <v>22</v>
      </c>
    </row>
    <row r="1221" spans="1:26" ht="24" customHeight="1" x14ac:dyDescent="0.2">
      <c r="A1221" s="9" t="s">
        <v>18477</v>
      </c>
      <c r="B1221" s="9" t="s">
        <v>14</v>
      </c>
      <c r="C1221" s="9" t="s">
        <v>5796</v>
      </c>
      <c r="D1221" s="6" t="s">
        <v>5797</v>
      </c>
      <c r="E1221" s="22">
        <v>43908</v>
      </c>
      <c r="F1221" s="22">
        <v>45733</v>
      </c>
      <c r="G1221" s="6" t="s">
        <v>5798</v>
      </c>
      <c r="H1221" s="6" t="s">
        <v>1047</v>
      </c>
      <c r="I1221" s="6" t="s">
        <v>1048</v>
      </c>
      <c r="J1221" s="6" t="s">
        <v>5799</v>
      </c>
      <c r="K1221" s="9" t="s">
        <v>5800</v>
      </c>
      <c r="L1221" s="10" t="s">
        <v>22</v>
      </c>
      <c r="M1221" s="10" t="s">
        <v>22</v>
      </c>
      <c r="N1221" s="10" t="s">
        <v>22</v>
      </c>
      <c r="O1221" s="10" t="s">
        <v>22</v>
      </c>
      <c r="P1221" s="10" t="s">
        <v>22</v>
      </c>
      <c r="Q1221" s="10" t="s">
        <v>22</v>
      </c>
      <c r="R1221" s="10" t="s">
        <v>22</v>
      </c>
      <c r="S1221" s="10" t="s">
        <v>22</v>
      </c>
      <c r="T1221" s="10" t="s">
        <v>22</v>
      </c>
      <c r="U1221" s="10" t="s">
        <v>22</v>
      </c>
      <c r="V1221" s="10" t="s">
        <v>22</v>
      </c>
      <c r="W1221" s="10" t="s">
        <v>22</v>
      </c>
      <c r="X1221" s="10" t="s">
        <v>22</v>
      </c>
      <c r="Y1221" s="10" t="s">
        <v>22</v>
      </c>
      <c r="Z1221" s="10" t="s">
        <v>22</v>
      </c>
    </row>
    <row r="1222" spans="1:26" ht="24" customHeight="1" x14ac:dyDescent="0.2">
      <c r="A1222" s="9" t="s">
        <v>18478</v>
      </c>
      <c r="B1222" s="9" t="s">
        <v>14</v>
      </c>
      <c r="C1222" s="9" t="s">
        <v>5801</v>
      </c>
      <c r="D1222" s="6" t="s">
        <v>5802</v>
      </c>
      <c r="E1222" s="22">
        <v>43908</v>
      </c>
      <c r="F1222" s="22">
        <v>45733</v>
      </c>
      <c r="G1222" s="6" t="s">
        <v>5803</v>
      </c>
      <c r="H1222" s="6" t="s">
        <v>202</v>
      </c>
      <c r="I1222" s="6" t="s">
        <v>336</v>
      </c>
      <c r="J1222" s="6" t="s">
        <v>5804</v>
      </c>
      <c r="K1222" s="9" t="s">
        <v>5805</v>
      </c>
      <c r="L1222" s="10" t="s">
        <v>22</v>
      </c>
      <c r="M1222" s="10" t="s">
        <v>22</v>
      </c>
      <c r="N1222" s="10" t="s">
        <v>22</v>
      </c>
      <c r="O1222" s="10" t="s">
        <v>22</v>
      </c>
      <c r="P1222" s="10" t="s">
        <v>22</v>
      </c>
      <c r="Q1222" s="10" t="s">
        <v>22</v>
      </c>
      <c r="R1222" s="10" t="s">
        <v>22</v>
      </c>
      <c r="S1222" s="10" t="s">
        <v>22</v>
      </c>
      <c r="T1222" s="10" t="s">
        <v>22</v>
      </c>
      <c r="U1222" s="10" t="s">
        <v>22</v>
      </c>
      <c r="V1222" s="10" t="s">
        <v>22</v>
      </c>
      <c r="W1222" s="10" t="s">
        <v>22</v>
      </c>
      <c r="X1222" s="10" t="s">
        <v>22</v>
      </c>
      <c r="Y1222" s="10" t="s">
        <v>22</v>
      </c>
      <c r="Z1222" s="10" t="s">
        <v>22</v>
      </c>
    </row>
    <row r="1223" spans="1:26" ht="24" customHeight="1" x14ac:dyDescent="0.2">
      <c r="A1223" s="9" t="s">
        <v>18479</v>
      </c>
      <c r="B1223" s="9" t="s">
        <v>14</v>
      </c>
      <c r="C1223" s="9" t="s">
        <v>5806</v>
      </c>
      <c r="D1223" s="6" t="s">
        <v>5807</v>
      </c>
      <c r="E1223" s="22">
        <v>43908</v>
      </c>
      <c r="F1223" s="22">
        <v>45733</v>
      </c>
      <c r="G1223" s="6" t="s">
        <v>5808</v>
      </c>
      <c r="H1223" s="6" t="s">
        <v>62</v>
      </c>
      <c r="I1223" s="6" t="s">
        <v>1444</v>
      </c>
      <c r="J1223" s="6" t="s">
        <v>5809</v>
      </c>
      <c r="K1223" s="9" t="s">
        <v>5810</v>
      </c>
      <c r="L1223" s="10" t="s">
        <v>22</v>
      </c>
      <c r="M1223" s="10" t="s">
        <v>22</v>
      </c>
      <c r="N1223" s="10" t="s">
        <v>22</v>
      </c>
      <c r="O1223" s="10" t="s">
        <v>22</v>
      </c>
      <c r="P1223" s="10" t="s">
        <v>22</v>
      </c>
      <c r="Q1223" s="10" t="s">
        <v>22</v>
      </c>
      <c r="U1223" s="10" t="s">
        <v>22</v>
      </c>
      <c r="V1223" s="10" t="s">
        <v>22</v>
      </c>
      <c r="W1223" s="10" t="s">
        <v>22</v>
      </c>
      <c r="X1223" s="10" t="s">
        <v>22</v>
      </c>
      <c r="Y1223" s="10" t="s">
        <v>22</v>
      </c>
      <c r="Z1223" s="10" t="s">
        <v>22</v>
      </c>
    </row>
    <row r="1224" spans="1:26" ht="24" customHeight="1" x14ac:dyDescent="0.2">
      <c r="A1224" s="9" t="s">
        <v>18480</v>
      </c>
      <c r="B1224" s="9" t="s">
        <v>14</v>
      </c>
      <c r="C1224" s="9" t="s">
        <v>5811</v>
      </c>
      <c r="D1224" s="6" t="s">
        <v>5812</v>
      </c>
      <c r="E1224" s="22">
        <v>43909</v>
      </c>
      <c r="F1224" s="22">
        <v>45734</v>
      </c>
      <c r="G1224" s="6" t="s">
        <v>5813</v>
      </c>
      <c r="H1224" s="6" t="s">
        <v>202</v>
      </c>
      <c r="I1224" s="6" t="s">
        <v>863</v>
      </c>
      <c r="J1224" s="6" t="s">
        <v>5814</v>
      </c>
      <c r="K1224" s="9" t="s">
        <v>5815</v>
      </c>
      <c r="L1224" s="10" t="s">
        <v>22</v>
      </c>
      <c r="M1224" s="10" t="s">
        <v>22</v>
      </c>
      <c r="N1224" s="10" t="s">
        <v>22</v>
      </c>
      <c r="O1224" s="10" t="s">
        <v>22</v>
      </c>
      <c r="P1224" s="10" t="s">
        <v>22</v>
      </c>
      <c r="Q1224" s="10" t="s">
        <v>22</v>
      </c>
      <c r="R1224" s="10" t="s">
        <v>22</v>
      </c>
      <c r="S1224" s="10" t="s">
        <v>22</v>
      </c>
      <c r="T1224" s="10" t="s">
        <v>22</v>
      </c>
      <c r="U1224" s="10" t="s">
        <v>22</v>
      </c>
      <c r="V1224" s="10" t="s">
        <v>22</v>
      </c>
      <c r="W1224" s="10" t="s">
        <v>22</v>
      </c>
      <c r="X1224" s="10" t="s">
        <v>22</v>
      </c>
      <c r="Y1224" s="10" t="s">
        <v>22</v>
      </c>
      <c r="Z1224" s="10" t="s">
        <v>22</v>
      </c>
    </row>
    <row r="1225" spans="1:26" ht="24" customHeight="1" x14ac:dyDescent="0.2">
      <c r="A1225" s="9" t="s">
        <v>18481</v>
      </c>
      <c r="B1225" s="9" t="s">
        <v>14</v>
      </c>
      <c r="C1225" s="9" t="s">
        <v>5816</v>
      </c>
      <c r="D1225" s="6" t="s">
        <v>5817</v>
      </c>
      <c r="E1225" s="22">
        <v>43914</v>
      </c>
      <c r="F1225" s="22">
        <v>45739</v>
      </c>
      <c r="G1225" s="6" t="s">
        <v>5818</v>
      </c>
      <c r="H1225" s="6" t="s">
        <v>5819</v>
      </c>
      <c r="I1225" s="6" t="s">
        <v>5820</v>
      </c>
      <c r="J1225" s="6" t="s">
        <v>5821</v>
      </c>
      <c r="K1225" s="9" t="s">
        <v>5822</v>
      </c>
      <c r="L1225" s="10" t="s">
        <v>5823</v>
      </c>
      <c r="M1225" s="10" t="s">
        <v>22</v>
      </c>
      <c r="N1225" s="10" t="s">
        <v>22</v>
      </c>
      <c r="O1225" s="10" t="s">
        <v>5823</v>
      </c>
      <c r="P1225" s="10" t="s">
        <v>5823</v>
      </c>
      <c r="Q1225" s="10" t="s">
        <v>5823</v>
      </c>
      <c r="R1225" s="10" t="s">
        <v>5823</v>
      </c>
      <c r="S1225" s="10" t="s">
        <v>5823</v>
      </c>
      <c r="T1225" s="10" t="s">
        <v>5823</v>
      </c>
      <c r="U1225" s="10" t="s">
        <v>22</v>
      </c>
      <c r="V1225" s="10" t="s">
        <v>22</v>
      </c>
      <c r="W1225" s="10" t="s">
        <v>22</v>
      </c>
      <c r="X1225" s="10" t="s">
        <v>22</v>
      </c>
      <c r="Y1225" s="10" t="s">
        <v>22</v>
      </c>
      <c r="Z1225" s="10" t="s">
        <v>22</v>
      </c>
    </row>
    <row r="1226" spans="1:26" ht="24" customHeight="1" x14ac:dyDescent="0.2">
      <c r="A1226" s="9" t="s">
        <v>18482</v>
      </c>
      <c r="B1226" s="9" t="s">
        <v>14</v>
      </c>
      <c r="C1226" s="9" t="s">
        <v>5824</v>
      </c>
      <c r="D1226" s="6" t="s">
        <v>5825</v>
      </c>
      <c r="E1226" s="22">
        <v>43914</v>
      </c>
      <c r="F1226" s="22">
        <v>45739</v>
      </c>
      <c r="G1226" s="6" t="s">
        <v>5826</v>
      </c>
      <c r="H1226" s="6" t="s">
        <v>62</v>
      </c>
      <c r="I1226" s="6" t="s">
        <v>379</v>
      </c>
      <c r="J1226" s="6" t="s">
        <v>5827</v>
      </c>
      <c r="K1226" s="9" t="s">
        <v>5828</v>
      </c>
      <c r="L1226" s="10" t="s">
        <v>22</v>
      </c>
      <c r="M1226" s="10" t="s">
        <v>22</v>
      </c>
      <c r="N1226" s="10" t="s">
        <v>22</v>
      </c>
      <c r="O1226" s="10" t="s">
        <v>22</v>
      </c>
      <c r="P1226" s="10" t="s">
        <v>22</v>
      </c>
      <c r="Q1226" s="10" t="s">
        <v>22</v>
      </c>
      <c r="R1226" s="10" t="s">
        <v>22</v>
      </c>
      <c r="S1226" s="10" t="s">
        <v>22</v>
      </c>
      <c r="T1226" s="10" t="s">
        <v>22</v>
      </c>
      <c r="U1226" s="10" t="s">
        <v>22</v>
      </c>
      <c r="V1226" s="10" t="s">
        <v>22</v>
      </c>
      <c r="W1226" s="10" t="s">
        <v>22</v>
      </c>
      <c r="X1226" s="10" t="s">
        <v>22</v>
      </c>
      <c r="Y1226" s="10" t="s">
        <v>22</v>
      </c>
      <c r="Z1226" s="10" t="s">
        <v>22</v>
      </c>
    </row>
    <row r="1227" spans="1:26" ht="24" customHeight="1" x14ac:dyDescent="0.2">
      <c r="A1227" s="9" t="s">
        <v>18483</v>
      </c>
      <c r="B1227" s="9" t="s">
        <v>14</v>
      </c>
      <c r="C1227" s="9" t="s">
        <v>5829</v>
      </c>
      <c r="D1227" s="6" t="s">
        <v>5830</v>
      </c>
      <c r="E1227" s="22">
        <v>43914</v>
      </c>
      <c r="F1227" s="22">
        <v>45739</v>
      </c>
      <c r="G1227" s="6" t="s">
        <v>5831</v>
      </c>
      <c r="H1227" s="6" t="s">
        <v>62</v>
      </c>
      <c r="I1227" s="6" t="s">
        <v>2578</v>
      </c>
      <c r="J1227" s="6" t="s">
        <v>5832</v>
      </c>
      <c r="K1227" s="9" t="s">
        <v>5833</v>
      </c>
      <c r="L1227" s="10" t="s">
        <v>22</v>
      </c>
      <c r="M1227" s="10" t="s">
        <v>22</v>
      </c>
      <c r="N1227" s="10" t="s">
        <v>22</v>
      </c>
      <c r="O1227" s="10" t="s">
        <v>22</v>
      </c>
      <c r="P1227" s="10" t="s">
        <v>22</v>
      </c>
      <c r="Q1227" s="10" t="s">
        <v>22</v>
      </c>
      <c r="U1227" s="10" t="s">
        <v>22</v>
      </c>
      <c r="V1227" s="10" t="s">
        <v>22</v>
      </c>
      <c r="W1227" s="10" t="s">
        <v>22</v>
      </c>
      <c r="X1227" s="10" t="s">
        <v>22</v>
      </c>
      <c r="Y1227" s="10" t="s">
        <v>22</v>
      </c>
      <c r="Z1227" s="10" t="s">
        <v>22</v>
      </c>
    </row>
    <row r="1228" spans="1:26" ht="24" customHeight="1" x14ac:dyDescent="0.2">
      <c r="A1228" s="9" t="s">
        <v>18484</v>
      </c>
      <c r="B1228" s="9" t="s">
        <v>14</v>
      </c>
      <c r="C1228" s="9" t="s">
        <v>5834</v>
      </c>
      <c r="D1228" s="6" t="s">
        <v>5835</v>
      </c>
      <c r="E1228" s="22">
        <v>43914</v>
      </c>
      <c r="F1228" s="22">
        <v>45739</v>
      </c>
      <c r="G1228" s="6" t="s">
        <v>5836</v>
      </c>
      <c r="H1228" s="6" t="s">
        <v>18</v>
      </c>
      <c r="I1228" s="6" t="s">
        <v>26</v>
      </c>
      <c r="J1228" s="6" t="s">
        <v>5837</v>
      </c>
      <c r="L1228" s="10" t="s">
        <v>22</v>
      </c>
      <c r="M1228" s="10" t="s">
        <v>22</v>
      </c>
      <c r="N1228" s="10" t="s">
        <v>22</v>
      </c>
      <c r="O1228" s="10" t="s">
        <v>22</v>
      </c>
      <c r="P1228" s="10" t="s">
        <v>22</v>
      </c>
      <c r="Q1228" s="10" t="s">
        <v>22</v>
      </c>
      <c r="R1228" s="10" t="s">
        <v>22</v>
      </c>
      <c r="S1228" s="10" t="s">
        <v>22</v>
      </c>
      <c r="T1228" s="10" t="s">
        <v>22</v>
      </c>
      <c r="U1228" s="10" t="s">
        <v>22</v>
      </c>
      <c r="V1228" s="10" t="s">
        <v>22</v>
      </c>
      <c r="W1228" s="10" t="s">
        <v>22</v>
      </c>
      <c r="X1228" s="10" t="s">
        <v>22</v>
      </c>
      <c r="Y1228" s="10" t="s">
        <v>22</v>
      </c>
      <c r="Z1228" s="10" t="s">
        <v>22</v>
      </c>
    </row>
    <row r="1229" spans="1:26" ht="24" customHeight="1" x14ac:dyDescent="0.2">
      <c r="A1229" s="9" t="s">
        <v>18485</v>
      </c>
      <c r="B1229" s="9" t="s">
        <v>14</v>
      </c>
      <c r="C1229" s="9" t="s">
        <v>5838</v>
      </c>
      <c r="D1229" s="6" t="s">
        <v>5839</v>
      </c>
      <c r="E1229" s="22">
        <v>43914</v>
      </c>
      <c r="F1229" s="22">
        <v>45739</v>
      </c>
      <c r="G1229" s="6" t="s">
        <v>5840</v>
      </c>
      <c r="H1229" s="6" t="s">
        <v>62</v>
      </c>
      <c r="I1229" s="6" t="s">
        <v>551</v>
      </c>
      <c r="J1229" s="6" t="s">
        <v>5841</v>
      </c>
      <c r="K1229" s="9" t="s">
        <v>5842</v>
      </c>
      <c r="L1229" s="10" t="s">
        <v>22</v>
      </c>
      <c r="M1229" s="10" t="s">
        <v>22</v>
      </c>
      <c r="N1229" s="10" t="s">
        <v>22</v>
      </c>
      <c r="O1229" s="10" t="s">
        <v>22</v>
      </c>
      <c r="P1229" s="10" t="s">
        <v>22</v>
      </c>
      <c r="Q1229" s="10" t="s">
        <v>22</v>
      </c>
      <c r="U1229" s="10" t="s">
        <v>22</v>
      </c>
      <c r="V1229" s="10" t="s">
        <v>22</v>
      </c>
      <c r="W1229" s="10" t="s">
        <v>22</v>
      </c>
      <c r="X1229" s="10" t="s">
        <v>22</v>
      </c>
      <c r="Y1229" s="10" t="s">
        <v>22</v>
      </c>
      <c r="Z1229" s="10" t="s">
        <v>22</v>
      </c>
    </row>
    <row r="1230" spans="1:26" ht="24" customHeight="1" x14ac:dyDescent="0.2">
      <c r="A1230" s="9" t="s">
        <v>18486</v>
      </c>
      <c r="B1230" s="9" t="s">
        <v>14</v>
      </c>
      <c r="C1230" s="9" t="s">
        <v>5843</v>
      </c>
      <c r="D1230" s="6" t="s">
        <v>5844</v>
      </c>
      <c r="E1230" s="22">
        <v>45740</v>
      </c>
      <c r="F1230" s="22">
        <v>47565</v>
      </c>
      <c r="G1230" s="6" t="s">
        <v>5845</v>
      </c>
      <c r="H1230" s="6" t="s">
        <v>1625</v>
      </c>
      <c r="I1230" s="6" t="s">
        <v>5656</v>
      </c>
      <c r="J1230" s="6" t="s">
        <v>5846</v>
      </c>
      <c r="K1230" s="9" t="s">
        <v>5847</v>
      </c>
      <c r="M1230" s="10" t="s">
        <v>22</v>
      </c>
      <c r="N1230" s="10" t="s">
        <v>22</v>
      </c>
      <c r="P1230" s="10" t="s">
        <v>22</v>
      </c>
      <c r="Q1230" s="10" t="s">
        <v>22</v>
      </c>
      <c r="S1230" s="10" t="s">
        <v>22</v>
      </c>
      <c r="T1230" s="10" t="s">
        <v>22</v>
      </c>
      <c r="V1230" s="10" t="s">
        <v>22</v>
      </c>
      <c r="W1230" s="10" t="s">
        <v>22</v>
      </c>
      <c r="Y1230" s="10" t="s">
        <v>22</v>
      </c>
      <c r="Z1230" s="10" t="s">
        <v>22</v>
      </c>
    </row>
    <row r="1231" spans="1:26" ht="24" customHeight="1" x14ac:dyDescent="0.2">
      <c r="A1231" s="9" t="s">
        <v>18487</v>
      </c>
      <c r="B1231" s="9" t="s">
        <v>14</v>
      </c>
      <c r="C1231" s="9" t="s">
        <v>5848</v>
      </c>
      <c r="D1231" s="6" t="s">
        <v>5849</v>
      </c>
      <c r="E1231" s="22">
        <v>43915</v>
      </c>
      <c r="F1231" s="22">
        <v>45740</v>
      </c>
      <c r="G1231" s="6" t="s">
        <v>5850</v>
      </c>
      <c r="H1231" s="6" t="s">
        <v>62</v>
      </c>
      <c r="I1231" s="6" t="s">
        <v>258</v>
      </c>
      <c r="J1231" s="6" t="s">
        <v>5851</v>
      </c>
      <c r="K1231" s="9" t="s">
        <v>5852</v>
      </c>
      <c r="L1231" s="10" t="s">
        <v>22</v>
      </c>
      <c r="M1231" s="10" t="s">
        <v>22</v>
      </c>
      <c r="N1231" s="10" t="s">
        <v>22</v>
      </c>
      <c r="O1231" s="10" t="s">
        <v>22</v>
      </c>
      <c r="P1231" s="10" t="s">
        <v>22</v>
      </c>
      <c r="Q1231" s="10" t="s">
        <v>22</v>
      </c>
      <c r="R1231" s="10" t="s">
        <v>22</v>
      </c>
      <c r="S1231" s="10" t="s">
        <v>22</v>
      </c>
      <c r="T1231" s="10" t="s">
        <v>22</v>
      </c>
      <c r="U1231" s="10" t="s">
        <v>22</v>
      </c>
      <c r="V1231" s="10" t="s">
        <v>22</v>
      </c>
      <c r="W1231" s="10" t="s">
        <v>22</v>
      </c>
      <c r="X1231" s="10" t="s">
        <v>22</v>
      </c>
      <c r="Y1231" s="10" t="s">
        <v>22</v>
      </c>
      <c r="Z1231" s="10" t="s">
        <v>22</v>
      </c>
    </row>
    <row r="1232" spans="1:26" ht="24" customHeight="1" x14ac:dyDescent="0.2">
      <c r="A1232" s="9" t="s">
        <v>18488</v>
      </c>
      <c r="B1232" s="9" t="s">
        <v>14</v>
      </c>
      <c r="C1232" s="9" t="s">
        <v>5853</v>
      </c>
      <c r="D1232" s="6" t="s">
        <v>5854</v>
      </c>
      <c r="E1232" s="22">
        <v>45741</v>
      </c>
      <c r="F1232" s="22">
        <v>47566</v>
      </c>
      <c r="G1232" s="6" t="s">
        <v>5855</v>
      </c>
      <c r="H1232" s="6" t="s">
        <v>202</v>
      </c>
      <c r="I1232" s="6" t="s">
        <v>863</v>
      </c>
      <c r="J1232" s="6" t="s">
        <v>5856</v>
      </c>
      <c r="L1232" s="10" t="s">
        <v>22</v>
      </c>
      <c r="M1232" s="10" t="s">
        <v>22</v>
      </c>
      <c r="N1232" s="10" t="s">
        <v>22</v>
      </c>
      <c r="O1232" s="10" t="s">
        <v>22</v>
      </c>
      <c r="P1232" s="10" t="s">
        <v>22</v>
      </c>
      <c r="Q1232" s="10" t="s">
        <v>22</v>
      </c>
      <c r="R1232" s="10" t="s">
        <v>22</v>
      </c>
      <c r="S1232" s="10" t="s">
        <v>22</v>
      </c>
      <c r="T1232" s="10" t="s">
        <v>22</v>
      </c>
      <c r="U1232" s="10" t="s">
        <v>22</v>
      </c>
      <c r="V1232" s="10" t="s">
        <v>22</v>
      </c>
      <c r="W1232" s="10" t="s">
        <v>22</v>
      </c>
      <c r="X1232" s="10" t="s">
        <v>22</v>
      </c>
      <c r="Y1232" s="10" t="s">
        <v>22</v>
      </c>
      <c r="Z1232" s="10" t="s">
        <v>22</v>
      </c>
    </row>
    <row r="1233" spans="1:26" ht="24" customHeight="1" x14ac:dyDescent="0.2">
      <c r="A1233" s="9" t="s">
        <v>18489</v>
      </c>
      <c r="B1233" s="9" t="s">
        <v>14</v>
      </c>
      <c r="C1233" s="9" t="s">
        <v>5857</v>
      </c>
      <c r="D1233" s="6" t="s">
        <v>5858</v>
      </c>
      <c r="E1233" s="22">
        <v>43915</v>
      </c>
      <c r="F1233" s="22">
        <v>45740</v>
      </c>
      <c r="G1233" s="6" t="s">
        <v>5859</v>
      </c>
      <c r="H1233" s="6" t="s">
        <v>62</v>
      </c>
      <c r="I1233" s="6" t="s">
        <v>252</v>
      </c>
      <c r="J1233" s="6" t="s">
        <v>5860</v>
      </c>
      <c r="K1233" s="9" t="s">
        <v>5861</v>
      </c>
      <c r="L1233" s="10" t="s">
        <v>22</v>
      </c>
      <c r="M1233" s="10" t="s">
        <v>22</v>
      </c>
      <c r="N1233" s="10" t="s">
        <v>22</v>
      </c>
      <c r="O1233" s="10" t="s">
        <v>22</v>
      </c>
      <c r="P1233" s="10" t="s">
        <v>22</v>
      </c>
      <c r="Q1233" s="10" t="s">
        <v>22</v>
      </c>
      <c r="U1233" s="10" t="s">
        <v>22</v>
      </c>
      <c r="V1233" s="10" t="s">
        <v>22</v>
      </c>
      <c r="W1233" s="10" t="s">
        <v>22</v>
      </c>
      <c r="X1233" s="10" t="s">
        <v>22</v>
      </c>
      <c r="Y1233" s="10" t="s">
        <v>22</v>
      </c>
      <c r="Z1233" s="10" t="s">
        <v>22</v>
      </c>
    </row>
    <row r="1234" spans="1:26" ht="24" customHeight="1" x14ac:dyDescent="0.2">
      <c r="A1234" s="9" t="s">
        <v>18490</v>
      </c>
      <c r="B1234" s="9" t="s">
        <v>14</v>
      </c>
      <c r="C1234" s="9" t="s">
        <v>5862</v>
      </c>
      <c r="D1234" s="6" t="s">
        <v>5863</v>
      </c>
      <c r="E1234" s="22">
        <v>45741</v>
      </c>
      <c r="F1234" s="22">
        <v>47566</v>
      </c>
      <c r="G1234" s="6" t="s">
        <v>5864</v>
      </c>
      <c r="H1234" s="6" t="s">
        <v>363</v>
      </c>
      <c r="I1234" s="6" t="s">
        <v>5865</v>
      </c>
      <c r="J1234" s="6" t="s">
        <v>5866</v>
      </c>
      <c r="K1234" s="9" t="s">
        <v>5867</v>
      </c>
      <c r="L1234" s="10" t="s">
        <v>22</v>
      </c>
      <c r="M1234" s="10" t="s">
        <v>22</v>
      </c>
      <c r="N1234" s="10" t="s">
        <v>22</v>
      </c>
      <c r="O1234" s="10" t="s">
        <v>22</v>
      </c>
      <c r="P1234" s="10" t="s">
        <v>22</v>
      </c>
      <c r="Q1234" s="10" t="s">
        <v>22</v>
      </c>
      <c r="R1234" s="10" t="s">
        <v>22</v>
      </c>
      <c r="S1234" s="10" t="s">
        <v>22</v>
      </c>
      <c r="T1234" s="10" t="s">
        <v>22</v>
      </c>
      <c r="U1234" s="10" t="s">
        <v>22</v>
      </c>
      <c r="V1234" s="10" t="s">
        <v>22</v>
      </c>
      <c r="W1234" s="10" t="s">
        <v>22</v>
      </c>
      <c r="X1234" s="10" t="s">
        <v>22</v>
      </c>
      <c r="Y1234" s="10" t="s">
        <v>22</v>
      </c>
      <c r="Z1234" s="10" t="s">
        <v>22</v>
      </c>
    </row>
    <row r="1235" spans="1:26" ht="24" customHeight="1" x14ac:dyDescent="0.2">
      <c r="A1235" s="9" t="s">
        <v>18491</v>
      </c>
      <c r="B1235" s="9" t="s">
        <v>14</v>
      </c>
      <c r="C1235" s="9" t="s">
        <v>5868</v>
      </c>
      <c r="D1235" s="6" t="s">
        <v>5869</v>
      </c>
      <c r="E1235" s="22">
        <v>45741</v>
      </c>
      <c r="F1235" s="22">
        <v>47566</v>
      </c>
      <c r="G1235" s="6" t="s">
        <v>5870</v>
      </c>
      <c r="H1235" s="6" t="s">
        <v>62</v>
      </c>
      <c r="I1235" s="6" t="s">
        <v>493</v>
      </c>
      <c r="J1235" s="6" t="s">
        <v>20967</v>
      </c>
      <c r="K1235" s="9" t="s">
        <v>5871</v>
      </c>
      <c r="L1235" s="10" t="s">
        <v>22</v>
      </c>
      <c r="M1235" s="10" t="s">
        <v>22</v>
      </c>
      <c r="N1235" s="10" t="s">
        <v>22</v>
      </c>
      <c r="O1235" s="10" t="s">
        <v>22</v>
      </c>
      <c r="P1235" s="10" t="s">
        <v>22</v>
      </c>
      <c r="Q1235" s="10" t="s">
        <v>22</v>
      </c>
      <c r="R1235" s="10" t="s">
        <v>22</v>
      </c>
      <c r="S1235" s="10" t="s">
        <v>22</v>
      </c>
      <c r="T1235" s="10" t="s">
        <v>22</v>
      </c>
      <c r="U1235" s="10" t="s">
        <v>22</v>
      </c>
      <c r="V1235" s="10" t="s">
        <v>22</v>
      </c>
      <c r="W1235" s="10" t="s">
        <v>22</v>
      </c>
      <c r="X1235" s="10" t="s">
        <v>22</v>
      </c>
      <c r="Y1235" s="10" t="s">
        <v>22</v>
      </c>
      <c r="Z1235" s="10" t="s">
        <v>22</v>
      </c>
    </row>
    <row r="1236" spans="1:26" ht="24" customHeight="1" x14ac:dyDescent="0.2">
      <c r="A1236" s="9" t="s">
        <v>18492</v>
      </c>
      <c r="B1236" s="9" t="s">
        <v>14</v>
      </c>
      <c r="C1236" s="9" t="s">
        <v>5872</v>
      </c>
      <c r="D1236" s="6" t="s">
        <v>5873</v>
      </c>
      <c r="E1236" s="22">
        <v>43915</v>
      </c>
      <c r="F1236" s="22">
        <v>45740</v>
      </c>
      <c r="G1236" s="6" t="s">
        <v>5874</v>
      </c>
      <c r="H1236" s="6" t="s">
        <v>62</v>
      </c>
      <c r="I1236" s="6" t="s">
        <v>264</v>
      </c>
      <c r="J1236" s="6" t="s">
        <v>5875</v>
      </c>
      <c r="K1236" s="9" t="s">
        <v>5876</v>
      </c>
      <c r="L1236" s="10" t="s">
        <v>22</v>
      </c>
      <c r="M1236" s="10" t="s">
        <v>22</v>
      </c>
      <c r="N1236" s="10" t="s">
        <v>22</v>
      </c>
      <c r="O1236" s="10" t="s">
        <v>22</v>
      </c>
      <c r="P1236" s="10" t="s">
        <v>22</v>
      </c>
      <c r="Q1236" s="10" t="s">
        <v>22</v>
      </c>
      <c r="R1236" s="10" t="s">
        <v>22</v>
      </c>
      <c r="S1236" s="10" t="s">
        <v>22</v>
      </c>
      <c r="T1236" s="10" t="s">
        <v>22</v>
      </c>
      <c r="U1236" s="10" t="s">
        <v>22</v>
      </c>
      <c r="V1236" s="10" t="s">
        <v>22</v>
      </c>
      <c r="W1236" s="10" t="s">
        <v>22</v>
      </c>
      <c r="X1236" s="10" t="s">
        <v>22</v>
      </c>
      <c r="Y1236" s="10" t="s">
        <v>22</v>
      </c>
      <c r="Z1236" s="10" t="s">
        <v>22</v>
      </c>
    </row>
    <row r="1237" spans="1:26" ht="24" customHeight="1" x14ac:dyDescent="0.2">
      <c r="A1237" s="9" t="s">
        <v>18493</v>
      </c>
      <c r="B1237" s="9" t="s">
        <v>14</v>
      </c>
      <c r="C1237" s="9" t="s">
        <v>5877</v>
      </c>
      <c r="D1237" s="6" t="s">
        <v>5878</v>
      </c>
      <c r="E1237" s="22">
        <v>43916</v>
      </c>
      <c r="F1237" s="22">
        <v>45741</v>
      </c>
      <c r="G1237" s="6" t="s">
        <v>5879</v>
      </c>
      <c r="H1237" s="6" t="s">
        <v>18</v>
      </c>
      <c r="I1237" s="6" t="s">
        <v>26</v>
      </c>
      <c r="J1237" s="6" t="s">
        <v>5880</v>
      </c>
      <c r="K1237" s="9" t="s">
        <v>5881</v>
      </c>
      <c r="M1237" s="10" t="s">
        <v>22</v>
      </c>
      <c r="N1237" s="10" t="s">
        <v>22</v>
      </c>
      <c r="P1237" s="10" t="s">
        <v>22</v>
      </c>
      <c r="Q1237" s="10" t="s">
        <v>22</v>
      </c>
      <c r="U1237" s="10" t="s">
        <v>22</v>
      </c>
      <c r="V1237" s="10" t="s">
        <v>22</v>
      </c>
      <c r="W1237" s="10" t="s">
        <v>22</v>
      </c>
      <c r="X1237" s="10" t="s">
        <v>22</v>
      </c>
      <c r="Y1237" s="10" t="s">
        <v>22</v>
      </c>
      <c r="Z1237" s="10" t="s">
        <v>22</v>
      </c>
    </row>
    <row r="1238" spans="1:26" ht="24" customHeight="1" x14ac:dyDescent="0.2">
      <c r="A1238" s="9" t="s">
        <v>18494</v>
      </c>
      <c r="B1238" s="9" t="s">
        <v>14</v>
      </c>
      <c r="C1238" s="9" t="s">
        <v>5882</v>
      </c>
      <c r="D1238" s="6" t="s">
        <v>5883</v>
      </c>
      <c r="E1238" s="22">
        <v>43916</v>
      </c>
      <c r="F1238" s="22">
        <v>45741</v>
      </c>
      <c r="G1238" s="6" t="s">
        <v>5884</v>
      </c>
      <c r="H1238" s="6" t="s">
        <v>62</v>
      </c>
      <c r="I1238" s="6" t="s">
        <v>842</v>
      </c>
      <c r="J1238" s="6" t="s">
        <v>5885</v>
      </c>
      <c r="K1238" s="9" t="s">
        <v>5886</v>
      </c>
      <c r="L1238" s="10" t="s">
        <v>22</v>
      </c>
      <c r="M1238" s="10" t="s">
        <v>22</v>
      </c>
      <c r="N1238" s="10" t="s">
        <v>22</v>
      </c>
      <c r="O1238" s="10" t="s">
        <v>22</v>
      </c>
      <c r="P1238" s="10" t="s">
        <v>22</v>
      </c>
      <c r="Q1238" s="10" t="s">
        <v>22</v>
      </c>
      <c r="R1238" s="10" t="s">
        <v>22</v>
      </c>
      <c r="S1238" s="10" t="s">
        <v>22</v>
      </c>
      <c r="T1238" s="10" t="s">
        <v>22</v>
      </c>
      <c r="U1238" s="10" t="s">
        <v>22</v>
      </c>
      <c r="V1238" s="10" t="s">
        <v>22</v>
      </c>
      <c r="W1238" s="10" t="s">
        <v>22</v>
      </c>
      <c r="X1238" s="10" t="s">
        <v>22</v>
      </c>
      <c r="Y1238" s="10" t="s">
        <v>22</v>
      </c>
      <c r="Z1238" s="10" t="s">
        <v>22</v>
      </c>
    </row>
    <row r="1239" spans="1:26" ht="24" customHeight="1" x14ac:dyDescent="0.2">
      <c r="A1239" s="9" t="s">
        <v>18495</v>
      </c>
      <c r="B1239" s="9" t="s">
        <v>14</v>
      </c>
      <c r="C1239" s="9" t="s">
        <v>5887</v>
      </c>
      <c r="D1239" s="6" t="s">
        <v>5888</v>
      </c>
      <c r="E1239" s="22">
        <v>43916</v>
      </c>
      <c r="F1239" s="22">
        <v>45741</v>
      </c>
      <c r="G1239" s="6" t="s">
        <v>5889</v>
      </c>
      <c r="H1239" s="6" t="s">
        <v>62</v>
      </c>
      <c r="I1239" s="6" t="s">
        <v>73</v>
      </c>
      <c r="J1239" s="6" t="s">
        <v>5890</v>
      </c>
      <c r="K1239" s="9" t="s">
        <v>5891</v>
      </c>
      <c r="L1239" s="10" t="s">
        <v>22</v>
      </c>
      <c r="M1239" s="10" t="s">
        <v>22</v>
      </c>
      <c r="N1239" s="10" t="s">
        <v>22</v>
      </c>
      <c r="O1239" s="10" t="s">
        <v>22</v>
      </c>
      <c r="P1239" s="10" t="s">
        <v>22</v>
      </c>
      <c r="Q1239" s="10" t="s">
        <v>22</v>
      </c>
      <c r="R1239" s="10" t="s">
        <v>22</v>
      </c>
      <c r="S1239" s="10" t="s">
        <v>22</v>
      </c>
      <c r="T1239" s="10" t="s">
        <v>22</v>
      </c>
      <c r="U1239" s="10" t="s">
        <v>22</v>
      </c>
      <c r="V1239" s="10" t="s">
        <v>22</v>
      </c>
      <c r="W1239" s="10" t="s">
        <v>22</v>
      </c>
      <c r="X1239" s="10" t="s">
        <v>22</v>
      </c>
      <c r="Y1239" s="10" t="s">
        <v>22</v>
      </c>
      <c r="Z1239" s="10" t="s">
        <v>22</v>
      </c>
    </row>
    <row r="1240" spans="1:26" ht="24" customHeight="1" x14ac:dyDescent="0.2">
      <c r="A1240" s="9" t="s">
        <v>18496</v>
      </c>
      <c r="B1240" s="9" t="s">
        <v>14</v>
      </c>
      <c r="C1240" s="9" t="s">
        <v>5892</v>
      </c>
      <c r="D1240" s="6" t="s">
        <v>5893</v>
      </c>
      <c r="E1240" s="22">
        <v>43916</v>
      </c>
      <c r="F1240" s="22">
        <v>45741</v>
      </c>
      <c r="G1240" s="6" t="s">
        <v>5894</v>
      </c>
      <c r="H1240" s="6" t="s">
        <v>202</v>
      </c>
      <c r="I1240" s="6" t="s">
        <v>1170</v>
      </c>
      <c r="J1240" s="6" t="s">
        <v>5895</v>
      </c>
      <c r="K1240" s="9" t="s">
        <v>5896</v>
      </c>
      <c r="L1240" s="10" t="s">
        <v>22</v>
      </c>
      <c r="M1240" s="10" t="s">
        <v>22</v>
      </c>
      <c r="N1240" s="10" t="s">
        <v>22</v>
      </c>
      <c r="O1240" s="10" t="s">
        <v>22</v>
      </c>
      <c r="P1240" s="10" t="s">
        <v>22</v>
      </c>
      <c r="Q1240" s="10" t="s">
        <v>22</v>
      </c>
    </row>
    <row r="1241" spans="1:26" ht="24" customHeight="1" x14ac:dyDescent="0.2">
      <c r="A1241" s="9" t="s">
        <v>18497</v>
      </c>
      <c r="B1241" s="9" t="s">
        <v>14</v>
      </c>
      <c r="C1241" s="9" t="s">
        <v>5897</v>
      </c>
      <c r="D1241" s="6" t="s">
        <v>5898</v>
      </c>
      <c r="E1241" s="22">
        <v>45743</v>
      </c>
      <c r="F1241" s="22">
        <v>47568</v>
      </c>
      <c r="G1241" s="6" t="s">
        <v>5899</v>
      </c>
      <c r="H1241" s="6" t="s">
        <v>62</v>
      </c>
      <c r="I1241" s="6" t="s">
        <v>493</v>
      </c>
      <c r="J1241" s="6" t="s">
        <v>5900</v>
      </c>
      <c r="K1241" s="9" t="s">
        <v>5901</v>
      </c>
      <c r="L1241" s="10" t="s">
        <v>22</v>
      </c>
      <c r="M1241" s="10" t="s">
        <v>22</v>
      </c>
      <c r="N1241" s="10" t="s">
        <v>22</v>
      </c>
      <c r="R1241" s="10" t="s">
        <v>22</v>
      </c>
      <c r="S1241" s="10" t="s">
        <v>22</v>
      </c>
      <c r="T1241" s="10" t="s">
        <v>22</v>
      </c>
      <c r="U1241" s="10" t="s">
        <v>22</v>
      </c>
      <c r="V1241" s="10" t="s">
        <v>22</v>
      </c>
      <c r="W1241" s="10" t="s">
        <v>22</v>
      </c>
      <c r="X1241" s="10" t="s">
        <v>22</v>
      </c>
      <c r="Y1241" s="10" t="s">
        <v>22</v>
      </c>
      <c r="Z1241" s="10" t="s">
        <v>22</v>
      </c>
    </row>
    <row r="1242" spans="1:26" ht="24" customHeight="1" x14ac:dyDescent="0.2">
      <c r="A1242" s="9" t="s">
        <v>18498</v>
      </c>
      <c r="B1242" s="9" t="s">
        <v>14</v>
      </c>
      <c r="C1242" s="9" t="s">
        <v>5902</v>
      </c>
      <c r="D1242" s="6" t="s">
        <v>5903</v>
      </c>
      <c r="E1242" s="22">
        <v>43917</v>
      </c>
      <c r="F1242" s="22">
        <v>45742</v>
      </c>
      <c r="G1242" s="6" t="s">
        <v>5904</v>
      </c>
      <c r="H1242" s="6" t="s">
        <v>363</v>
      </c>
      <c r="I1242" s="6" t="s">
        <v>646</v>
      </c>
      <c r="J1242" s="6" t="s">
        <v>5905</v>
      </c>
      <c r="L1242" s="10" t="s">
        <v>22</v>
      </c>
      <c r="M1242" s="10" t="s">
        <v>22</v>
      </c>
      <c r="N1242" s="10" t="s">
        <v>22</v>
      </c>
      <c r="O1242" s="10" t="s">
        <v>22</v>
      </c>
      <c r="P1242" s="10" t="s">
        <v>22</v>
      </c>
      <c r="Q1242" s="10" t="s">
        <v>22</v>
      </c>
      <c r="R1242" s="10" t="s">
        <v>22</v>
      </c>
      <c r="S1242" s="10" t="s">
        <v>22</v>
      </c>
      <c r="T1242" s="10" t="s">
        <v>22</v>
      </c>
      <c r="V1242" s="10" t="s">
        <v>22</v>
      </c>
      <c r="W1242" s="10" t="s">
        <v>22</v>
      </c>
      <c r="Y1242" s="10" t="s">
        <v>22</v>
      </c>
      <c r="Z1242" s="10" t="s">
        <v>22</v>
      </c>
    </row>
    <row r="1243" spans="1:26" ht="24" customHeight="1" x14ac:dyDescent="0.2">
      <c r="A1243" s="9" t="s">
        <v>18499</v>
      </c>
      <c r="B1243" s="9" t="s">
        <v>14</v>
      </c>
      <c r="C1243" s="9" t="s">
        <v>5906</v>
      </c>
      <c r="D1243" s="6" t="s">
        <v>5907</v>
      </c>
      <c r="E1243" s="22">
        <v>43917</v>
      </c>
      <c r="F1243" s="22">
        <v>45742</v>
      </c>
      <c r="G1243" s="6" t="s">
        <v>5908</v>
      </c>
      <c r="H1243" s="6" t="s">
        <v>18</v>
      </c>
      <c r="I1243" s="6" t="s">
        <v>19</v>
      </c>
      <c r="J1243" s="6" t="s">
        <v>5909</v>
      </c>
      <c r="K1243" s="9" t="s">
        <v>5910</v>
      </c>
      <c r="L1243" s="10" t="s">
        <v>22</v>
      </c>
      <c r="M1243" s="10" t="s">
        <v>22</v>
      </c>
      <c r="N1243" s="10" t="s">
        <v>22</v>
      </c>
      <c r="R1243" s="10" t="s">
        <v>22</v>
      </c>
      <c r="S1243" s="10" t="s">
        <v>22</v>
      </c>
      <c r="T1243" s="10" t="s">
        <v>22</v>
      </c>
      <c r="U1243" s="10" t="s">
        <v>22</v>
      </c>
      <c r="V1243" s="10" t="s">
        <v>22</v>
      </c>
      <c r="W1243" s="10" t="s">
        <v>22</v>
      </c>
    </row>
    <row r="1244" spans="1:26" ht="24" customHeight="1" x14ac:dyDescent="0.2">
      <c r="A1244" s="9" t="s">
        <v>18500</v>
      </c>
      <c r="B1244" s="9" t="s">
        <v>14</v>
      </c>
      <c r="C1244" s="9" t="s">
        <v>5911</v>
      </c>
      <c r="D1244" s="6" t="s">
        <v>5912</v>
      </c>
      <c r="E1244" s="22">
        <v>45743</v>
      </c>
      <c r="F1244" s="22">
        <v>47568</v>
      </c>
      <c r="G1244" s="6" t="s">
        <v>5913</v>
      </c>
      <c r="H1244" s="6" t="s">
        <v>62</v>
      </c>
      <c r="I1244" s="6" t="s">
        <v>1444</v>
      </c>
      <c r="J1244" s="6" t="s">
        <v>5914</v>
      </c>
      <c r="K1244" s="9" t="s">
        <v>5915</v>
      </c>
      <c r="L1244" s="10" t="s">
        <v>22</v>
      </c>
      <c r="M1244" s="10" t="s">
        <v>22</v>
      </c>
      <c r="N1244" s="10" t="s">
        <v>22</v>
      </c>
      <c r="O1244" s="10" t="s">
        <v>22</v>
      </c>
      <c r="P1244" s="10" t="s">
        <v>22</v>
      </c>
      <c r="Q1244" s="10" t="s">
        <v>22</v>
      </c>
      <c r="R1244" s="10" t="s">
        <v>22</v>
      </c>
      <c r="S1244" s="10" t="s">
        <v>22</v>
      </c>
      <c r="T1244" s="10" t="s">
        <v>22</v>
      </c>
      <c r="U1244" s="10" t="s">
        <v>22</v>
      </c>
      <c r="V1244" s="10" t="s">
        <v>22</v>
      </c>
      <c r="W1244" s="10" t="s">
        <v>22</v>
      </c>
      <c r="X1244" s="10" t="s">
        <v>22</v>
      </c>
      <c r="Y1244" s="10" t="s">
        <v>22</v>
      </c>
      <c r="Z1244" s="10" t="s">
        <v>22</v>
      </c>
    </row>
    <row r="1245" spans="1:26" ht="24" customHeight="1" x14ac:dyDescent="0.2">
      <c r="A1245" s="9" t="s">
        <v>18501</v>
      </c>
      <c r="B1245" s="9" t="s">
        <v>14</v>
      </c>
      <c r="C1245" s="9" t="s">
        <v>5916</v>
      </c>
      <c r="D1245" s="6" t="s">
        <v>5917</v>
      </c>
      <c r="E1245" s="22">
        <v>43917</v>
      </c>
      <c r="F1245" s="22">
        <v>45742</v>
      </c>
      <c r="G1245" s="6" t="s">
        <v>5918</v>
      </c>
      <c r="H1245" s="6" t="s">
        <v>62</v>
      </c>
      <c r="I1245" s="6" t="s">
        <v>318</v>
      </c>
      <c r="J1245" s="6" t="s">
        <v>5919</v>
      </c>
      <c r="K1245" s="9" t="s">
        <v>5920</v>
      </c>
      <c r="L1245" s="10" t="s">
        <v>22</v>
      </c>
      <c r="M1245" s="10" t="s">
        <v>22</v>
      </c>
      <c r="N1245" s="10" t="s">
        <v>22</v>
      </c>
      <c r="O1245" s="10" t="s">
        <v>22</v>
      </c>
      <c r="P1245" s="10" t="s">
        <v>22</v>
      </c>
      <c r="Q1245" s="10" t="s">
        <v>22</v>
      </c>
      <c r="R1245" s="10" t="s">
        <v>22</v>
      </c>
      <c r="S1245" s="10" t="s">
        <v>22</v>
      </c>
      <c r="T1245" s="10" t="s">
        <v>22</v>
      </c>
      <c r="U1245" s="10" t="s">
        <v>22</v>
      </c>
      <c r="V1245" s="10" t="s">
        <v>22</v>
      </c>
      <c r="W1245" s="10" t="s">
        <v>22</v>
      </c>
      <c r="X1245" s="10" t="s">
        <v>22</v>
      </c>
      <c r="Y1245" s="10" t="s">
        <v>22</v>
      </c>
      <c r="Z1245" s="10" t="s">
        <v>22</v>
      </c>
    </row>
    <row r="1246" spans="1:26" ht="24" customHeight="1" x14ac:dyDescent="0.2">
      <c r="A1246" s="9" t="s">
        <v>18502</v>
      </c>
      <c r="B1246" s="9" t="s">
        <v>14</v>
      </c>
      <c r="C1246" s="9" t="s">
        <v>5921</v>
      </c>
      <c r="D1246" s="6" t="s">
        <v>5922</v>
      </c>
      <c r="E1246" s="22">
        <v>43920</v>
      </c>
      <c r="F1246" s="22">
        <v>45745</v>
      </c>
      <c r="G1246" s="6" t="s">
        <v>5923</v>
      </c>
      <c r="H1246" s="6" t="s">
        <v>62</v>
      </c>
      <c r="I1246" s="6" t="s">
        <v>994</v>
      </c>
      <c r="J1246" s="6" t="s">
        <v>5924</v>
      </c>
      <c r="L1246" s="10" t="s">
        <v>22</v>
      </c>
      <c r="M1246" s="10" t="s">
        <v>22</v>
      </c>
      <c r="N1246" s="10" t="s">
        <v>22</v>
      </c>
      <c r="O1246" s="10" t="s">
        <v>22</v>
      </c>
      <c r="P1246" s="10" t="s">
        <v>22</v>
      </c>
      <c r="Q1246" s="10" t="s">
        <v>22</v>
      </c>
      <c r="R1246" s="10" t="s">
        <v>22</v>
      </c>
      <c r="S1246" s="10" t="s">
        <v>22</v>
      </c>
      <c r="T1246" s="10" t="s">
        <v>22</v>
      </c>
      <c r="U1246" s="10" t="s">
        <v>22</v>
      </c>
      <c r="V1246" s="10" t="s">
        <v>22</v>
      </c>
      <c r="W1246" s="10" t="s">
        <v>22</v>
      </c>
      <c r="X1246" s="10" t="s">
        <v>22</v>
      </c>
      <c r="Y1246" s="10" t="s">
        <v>22</v>
      </c>
      <c r="Z1246" s="10" t="s">
        <v>22</v>
      </c>
    </row>
    <row r="1247" spans="1:26" ht="24" customHeight="1" x14ac:dyDescent="0.2">
      <c r="A1247" s="9" t="s">
        <v>18503</v>
      </c>
      <c r="B1247" s="9" t="s">
        <v>14</v>
      </c>
      <c r="C1247" s="9" t="s">
        <v>5925</v>
      </c>
      <c r="D1247" s="6" t="s">
        <v>5926</v>
      </c>
      <c r="E1247" s="22">
        <v>43920</v>
      </c>
      <c r="F1247" s="22">
        <v>45745</v>
      </c>
      <c r="G1247" s="6" t="s">
        <v>5927</v>
      </c>
      <c r="H1247" s="6" t="s">
        <v>62</v>
      </c>
      <c r="I1247" s="6" t="s">
        <v>306</v>
      </c>
      <c r="J1247" s="6" t="s">
        <v>5928</v>
      </c>
      <c r="K1247" s="9" t="s">
        <v>5929</v>
      </c>
      <c r="M1247" s="10" t="s">
        <v>22</v>
      </c>
      <c r="N1247" s="10" t="s">
        <v>22</v>
      </c>
      <c r="P1247" s="10" t="s">
        <v>22</v>
      </c>
      <c r="Q1247" s="10" t="s">
        <v>22</v>
      </c>
      <c r="V1247" s="10" t="s">
        <v>22</v>
      </c>
      <c r="W1247" s="10" t="s">
        <v>22</v>
      </c>
      <c r="Y1247" s="10" t="s">
        <v>22</v>
      </c>
      <c r="Z1247" s="10" t="s">
        <v>22</v>
      </c>
    </row>
    <row r="1248" spans="1:26" ht="24" customHeight="1" x14ac:dyDescent="0.2">
      <c r="A1248" s="9" t="s">
        <v>18504</v>
      </c>
      <c r="B1248" s="9" t="s">
        <v>14</v>
      </c>
      <c r="C1248" s="9" t="s">
        <v>5930</v>
      </c>
      <c r="D1248" s="6" t="s">
        <v>5931</v>
      </c>
      <c r="E1248" s="22">
        <v>43920</v>
      </c>
      <c r="F1248" s="22">
        <v>45745</v>
      </c>
      <c r="G1248" s="6" t="s">
        <v>5932</v>
      </c>
      <c r="H1248" s="6" t="s">
        <v>62</v>
      </c>
      <c r="I1248" s="6" t="s">
        <v>264</v>
      </c>
      <c r="J1248" s="6" t="s">
        <v>5933</v>
      </c>
      <c r="K1248" s="9" t="s">
        <v>5934</v>
      </c>
      <c r="L1248" s="10" t="s">
        <v>22</v>
      </c>
      <c r="M1248" s="10" t="s">
        <v>22</v>
      </c>
      <c r="N1248" s="10" t="s">
        <v>22</v>
      </c>
      <c r="O1248" s="10" t="s">
        <v>22</v>
      </c>
      <c r="P1248" s="10" t="s">
        <v>22</v>
      </c>
      <c r="Q1248" s="10" t="s">
        <v>22</v>
      </c>
      <c r="R1248" s="10" t="s">
        <v>22</v>
      </c>
      <c r="S1248" s="10" t="s">
        <v>22</v>
      </c>
      <c r="T1248" s="10" t="s">
        <v>22</v>
      </c>
      <c r="U1248" s="10" t="s">
        <v>22</v>
      </c>
      <c r="V1248" s="10" t="s">
        <v>22</v>
      </c>
      <c r="W1248" s="10" t="s">
        <v>22</v>
      </c>
      <c r="X1248" s="10" t="s">
        <v>22</v>
      </c>
      <c r="Y1248" s="10" t="s">
        <v>22</v>
      </c>
      <c r="Z1248" s="10" t="s">
        <v>22</v>
      </c>
    </row>
    <row r="1249" spans="1:26" ht="24" customHeight="1" x14ac:dyDescent="0.2">
      <c r="A1249" s="9" t="s">
        <v>18505</v>
      </c>
      <c r="B1249" s="9" t="s">
        <v>14</v>
      </c>
      <c r="C1249" s="9" t="s">
        <v>5935</v>
      </c>
      <c r="D1249" s="6" t="s">
        <v>5936</v>
      </c>
      <c r="E1249" s="22">
        <v>43928</v>
      </c>
      <c r="F1249" s="22">
        <v>45753</v>
      </c>
      <c r="G1249" s="6" t="s">
        <v>5937</v>
      </c>
      <c r="H1249" s="6" t="s">
        <v>18</v>
      </c>
      <c r="I1249" s="6" t="s">
        <v>19</v>
      </c>
      <c r="J1249" s="6" t="s">
        <v>5938</v>
      </c>
      <c r="K1249" s="9" t="s">
        <v>5939</v>
      </c>
      <c r="L1249" s="10" t="s">
        <v>22</v>
      </c>
      <c r="M1249" s="10" t="s">
        <v>22</v>
      </c>
      <c r="N1249" s="10" t="s">
        <v>22</v>
      </c>
      <c r="R1249" s="10" t="s">
        <v>22</v>
      </c>
      <c r="S1249" s="10" t="s">
        <v>22</v>
      </c>
      <c r="T1249" s="10" t="s">
        <v>22</v>
      </c>
      <c r="U1249" s="10" t="s">
        <v>22</v>
      </c>
      <c r="V1249" s="10" t="s">
        <v>22</v>
      </c>
      <c r="W1249" s="10" t="s">
        <v>22</v>
      </c>
    </row>
    <row r="1250" spans="1:26" ht="24" customHeight="1" x14ac:dyDescent="0.2">
      <c r="A1250" s="9" t="s">
        <v>18506</v>
      </c>
      <c r="B1250" s="9" t="s">
        <v>14</v>
      </c>
      <c r="C1250" s="9" t="s">
        <v>5940</v>
      </c>
      <c r="D1250" s="6" t="s">
        <v>5941</v>
      </c>
      <c r="E1250" s="22">
        <v>43928</v>
      </c>
      <c r="F1250" s="22">
        <v>45753</v>
      </c>
      <c r="G1250" s="6" t="s">
        <v>5942</v>
      </c>
      <c r="H1250" s="6" t="s">
        <v>18</v>
      </c>
      <c r="I1250" s="6" t="s">
        <v>19</v>
      </c>
      <c r="J1250" s="6" t="s">
        <v>5943</v>
      </c>
      <c r="K1250" s="9" t="s">
        <v>5944</v>
      </c>
      <c r="L1250" s="10" t="s">
        <v>22</v>
      </c>
      <c r="M1250" s="10" t="s">
        <v>22</v>
      </c>
      <c r="N1250" s="10" t="s">
        <v>22</v>
      </c>
      <c r="O1250" s="10" t="s">
        <v>22</v>
      </c>
      <c r="P1250" s="10" t="s">
        <v>22</v>
      </c>
      <c r="Q1250" s="10" t="s">
        <v>22</v>
      </c>
      <c r="R1250" s="10" t="s">
        <v>22</v>
      </c>
      <c r="S1250" s="10" t="s">
        <v>22</v>
      </c>
      <c r="T1250" s="10" t="s">
        <v>22</v>
      </c>
      <c r="U1250" s="10" t="s">
        <v>22</v>
      </c>
      <c r="V1250" s="10" t="s">
        <v>22</v>
      </c>
      <c r="W1250" s="10" t="s">
        <v>22</v>
      </c>
      <c r="X1250" s="10" t="s">
        <v>22</v>
      </c>
      <c r="Y1250" s="10" t="s">
        <v>22</v>
      </c>
      <c r="Z1250" s="10" t="s">
        <v>22</v>
      </c>
    </row>
    <row r="1251" spans="1:26" ht="24" customHeight="1" x14ac:dyDescent="0.2">
      <c r="A1251" s="9" t="s">
        <v>18507</v>
      </c>
      <c r="B1251" s="9" t="s">
        <v>14</v>
      </c>
      <c r="C1251" s="9" t="s">
        <v>5940</v>
      </c>
      <c r="D1251" s="6" t="s">
        <v>5941</v>
      </c>
      <c r="E1251" s="22">
        <v>43928</v>
      </c>
      <c r="F1251" s="22">
        <v>45753</v>
      </c>
      <c r="G1251" s="6" t="s">
        <v>5945</v>
      </c>
      <c r="H1251" s="6" t="s">
        <v>18</v>
      </c>
      <c r="I1251" s="6" t="s">
        <v>19</v>
      </c>
      <c r="J1251" s="6" t="s">
        <v>5946</v>
      </c>
      <c r="K1251" s="9" t="s">
        <v>5947</v>
      </c>
      <c r="L1251" s="10" t="s">
        <v>22</v>
      </c>
      <c r="M1251" s="10" t="s">
        <v>22</v>
      </c>
      <c r="N1251" s="10" t="s">
        <v>22</v>
      </c>
      <c r="O1251" s="10" t="s">
        <v>22</v>
      </c>
      <c r="P1251" s="10" t="s">
        <v>22</v>
      </c>
      <c r="Q1251" s="10" t="s">
        <v>22</v>
      </c>
      <c r="R1251" s="10" t="s">
        <v>22</v>
      </c>
      <c r="S1251" s="10" t="s">
        <v>22</v>
      </c>
      <c r="T1251" s="10" t="s">
        <v>22</v>
      </c>
      <c r="U1251" s="10" t="s">
        <v>22</v>
      </c>
      <c r="V1251" s="10" t="s">
        <v>22</v>
      </c>
      <c r="W1251" s="10" t="s">
        <v>22</v>
      </c>
      <c r="X1251" s="10" t="s">
        <v>22</v>
      </c>
      <c r="Y1251" s="10" t="s">
        <v>22</v>
      </c>
      <c r="Z1251" s="10" t="s">
        <v>22</v>
      </c>
    </row>
    <row r="1252" spans="1:26" ht="24" customHeight="1" x14ac:dyDescent="0.2">
      <c r="A1252" s="9" t="s">
        <v>18508</v>
      </c>
      <c r="B1252" s="9" t="s">
        <v>14</v>
      </c>
      <c r="C1252" s="9" t="s">
        <v>5948</v>
      </c>
      <c r="D1252" s="6" t="s">
        <v>5949</v>
      </c>
      <c r="E1252" s="22">
        <v>43931</v>
      </c>
      <c r="F1252" s="22">
        <v>45756</v>
      </c>
      <c r="G1252" s="6" t="s">
        <v>5950</v>
      </c>
      <c r="H1252" s="6" t="s">
        <v>202</v>
      </c>
      <c r="I1252" s="6" t="s">
        <v>863</v>
      </c>
      <c r="J1252" s="6" t="s">
        <v>5951</v>
      </c>
      <c r="L1252" s="10" t="s">
        <v>22</v>
      </c>
      <c r="M1252" s="10" t="s">
        <v>22</v>
      </c>
      <c r="N1252" s="10" t="s">
        <v>22</v>
      </c>
      <c r="O1252" s="10" t="s">
        <v>22</v>
      </c>
      <c r="P1252" s="10" t="s">
        <v>22</v>
      </c>
      <c r="Q1252" s="10" t="s">
        <v>22</v>
      </c>
      <c r="R1252" s="10" t="s">
        <v>22</v>
      </c>
      <c r="S1252" s="10" t="s">
        <v>22</v>
      </c>
      <c r="T1252" s="10" t="s">
        <v>22</v>
      </c>
      <c r="U1252" s="10" t="s">
        <v>22</v>
      </c>
      <c r="V1252" s="10" t="s">
        <v>22</v>
      </c>
      <c r="W1252" s="10" t="s">
        <v>22</v>
      </c>
      <c r="X1252" s="10" t="s">
        <v>22</v>
      </c>
      <c r="Y1252" s="10" t="s">
        <v>22</v>
      </c>
      <c r="Z1252" s="10" t="s">
        <v>22</v>
      </c>
    </row>
    <row r="1253" spans="1:26" ht="24" customHeight="1" x14ac:dyDescent="0.2">
      <c r="A1253" s="9" t="s">
        <v>18509</v>
      </c>
      <c r="B1253" s="9" t="s">
        <v>14</v>
      </c>
      <c r="C1253" s="9" t="s">
        <v>5952</v>
      </c>
      <c r="D1253" s="6" t="s">
        <v>5953</v>
      </c>
      <c r="E1253" s="22">
        <v>43936</v>
      </c>
      <c r="F1253" s="22">
        <v>45761</v>
      </c>
      <c r="G1253" s="6" t="s">
        <v>5954</v>
      </c>
      <c r="H1253" s="6" t="s">
        <v>62</v>
      </c>
      <c r="I1253" s="6" t="s">
        <v>63</v>
      </c>
      <c r="J1253" s="6" t="s">
        <v>5955</v>
      </c>
      <c r="L1253" s="10" t="s">
        <v>22</v>
      </c>
      <c r="M1253" s="10" t="s">
        <v>22</v>
      </c>
      <c r="N1253" s="10" t="s">
        <v>22</v>
      </c>
      <c r="O1253" s="10" t="s">
        <v>22</v>
      </c>
      <c r="P1253" s="10" t="s">
        <v>22</v>
      </c>
      <c r="Q1253" s="10" t="s">
        <v>22</v>
      </c>
      <c r="R1253" s="10" t="s">
        <v>22</v>
      </c>
      <c r="S1253" s="10" t="s">
        <v>22</v>
      </c>
      <c r="T1253" s="10" t="s">
        <v>22</v>
      </c>
      <c r="U1253" s="10" t="s">
        <v>22</v>
      </c>
      <c r="V1253" s="10" t="s">
        <v>22</v>
      </c>
      <c r="W1253" s="10" t="s">
        <v>22</v>
      </c>
      <c r="X1253" s="10" t="s">
        <v>22</v>
      </c>
      <c r="Y1253" s="10" t="s">
        <v>22</v>
      </c>
      <c r="Z1253" s="10" t="s">
        <v>22</v>
      </c>
    </row>
    <row r="1254" spans="1:26" ht="24" customHeight="1" x14ac:dyDescent="0.2">
      <c r="A1254" s="9" t="s">
        <v>18510</v>
      </c>
      <c r="B1254" s="9" t="s">
        <v>14</v>
      </c>
      <c r="C1254" s="9" t="s">
        <v>5956</v>
      </c>
      <c r="D1254" s="6" t="s">
        <v>5957</v>
      </c>
      <c r="E1254" s="22">
        <v>43936</v>
      </c>
      <c r="F1254" s="22">
        <v>45761</v>
      </c>
      <c r="G1254" s="6" t="s">
        <v>5958</v>
      </c>
      <c r="H1254" s="6" t="s">
        <v>229</v>
      </c>
      <c r="I1254" s="6" t="s">
        <v>324</v>
      </c>
      <c r="J1254" s="6" t="s">
        <v>5959</v>
      </c>
      <c r="K1254" s="9" t="s">
        <v>5960</v>
      </c>
      <c r="L1254" s="10" t="s">
        <v>22</v>
      </c>
      <c r="M1254" s="10" t="s">
        <v>22</v>
      </c>
      <c r="N1254" s="10" t="s">
        <v>22</v>
      </c>
      <c r="O1254" s="10" t="s">
        <v>22</v>
      </c>
      <c r="P1254" s="10" t="s">
        <v>22</v>
      </c>
      <c r="Q1254" s="10" t="s">
        <v>22</v>
      </c>
      <c r="R1254" s="10" t="s">
        <v>22</v>
      </c>
      <c r="S1254" s="10" t="s">
        <v>22</v>
      </c>
      <c r="T1254" s="10" t="s">
        <v>22</v>
      </c>
      <c r="U1254" s="10" t="s">
        <v>22</v>
      </c>
      <c r="V1254" s="10" t="s">
        <v>22</v>
      </c>
      <c r="W1254" s="10" t="s">
        <v>22</v>
      </c>
      <c r="X1254" s="10" t="s">
        <v>22</v>
      </c>
      <c r="Y1254" s="10" t="s">
        <v>22</v>
      </c>
      <c r="Z1254" s="10" t="s">
        <v>22</v>
      </c>
    </row>
    <row r="1255" spans="1:26" ht="24" customHeight="1" x14ac:dyDescent="0.2">
      <c r="A1255" s="9" t="s">
        <v>18511</v>
      </c>
      <c r="B1255" s="9" t="s">
        <v>14</v>
      </c>
      <c r="C1255" s="9" t="s">
        <v>5961</v>
      </c>
      <c r="D1255" s="6" t="s">
        <v>5962</v>
      </c>
      <c r="E1255" s="22">
        <v>43938</v>
      </c>
      <c r="F1255" s="22">
        <v>45763</v>
      </c>
      <c r="G1255" s="6" t="s">
        <v>5963</v>
      </c>
      <c r="H1255" s="6" t="s">
        <v>62</v>
      </c>
      <c r="I1255" s="6" t="s">
        <v>236</v>
      </c>
      <c r="J1255" s="6" t="s">
        <v>5964</v>
      </c>
      <c r="K1255" s="9" t="s">
        <v>5965</v>
      </c>
      <c r="L1255" s="10" t="s">
        <v>22</v>
      </c>
      <c r="M1255" s="10" t="s">
        <v>22</v>
      </c>
      <c r="N1255" s="10" t="s">
        <v>22</v>
      </c>
      <c r="O1255" s="10" t="s">
        <v>22</v>
      </c>
      <c r="P1255" s="10" t="s">
        <v>22</v>
      </c>
      <c r="Q1255" s="10" t="s">
        <v>22</v>
      </c>
      <c r="U1255" s="10" t="s">
        <v>22</v>
      </c>
      <c r="V1255" s="10" t="s">
        <v>22</v>
      </c>
      <c r="W1255" s="10" t="s">
        <v>22</v>
      </c>
      <c r="X1255" s="10" t="s">
        <v>22</v>
      </c>
      <c r="Y1255" s="10" t="s">
        <v>22</v>
      </c>
      <c r="Z1255" s="10" t="s">
        <v>22</v>
      </c>
    </row>
    <row r="1256" spans="1:26" ht="24" customHeight="1" x14ac:dyDescent="0.2">
      <c r="A1256" s="9" t="s">
        <v>18512</v>
      </c>
      <c r="B1256" s="9" t="s">
        <v>14</v>
      </c>
      <c r="C1256" s="9" t="s">
        <v>5966</v>
      </c>
      <c r="D1256" s="6" t="s">
        <v>5967</v>
      </c>
      <c r="E1256" s="22">
        <v>43938</v>
      </c>
      <c r="F1256" s="22">
        <v>45763</v>
      </c>
      <c r="G1256" s="6" t="s">
        <v>5968</v>
      </c>
      <c r="H1256" s="6" t="s">
        <v>62</v>
      </c>
      <c r="I1256" s="6" t="s">
        <v>1141</v>
      </c>
      <c r="J1256" s="6" t="s">
        <v>20968</v>
      </c>
      <c r="K1256" s="9" t="s">
        <v>5969</v>
      </c>
      <c r="L1256" s="10" t="s">
        <v>22</v>
      </c>
      <c r="M1256" s="10" t="s">
        <v>22</v>
      </c>
      <c r="N1256" s="10" t="s">
        <v>22</v>
      </c>
      <c r="O1256" s="10" t="s">
        <v>22</v>
      </c>
      <c r="P1256" s="10" t="s">
        <v>22</v>
      </c>
      <c r="Q1256" s="10" t="s">
        <v>22</v>
      </c>
      <c r="U1256" s="10" t="s">
        <v>22</v>
      </c>
      <c r="V1256" s="10" t="s">
        <v>22</v>
      </c>
      <c r="W1256" s="10" t="s">
        <v>22</v>
      </c>
      <c r="X1256" s="10" t="s">
        <v>22</v>
      </c>
      <c r="Y1256" s="10" t="s">
        <v>22</v>
      </c>
      <c r="Z1256" s="10" t="s">
        <v>22</v>
      </c>
    </row>
    <row r="1257" spans="1:26" ht="24" customHeight="1" x14ac:dyDescent="0.2">
      <c r="A1257" s="9" t="s">
        <v>18513</v>
      </c>
      <c r="B1257" s="9" t="s">
        <v>14</v>
      </c>
      <c r="C1257" s="9" t="s">
        <v>5970</v>
      </c>
      <c r="D1257" s="6" t="s">
        <v>5971</v>
      </c>
      <c r="E1257" s="22">
        <v>43938</v>
      </c>
      <c r="F1257" s="22">
        <v>45763</v>
      </c>
      <c r="G1257" s="6" t="s">
        <v>5972</v>
      </c>
      <c r="H1257" s="6" t="s">
        <v>62</v>
      </c>
      <c r="I1257" s="6" t="s">
        <v>994</v>
      </c>
      <c r="J1257" s="6" t="s">
        <v>5973</v>
      </c>
      <c r="K1257" s="9" t="s">
        <v>5974</v>
      </c>
      <c r="L1257" s="10" t="s">
        <v>22</v>
      </c>
      <c r="M1257" s="10" t="s">
        <v>22</v>
      </c>
      <c r="N1257" s="10" t="s">
        <v>22</v>
      </c>
      <c r="O1257" s="10" t="s">
        <v>22</v>
      </c>
      <c r="P1257" s="10" t="s">
        <v>22</v>
      </c>
      <c r="Q1257" s="10" t="s">
        <v>22</v>
      </c>
      <c r="R1257" s="10" t="s">
        <v>22</v>
      </c>
      <c r="S1257" s="10" t="s">
        <v>22</v>
      </c>
      <c r="T1257" s="10" t="s">
        <v>22</v>
      </c>
      <c r="U1257" s="10" t="s">
        <v>22</v>
      </c>
      <c r="V1257" s="10" t="s">
        <v>22</v>
      </c>
      <c r="W1257" s="10" t="s">
        <v>22</v>
      </c>
      <c r="X1257" s="10" t="s">
        <v>22</v>
      </c>
      <c r="Y1257" s="10" t="s">
        <v>22</v>
      </c>
      <c r="Z1257" s="10" t="s">
        <v>22</v>
      </c>
    </row>
    <row r="1258" spans="1:26" ht="24" customHeight="1" x14ac:dyDescent="0.2">
      <c r="A1258" s="9" t="s">
        <v>18514</v>
      </c>
      <c r="B1258" s="9" t="s">
        <v>14</v>
      </c>
      <c r="C1258" s="9" t="s">
        <v>5975</v>
      </c>
      <c r="D1258" s="6" t="s">
        <v>5976</v>
      </c>
      <c r="E1258" s="22">
        <v>43943</v>
      </c>
      <c r="F1258" s="22">
        <v>45768</v>
      </c>
      <c r="G1258" s="6" t="s">
        <v>5977</v>
      </c>
      <c r="H1258" s="6" t="s">
        <v>62</v>
      </c>
      <c r="I1258" s="6" t="s">
        <v>312</v>
      </c>
      <c r="J1258" s="6" t="s">
        <v>5978</v>
      </c>
      <c r="K1258" s="9" t="s">
        <v>5979</v>
      </c>
      <c r="L1258" s="10" t="s">
        <v>22</v>
      </c>
      <c r="M1258" s="10" t="s">
        <v>22</v>
      </c>
      <c r="N1258" s="10" t="s">
        <v>22</v>
      </c>
      <c r="O1258" s="10" t="s">
        <v>22</v>
      </c>
      <c r="P1258" s="10" t="s">
        <v>22</v>
      </c>
      <c r="Q1258" s="10" t="s">
        <v>22</v>
      </c>
      <c r="R1258" s="10" t="s">
        <v>22</v>
      </c>
      <c r="S1258" s="10" t="s">
        <v>22</v>
      </c>
      <c r="T1258" s="10" t="s">
        <v>22</v>
      </c>
      <c r="U1258" s="10" t="s">
        <v>22</v>
      </c>
      <c r="V1258" s="10" t="s">
        <v>22</v>
      </c>
      <c r="W1258" s="10" t="s">
        <v>22</v>
      </c>
      <c r="X1258" s="10" t="s">
        <v>22</v>
      </c>
      <c r="Y1258" s="10" t="s">
        <v>22</v>
      </c>
      <c r="Z1258" s="10" t="s">
        <v>22</v>
      </c>
    </row>
    <row r="1259" spans="1:26" ht="24" customHeight="1" x14ac:dyDescent="0.2">
      <c r="A1259" s="9" t="s">
        <v>18515</v>
      </c>
      <c r="B1259" s="9" t="s">
        <v>14</v>
      </c>
      <c r="C1259" s="9" t="s">
        <v>5980</v>
      </c>
      <c r="D1259" s="6" t="s">
        <v>5981</v>
      </c>
      <c r="E1259" s="22">
        <v>43943</v>
      </c>
      <c r="F1259" s="22">
        <v>45768</v>
      </c>
      <c r="G1259" s="6" t="s">
        <v>5982</v>
      </c>
      <c r="H1259" s="6" t="s">
        <v>2069</v>
      </c>
      <c r="I1259" s="6" t="s">
        <v>5983</v>
      </c>
      <c r="J1259" s="6" t="s">
        <v>5984</v>
      </c>
      <c r="L1259" s="10" t="s">
        <v>22</v>
      </c>
      <c r="M1259" s="10" t="s">
        <v>22</v>
      </c>
      <c r="N1259" s="10" t="s">
        <v>22</v>
      </c>
      <c r="O1259" s="10" t="s">
        <v>22</v>
      </c>
      <c r="P1259" s="10" t="s">
        <v>22</v>
      </c>
      <c r="Q1259" s="10" t="s">
        <v>22</v>
      </c>
      <c r="U1259" s="10" t="s">
        <v>22</v>
      </c>
      <c r="V1259" s="10" t="s">
        <v>22</v>
      </c>
      <c r="W1259" s="10" t="s">
        <v>22</v>
      </c>
      <c r="X1259" s="10" t="s">
        <v>22</v>
      </c>
      <c r="Y1259" s="10" t="s">
        <v>22</v>
      </c>
      <c r="Z1259" s="10" t="s">
        <v>22</v>
      </c>
    </row>
    <row r="1260" spans="1:26" ht="24" customHeight="1" x14ac:dyDescent="0.2">
      <c r="A1260" s="9" t="s">
        <v>18516</v>
      </c>
      <c r="B1260" s="9" t="s">
        <v>14</v>
      </c>
      <c r="C1260" s="9" t="s">
        <v>5985</v>
      </c>
      <c r="D1260" s="6" t="s">
        <v>5986</v>
      </c>
      <c r="E1260" s="22">
        <v>43945</v>
      </c>
      <c r="F1260" s="22">
        <v>45770</v>
      </c>
      <c r="G1260" s="6" t="s">
        <v>5987</v>
      </c>
      <c r="H1260" s="6" t="s">
        <v>62</v>
      </c>
      <c r="I1260" s="6" t="s">
        <v>306</v>
      </c>
      <c r="J1260" s="6" t="s">
        <v>5988</v>
      </c>
      <c r="K1260" s="9" t="s">
        <v>5989</v>
      </c>
      <c r="L1260" s="10" t="s">
        <v>22</v>
      </c>
      <c r="M1260" s="10" t="s">
        <v>22</v>
      </c>
      <c r="N1260" s="10" t="s">
        <v>22</v>
      </c>
      <c r="O1260" s="10" t="s">
        <v>22</v>
      </c>
      <c r="P1260" s="10" t="s">
        <v>22</v>
      </c>
      <c r="Q1260" s="10" t="s">
        <v>22</v>
      </c>
      <c r="R1260" s="10" t="s">
        <v>22</v>
      </c>
      <c r="S1260" s="10" t="s">
        <v>22</v>
      </c>
      <c r="T1260" s="10" t="s">
        <v>22</v>
      </c>
      <c r="U1260" s="10" t="s">
        <v>22</v>
      </c>
      <c r="V1260" s="10" t="s">
        <v>22</v>
      </c>
      <c r="W1260" s="10" t="s">
        <v>22</v>
      </c>
      <c r="X1260" s="10" t="s">
        <v>22</v>
      </c>
      <c r="Y1260" s="10" t="s">
        <v>22</v>
      </c>
      <c r="Z1260" s="10" t="s">
        <v>22</v>
      </c>
    </row>
    <row r="1261" spans="1:26" ht="24" customHeight="1" x14ac:dyDescent="0.2">
      <c r="A1261" s="9" t="s">
        <v>18517</v>
      </c>
      <c r="B1261" s="9" t="s">
        <v>14</v>
      </c>
      <c r="C1261" s="9" t="s">
        <v>5990</v>
      </c>
      <c r="D1261" s="6" t="s">
        <v>5991</v>
      </c>
      <c r="E1261" s="22">
        <v>43943</v>
      </c>
      <c r="F1261" s="22">
        <v>45768</v>
      </c>
      <c r="G1261" s="6" t="s">
        <v>5992</v>
      </c>
      <c r="H1261" s="6" t="s">
        <v>62</v>
      </c>
      <c r="I1261" s="6" t="s">
        <v>379</v>
      </c>
      <c r="J1261" s="6" t="s">
        <v>5993</v>
      </c>
      <c r="K1261" s="9" t="s">
        <v>5994</v>
      </c>
      <c r="L1261" s="10" t="s">
        <v>22</v>
      </c>
      <c r="M1261" s="10" t="s">
        <v>22</v>
      </c>
      <c r="N1261" s="10" t="s">
        <v>22</v>
      </c>
      <c r="O1261" s="10" t="s">
        <v>22</v>
      </c>
      <c r="P1261" s="10" t="s">
        <v>22</v>
      </c>
      <c r="Q1261" s="10" t="s">
        <v>22</v>
      </c>
      <c r="R1261" s="10" t="s">
        <v>22</v>
      </c>
      <c r="S1261" s="10" t="s">
        <v>22</v>
      </c>
      <c r="T1261" s="10" t="s">
        <v>22</v>
      </c>
      <c r="U1261" s="10" t="s">
        <v>22</v>
      </c>
      <c r="V1261" s="10" t="s">
        <v>22</v>
      </c>
      <c r="W1261" s="10" t="s">
        <v>22</v>
      </c>
      <c r="X1261" s="10" t="s">
        <v>22</v>
      </c>
      <c r="Y1261" s="10" t="s">
        <v>22</v>
      </c>
      <c r="Z1261" s="10" t="s">
        <v>22</v>
      </c>
    </row>
    <row r="1262" spans="1:26" ht="24" customHeight="1" x14ac:dyDescent="0.2">
      <c r="A1262" s="9" t="s">
        <v>18518</v>
      </c>
      <c r="B1262" s="9" t="s">
        <v>14</v>
      </c>
      <c r="C1262" s="9" t="s">
        <v>5995</v>
      </c>
      <c r="D1262" s="6" t="s">
        <v>5996</v>
      </c>
      <c r="E1262" s="22">
        <v>43944</v>
      </c>
      <c r="F1262" s="22">
        <v>45769</v>
      </c>
      <c r="G1262" s="6" t="s">
        <v>5997</v>
      </c>
      <c r="H1262" s="6" t="s">
        <v>18</v>
      </c>
      <c r="I1262" s="6" t="s">
        <v>26</v>
      </c>
      <c r="J1262" s="6" t="s">
        <v>5998</v>
      </c>
      <c r="L1262" s="10" t="s">
        <v>22</v>
      </c>
      <c r="M1262" s="10" t="s">
        <v>22</v>
      </c>
      <c r="N1262" s="10" t="s">
        <v>22</v>
      </c>
      <c r="O1262" s="10" t="s">
        <v>22</v>
      </c>
      <c r="P1262" s="10" t="s">
        <v>22</v>
      </c>
      <c r="Q1262" s="10" t="s">
        <v>22</v>
      </c>
      <c r="R1262" s="10" t="s">
        <v>22</v>
      </c>
      <c r="S1262" s="10" t="s">
        <v>22</v>
      </c>
      <c r="T1262" s="10" t="s">
        <v>22</v>
      </c>
      <c r="U1262" s="10" t="s">
        <v>22</v>
      </c>
      <c r="V1262" s="10" t="s">
        <v>22</v>
      </c>
      <c r="W1262" s="10" t="s">
        <v>22</v>
      </c>
      <c r="X1262" s="10" t="s">
        <v>22</v>
      </c>
      <c r="Y1262" s="10" t="s">
        <v>22</v>
      </c>
      <c r="Z1262" s="10" t="s">
        <v>22</v>
      </c>
    </row>
    <row r="1263" spans="1:26" ht="34" customHeight="1" x14ac:dyDescent="0.2">
      <c r="A1263" s="9" t="s">
        <v>18519</v>
      </c>
      <c r="B1263" s="9" t="s">
        <v>14</v>
      </c>
      <c r="C1263" s="9" t="s">
        <v>5999</v>
      </c>
      <c r="D1263" s="6" t="s">
        <v>6000</v>
      </c>
      <c r="E1263" s="22">
        <v>43945</v>
      </c>
      <c r="F1263" s="22">
        <v>45770</v>
      </c>
      <c r="G1263" s="6" t="s">
        <v>6001</v>
      </c>
      <c r="H1263" s="6" t="s">
        <v>363</v>
      </c>
      <c r="I1263" s="6" t="s">
        <v>6002</v>
      </c>
      <c r="J1263" s="6" t="s">
        <v>6003</v>
      </c>
      <c r="K1263" s="9" t="s">
        <v>6004</v>
      </c>
      <c r="L1263" s="10" t="s">
        <v>22</v>
      </c>
      <c r="M1263" s="10" t="s">
        <v>22</v>
      </c>
      <c r="N1263" s="10" t="s">
        <v>22</v>
      </c>
      <c r="O1263" s="10" t="s">
        <v>22</v>
      </c>
      <c r="P1263" s="10" t="s">
        <v>22</v>
      </c>
      <c r="Q1263" s="10" t="s">
        <v>22</v>
      </c>
      <c r="R1263" s="10" t="s">
        <v>22</v>
      </c>
      <c r="S1263" s="10" t="s">
        <v>22</v>
      </c>
      <c r="T1263" s="10" t="s">
        <v>22</v>
      </c>
      <c r="V1263" s="10" t="s">
        <v>22</v>
      </c>
      <c r="W1263" s="10" t="s">
        <v>22</v>
      </c>
      <c r="Y1263" s="10" t="s">
        <v>22</v>
      </c>
      <c r="Z1263" s="10" t="s">
        <v>22</v>
      </c>
    </row>
    <row r="1264" spans="1:26" ht="24" customHeight="1" x14ac:dyDescent="0.2">
      <c r="A1264" s="9" t="s">
        <v>18520</v>
      </c>
      <c r="B1264" s="9" t="s">
        <v>14</v>
      </c>
      <c r="C1264" s="9" t="s">
        <v>6005</v>
      </c>
      <c r="D1264" s="6" t="s">
        <v>6006</v>
      </c>
      <c r="E1264" s="22">
        <v>43945</v>
      </c>
      <c r="F1264" s="22">
        <v>45770</v>
      </c>
      <c r="G1264" s="6" t="s">
        <v>6007</v>
      </c>
      <c r="H1264" s="6" t="s">
        <v>18</v>
      </c>
      <c r="I1264" s="6" t="s">
        <v>1691</v>
      </c>
      <c r="J1264" s="6" t="s">
        <v>6008</v>
      </c>
      <c r="K1264" s="9" t="s">
        <v>6009</v>
      </c>
      <c r="L1264" s="10" t="s">
        <v>22</v>
      </c>
      <c r="M1264" s="10" t="s">
        <v>22</v>
      </c>
      <c r="N1264" s="10" t="s">
        <v>22</v>
      </c>
      <c r="O1264" s="10" t="s">
        <v>22</v>
      </c>
      <c r="P1264" s="10" t="s">
        <v>22</v>
      </c>
      <c r="Q1264" s="10" t="s">
        <v>22</v>
      </c>
      <c r="R1264" s="10" t="s">
        <v>22</v>
      </c>
      <c r="S1264" s="10" t="s">
        <v>22</v>
      </c>
      <c r="T1264" s="10" t="s">
        <v>22</v>
      </c>
      <c r="U1264" s="10" t="s">
        <v>22</v>
      </c>
      <c r="V1264" s="10" t="s">
        <v>22</v>
      </c>
      <c r="W1264" s="10" t="s">
        <v>22</v>
      </c>
      <c r="X1264" s="10" t="s">
        <v>22</v>
      </c>
      <c r="Y1264" s="10" t="s">
        <v>22</v>
      </c>
      <c r="Z1264" s="10" t="s">
        <v>22</v>
      </c>
    </row>
    <row r="1265" spans="1:26" ht="24" customHeight="1" x14ac:dyDescent="0.2">
      <c r="A1265" s="9" t="s">
        <v>18521</v>
      </c>
      <c r="B1265" s="9" t="s">
        <v>14</v>
      </c>
      <c r="C1265" s="9" t="s">
        <v>6010</v>
      </c>
      <c r="D1265" s="6" t="s">
        <v>6011</v>
      </c>
      <c r="E1265" s="22">
        <v>43945</v>
      </c>
      <c r="F1265" s="22">
        <v>45770</v>
      </c>
      <c r="G1265" s="6" t="s">
        <v>6012</v>
      </c>
      <c r="H1265" s="6" t="s">
        <v>363</v>
      </c>
      <c r="I1265" s="6" t="s">
        <v>6002</v>
      </c>
      <c r="J1265" s="6" t="s">
        <v>6013</v>
      </c>
      <c r="K1265" s="9" t="s">
        <v>6014</v>
      </c>
      <c r="L1265" s="10" t="s">
        <v>22</v>
      </c>
      <c r="M1265" s="10" t="s">
        <v>22</v>
      </c>
      <c r="N1265" s="10" t="s">
        <v>22</v>
      </c>
      <c r="O1265" s="10" t="s">
        <v>22</v>
      </c>
      <c r="P1265" s="10" t="s">
        <v>22</v>
      </c>
      <c r="Q1265" s="10" t="s">
        <v>22</v>
      </c>
      <c r="R1265" s="10" t="s">
        <v>22</v>
      </c>
      <c r="S1265" s="10" t="s">
        <v>22</v>
      </c>
      <c r="T1265" s="10" t="s">
        <v>22</v>
      </c>
      <c r="U1265" s="10" t="s">
        <v>22</v>
      </c>
      <c r="V1265" s="10" t="s">
        <v>22</v>
      </c>
      <c r="W1265" s="10" t="s">
        <v>22</v>
      </c>
      <c r="X1265" s="10" t="s">
        <v>22</v>
      </c>
      <c r="Y1265" s="10" t="s">
        <v>22</v>
      </c>
      <c r="Z1265" s="10" t="s">
        <v>22</v>
      </c>
    </row>
    <row r="1266" spans="1:26" ht="24" customHeight="1" x14ac:dyDescent="0.2">
      <c r="A1266" s="9" t="s">
        <v>18522</v>
      </c>
      <c r="B1266" s="9" t="s">
        <v>14</v>
      </c>
      <c r="C1266" s="9" t="s">
        <v>6015</v>
      </c>
      <c r="D1266" s="6" t="s">
        <v>6016</v>
      </c>
      <c r="E1266" s="22">
        <v>43945</v>
      </c>
      <c r="F1266" s="22">
        <v>45770</v>
      </c>
      <c r="G1266" s="6" t="s">
        <v>6017</v>
      </c>
      <c r="H1266" s="6" t="s">
        <v>18</v>
      </c>
      <c r="I1266" s="6" t="s">
        <v>19</v>
      </c>
      <c r="J1266" s="6" t="s">
        <v>6018</v>
      </c>
      <c r="K1266" s="9" t="s">
        <v>6019</v>
      </c>
      <c r="L1266" s="10" t="s">
        <v>22</v>
      </c>
      <c r="M1266" s="10" t="s">
        <v>22</v>
      </c>
      <c r="N1266" s="10" t="s">
        <v>22</v>
      </c>
      <c r="O1266" s="10" t="s">
        <v>22</v>
      </c>
      <c r="P1266" s="10" t="s">
        <v>22</v>
      </c>
      <c r="Q1266" s="10" t="s">
        <v>22</v>
      </c>
      <c r="R1266" s="10" t="s">
        <v>22</v>
      </c>
      <c r="S1266" s="10" t="s">
        <v>22</v>
      </c>
      <c r="T1266" s="10" t="s">
        <v>22</v>
      </c>
      <c r="U1266" s="10" t="s">
        <v>22</v>
      </c>
      <c r="V1266" s="10" t="s">
        <v>22</v>
      </c>
      <c r="W1266" s="10" t="s">
        <v>22</v>
      </c>
      <c r="X1266" s="10" t="s">
        <v>22</v>
      </c>
      <c r="Y1266" s="10" t="s">
        <v>22</v>
      </c>
      <c r="Z1266" s="10" t="s">
        <v>22</v>
      </c>
    </row>
    <row r="1267" spans="1:26" ht="24" customHeight="1" x14ac:dyDescent="0.2">
      <c r="A1267" s="9" t="s">
        <v>18523</v>
      </c>
      <c r="B1267" s="9" t="s">
        <v>14</v>
      </c>
      <c r="C1267" s="9" t="s">
        <v>6020</v>
      </c>
      <c r="D1267" s="6" t="s">
        <v>6021</v>
      </c>
      <c r="E1267" s="22">
        <v>43951</v>
      </c>
      <c r="F1267" s="22">
        <v>45776</v>
      </c>
      <c r="G1267" s="6" t="s">
        <v>6022</v>
      </c>
      <c r="H1267" s="6" t="s">
        <v>229</v>
      </c>
      <c r="I1267" s="6" t="s">
        <v>4848</v>
      </c>
      <c r="J1267" s="6" t="s">
        <v>6023</v>
      </c>
      <c r="K1267" s="9" t="s">
        <v>6024</v>
      </c>
      <c r="M1267" s="10" t="s">
        <v>22</v>
      </c>
      <c r="N1267" s="10" t="s">
        <v>22</v>
      </c>
      <c r="O1267" s="10" t="s">
        <v>22</v>
      </c>
      <c r="P1267" s="10" t="s">
        <v>22</v>
      </c>
      <c r="Q1267" s="10" t="s">
        <v>22</v>
      </c>
      <c r="R1267" s="10" t="s">
        <v>22</v>
      </c>
      <c r="S1267" s="10" t="s">
        <v>22</v>
      </c>
      <c r="T1267" s="10" t="s">
        <v>22</v>
      </c>
      <c r="V1267" s="10" t="s">
        <v>22</v>
      </c>
      <c r="W1267" s="10" t="s">
        <v>22</v>
      </c>
      <c r="X1267" s="10" t="s">
        <v>22</v>
      </c>
      <c r="Y1267" s="10" t="s">
        <v>22</v>
      </c>
      <c r="Z1267" s="10" t="s">
        <v>22</v>
      </c>
    </row>
    <row r="1268" spans="1:26" ht="24" customHeight="1" x14ac:dyDescent="0.2">
      <c r="A1268" s="9" t="s">
        <v>18524</v>
      </c>
      <c r="B1268" s="9" t="s">
        <v>14</v>
      </c>
      <c r="C1268" s="9" t="s">
        <v>6025</v>
      </c>
      <c r="D1268" s="6" t="s">
        <v>6026</v>
      </c>
      <c r="E1268" s="22">
        <v>43951</v>
      </c>
      <c r="F1268" s="22">
        <v>45776</v>
      </c>
      <c r="G1268" s="6" t="s">
        <v>6027</v>
      </c>
      <c r="H1268" s="6" t="s">
        <v>229</v>
      </c>
      <c r="I1268" s="6" t="s">
        <v>230</v>
      </c>
      <c r="J1268" s="6" t="s">
        <v>6028</v>
      </c>
      <c r="L1268" s="10" t="s">
        <v>22</v>
      </c>
      <c r="M1268" s="10" t="s">
        <v>22</v>
      </c>
      <c r="N1268" s="10" t="s">
        <v>22</v>
      </c>
      <c r="O1268" s="10" t="s">
        <v>22</v>
      </c>
      <c r="P1268" s="10" t="s">
        <v>22</v>
      </c>
      <c r="Q1268" s="10" t="s">
        <v>22</v>
      </c>
      <c r="R1268" s="10" t="s">
        <v>22</v>
      </c>
      <c r="S1268" s="10" t="s">
        <v>22</v>
      </c>
      <c r="T1268" s="10" t="s">
        <v>22</v>
      </c>
      <c r="U1268" s="10" t="s">
        <v>22</v>
      </c>
      <c r="V1268" s="10" t="s">
        <v>22</v>
      </c>
      <c r="W1268" s="10" t="s">
        <v>22</v>
      </c>
      <c r="X1268" s="10" t="s">
        <v>22</v>
      </c>
      <c r="Y1268" s="10" t="s">
        <v>22</v>
      </c>
      <c r="Z1268" s="10" t="s">
        <v>22</v>
      </c>
    </row>
    <row r="1269" spans="1:26" ht="24" customHeight="1" x14ac:dyDescent="0.2">
      <c r="A1269" s="9" t="s">
        <v>18525</v>
      </c>
      <c r="B1269" s="9" t="s">
        <v>14</v>
      </c>
      <c r="C1269" s="9" t="s">
        <v>6029</v>
      </c>
      <c r="D1269" s="6" t="s">
        <v>6030</v>
      </c>
      <c r="E1269" s="22">
        <v>43958</v>
      </c>
      <c r="F1269" s="22">
        <v>45783</v>
      </c>
      <c r="G1269" s="6" t="s">
        <v>6031</v>
      </c>
      <c r="H1269" s="6" t="s">
        <v>62</v>
      </c>
      <c r="I1269" s="6" t="s">
        <v>306</v>
      </c>
      <c r="J1269" s="6" t="s">
        <v>6032</v>
      </c>
      <c r="K1269" s="9" t="s">
        <v>6033</v>
      </c>
      <c r="L1269" s="10" t="s">
        <v>22</v>
      </c>
      <c r="M1269" s="10" t="s">
        <v>22</v>
      </c>
      <c r="N1269" s="10" t="s">
        <v>22</v>
      </c>
      <c r="O1269" s="10" t="s">
        <v>22</v>
      </c>
      <c r="P1269" s="10" t="s">
        <v>22</v>
      </c>
      <c r="Q1269" s="10" t="s">
        <v>22</v>
      </c>
      <c r="U1269" s="10" t="s">
        <v>22</v>
      </c>
      <c r="V1269" s="10" t="s">
        <v>22</v>
      </c>
      <c r="W1269" s="10" t="s">
        <v>22</v>
      </c>
      <c r="X1269" s="10" t="s">
        <v>22</v>
      </c>
      <c r="Y1269" s="10" t="s">
        <v>22</v>
      </c>
      <c r="Z1269" s="10" t="s">
        <v>22</v>
      </c>
    </row>
    <row r="1270" spans="1:26" ht="24" customHeight="1" x14ac:dyDescent="0.2">
      <c r="A1270" s="9" t="s">
        <v>18526</v>
      </c>
      <c r="B1270" s="9" t="s">
        <v>14</v>
      </c>
      <c r="C1270" s="9" t="s">
        <v>6034</v>
      </c>
      <c r="D1270" s="6" t="s">
        <v>6035</v>
      </c>
      <c r="E1270" s="22">
        <v>43958</v>
      </c>
      <c r="F1270" s="22">
        <v>45783</v>
      </c>
      <c r="G1270" s="6" t="s">
        <v>6036</v>
      </c>
      <c r="H1270" s="6" t="s">
        <v>18</v>
      </c>
      <c r="I1270" s="6" t="s">
        <v>19</v>
      </c>
      <c r="J1270" s="6" t="s">
        <v>6037</v>
      </c>
      <c r="K1270" s="9" t="s">
        <v>6038</v>
      </c>
      <c r="L1270" s="10" t="s">
        <v>22</v>
      </c>
      <c r="M1270" s="10" t="s">
        <v>22</v>
      </c>
      <c r="N1270" s="10" t="s">
        <v>22</v>
      </c>
      <c r="O1270" s="10" t="s">
        <v>22</v>
      </c>
      <c r="P1270" s="10" t="s">
        <v>22</v>
      </c>
      <c r="Q1270" s="10" t="s">
        <v>22</v>
      </c>
      <c r="U1270" s="10" t="s">
        <v>22</v>
      </c>
      <c r="V1270" s="10" t="s">
        <v>22</v>
      </c>
      <c r="W1270" s="10" t="s">
        <v>22</v>
      </c>
      <c r="X1270" s="10" t="s">
        <v>22</v>
      </c>
      <c r="Y1270" s="10" t="s">
        <v>22</v>
      </c>
      <c r="Z1270" s="10" t="s">
        <v>22</v>
      </c>
    </row>
    <row r="1271" spans="1:26" ht="24" customHeight="1" x14ac:dyDescent="0.2">
      <c r="A1271" s="9" t="s">
        <v>18527</v>
      </c>
      <c r="B1271" s="9" t="s">
        <v>14</v>
      </c>
      <c r="C1271" s="9" t="s">
        <v>6039</v>
      </c>
      <c r="D1271" s="6" t="s">
        <v>6040</v>
      </c>
      <c r="E1271" s="22">
        <v>43959</v>
      </c>
      <c r="F1271" s="22">
        <v>45784</v>
      </c>
      <c r="G1271" s="6" t="s">
        <v>6041</v>
      </c>
      <c r="H1271" s="6" t="s">
        <v>202</v>
      </c>
      <c r="I1271" s="6" t="s">
        <v>2117</v>
      </c>
      <c r="J1271" s="6" t="s">
        <v>6042</v>
      </c>
      <c r="K1271" s="9" t="s">
        <v>6043</v>
      </c>
      <c r="L1271" s="10" t="s">
        <v>22</v>
      </c>
      <c r="M1271" s="10" t="s">
        <v>22</v>
      </c>
      <c r="N1271" s="10" t="s">
        <v>22</v>
      </c>
      <c r="O1271" s="10" t="s">
        <v>22</v>
      </c>
      <c r="P1271" s="10" t="s">
        <v>22</v>
      </c>
      <c r="Q1271" s="10" t="s">
        <v>22</v>
      </c>
      <c r="U1271" s="10" t="s">
        <v>22</v>
      </c>
      <c r="V1271" s="10" t="s">
        <v>22</v>
      </c>
      <c r="W1271" s="10" t="s">
        <v>22</v>
      </c>
      <c r="X1271" s="10" t="s">
        <v>22</v>
      </c>
      <c r="Y1271" s="10" t="s">
        <v>22</v>
      </c>
      <c r="Z1271" s="10" t="s">
        <v>22</v>
      </c>
    </row>
    <row r="1272" spans="1:26" ht="24" customHeight="1" x14ac:dyDescent="0.2">
      <c r="A1272" s="9" t="s">
        <v>18528</v>
      </c>
      <c r="B1272" s="9" t="s">
        <v>14</v>
      </c>
      <c r="C1272" s="9" t="s">
        <v>6044</v>
      </c>
      <c r="D1272" s="6" t="s">
        <v>6045</v>
      </c>
      <c r="E1272" s="22">
        <v>43959</v>
      </c>
      <c r="F1272" s="22">
        <v>45784</v>
      </c>
      <c r="G1272" s="6" t="s">
        <v>6046</v>
      </c>
      <c r="H1272" s="6" t="s">
        <v>202</v>
      </c>
      <c r="I1272" s="6" t="s">
        <v>441</v>
      </c>
      <c r="J1272" s="6" t="s">
        <v>6047</v>
      </c>
      <c r="K1272" s="9" t="s">
        <v>6048</v>
      </c>
      <c r="L1272" s="10" t="s">
        <v>22</v>
      </c>
      <c r="M1272" s="10" t="s">
        <v>22</v>
      </c>
      <c r="N1272" s="10" t="s">
        <v>22</v>
      </c>
      <c r="R1272" s="10" t="s">
        <v>22</v>
      </c>
      <c r="S1272" s="10" t="s">
        <v>22</v>
      </c>
      <c r="T1272" s="10" t="s">
        <v>22</v>
      </c>
      <c r="U1272" s="10" t="s">
        <v>22</v>
      </c>
      <c r="V1272" s="10" t="s">
        <v>22</v>
      </c>
      <c r="W1272" s="10" t="s">
        <v>22</v>
      </c>
    </row>
    <row r="1273" spans="1:26" ht="24" customHeight="1" x14ac:dyDescent="0.2">
      <c r="A1273" s="9" t="s">
        <v>18529</v>
      </c>
      <c r="B1273" s="9" t="s">
        <v>14</v>
      </c>
      <c r="C1273" s="9" t="s">
        <v>6049</v>
      </c>
      <c r="D1273" s="6" t="s">
        <v>6050</v>
      </c>
      <c r="E1273" s="22">
        <v>43964</v>
      </c>
      <c r="F1273" s="22">
        <v>45789</v>
      </c>
      <c r="G1273" s="6" t="s">
        <v>6051</v>
      </c>
      <c r="H1273" s="6" t="s">
        <v>1625</v>
      </c>
      <c r="I1273" s="6" t="s">
        <v>4540</v>
      </c>
      <c r="J1273" s="6" t="s">
        <v>6052</v>
      </c>
      <c r="K1273" s="9" t="s">
        <v>6053</v>
      </c>
      <c r="L1273" s="10" t="s">
        <v>22</v>
      </c>
      <c r="M1273" s="10" t="s">
        <v>22</v>
      </c>
      <c r="N1273" s="10" t="s">
        <v>22</v>
      </c>
      <c r="O1273" s="10" t="s">
        <v>22</v>
      </c>
      <c r="P1273" s="10" t="s">
        <v>22</v>
      </c>
      <c r="Q1273" s="10" t="s">
        <v>22</v>
      </c>
      <c r="R1273" s="10" t="s">
        <v>22</v>
      </c>
      <c r="S1273" s="10" t="s">
        <v>22</v>
      </c>
      <c r="T1273" s="10" t="s">
        <v>22</v>
      </c>
      <c r="U1273" s="10" t="s">
        <v>22</v>
      </c>
      <c r="V1273" s="10" t="s">
        <v>22</v>
      </c>
      <c r="W1273" s="10" t="s">
        <v>22</v>
      </c>
      <c r="X1273" s="10" t="s">
        <v>22</v>
      </c>
      <c r="Y1273" s="10" t="s">
        <v>22</v>
      </c>
      <c r="Z1273" s="10" t="s">
        <v>22</v>
      </c>
    </row>
    <row r="1274" spans="1:26" ht="24" customHeight="1" x14ac:dyDescent="0.2">
      <c r="A1274" s="9" t="s">
        <v>18530</v>
      </c>
      <c r="B1274" s="9" t="s">
        <v>14</v>
      </c>
      <c r="C1274" s="9" t="s">
        <v>6054</v>
      </c>
      <c r="D1274" s="6" t="s">
        <v>6055</v>
      </c>
      <c r="E1274" s="22">
        <v>43964</v>
      </c>
      <c r="F1274" s="22">
        <v>45789</v>
      </c>
      <c r="G1274" s="6" t="s">
        <v>6056</v>
      </c>
      <c r="H1274" s="6" t="s">
        <v>62</v>
      </c>
      <c r="I1274" s="6" t="s">
        <v>819</v>
      </c>
      <c r="J1274" s="6" t="s">
        <v>6057</v>
      </c>
      <c r="K1274" s="9" t="s">
        <v>6058</v>
      </c>
      <c r="L1274" s="10" t="s">
        <v>22</v>
      </c>
      <c r="M1274" s="10" t="s">
        <v>22</v>
      </c>
      <c r="N1274" s="10" t="s">
        <v>22</v>
      </c>
      <c r="O1274" s="10" t="s">
        <v>22</v>
      </c>
      <c r="P1274" s="10" t="s">
        <v>22</v>
      </c>
      <c r="Q1274" s="10" t="s">
        <v>22</v>
      </c>
      <c r="U1274" s="10" t="s">
        <v>22</v>
      </c>
      <c r="V1274" s="10" t="s">
        <v>22</v>
      </c>
      <c r="W1274" s="10" t="s">
        <v>22</v>
      </c>
      <c r="X1274" s="10" t="s">
        <v>22</v>
      </c>
      <c r="Y1274" s="10" t="s">
        <v>22</v>
      </c>
      <c r="Z1274" s="10" t="s">
        <v>22</v>
      </c>
    </row>
    <row r="1275" spans="1:26" ht="24" customHeight="1" x14ac:dyDescent="0.2">
      <c r="A1275" s="9" t="s">
        <v>18531</v>
      </c>
      <c r="B1275" s="9" t="s">
        <v>14</v>
      </c>
      <c r="C1275" s="9" t="s">
        <v>6059</v>
      </c>
      <c r="D1275" s="6" t="s">
        <v>6060</v>
      </c>
      <c r="E1275" s="22">
        <v>43964</v>
      </c>
      <c r="F1275" s="22">
        <v>45789</v>
      </c>
      <c r="G1275" s="6" t="s">
        <v>6061</v>
      </c>
      <c r="H1275" s="6" t="s">
        <v>62</v>
      </c>
      <c r="I1275" s="6" t="s">
        <v>6062</v>
      </c>
      <c r="J1275" s="6" t="s">
        <v>6063</v>
      </c>
      <c r="K1275" s="9" t="s">
        <v>6064</v>
      </c>
      <c r="L1275" s="10" t="s">
        <v>22</v>
      </c>
      <c r="M1275" s="10" t="s">
        <v>22</v>
      </c>
      <c r="N1275" s="10" t="s">
        <v>22</v>
      </c>
      <c r="O1275" s="10" t="s">
        <v>22</v>
      </c>
      <c r="P1275" s="10" t="s">
        <v>22</v>
      </c>
      <c r="Q1275" s="10" t="s">
        <v>22</v>
      </c>
      <c r="R1275" s="10" t="s">
        <v>22</v>
      </c>
      <c r="S1275" s="10" t="s">
        <v>22</v>
      </c>
      <c r="T1275" s="10" t="s">
        <v>22</v>
      </c>
      <c r="U1275" s="10" t="s">
        <v>22</v>
      </c>
      <c r="V1275" s="10" t="s">
        <v>22</v>
      </c>
      <c r="W1275" s="10" t="s">
        <v>22</v>
      </c>
      <c r="X1275" s="10" t="s">
        <v>22</v>
      </c>
      <c r="Y1275" s="10" t="s">
        <v>22</v>
      </c>
      <c r="Z1275" s="10" t="s">
        <v>22</v>
      </c>
    </row>
    <row r="1276" spans="1:26" ht="24" customHeight="1" x14ac:dyDescent="0.2">
      <c r="A1276" s="9" t="s">
        <v>18532</v>
      </c>
      <c r="B1276" s="9" t="s">
        <v>14</v>
      </c>
      <c r="C1276" s="9" t="s">
        <v>6065</v>
      </c>
      <c r="D1276" s="6" t="s">
        <v>6066</v>
      </c>
      <c r="E1276" s="22">
        <v>43964</v>
      </c>
      <c r="F1276" s="22">
        <v>45789</v>
      </c>
      <c r="G1276" s="6" t="s">
        <v>6067</v>
      </c>
      <c r="H1276" s="6" t="s">
        <v>202</v>
      </c>
      <c r="I1276" s="6" t="s">
        <v>5223</v>
      </c>
      <c r="J1276" s="6" t="s">
        <v>6068</v>
      </c>
      <c r="K1276" s="9" t="s">
        <v>6069</v>
      </c>
      <c r="L1276" s="10" t="s">
        <v>22</v>
      </c>
      <c r="M1276" s="10" t="s">
        <v>22</v>
      </c>
      <c r="N1276" s="10" t="s">
        <v>22</v>
      </c>
      <c r="O1276" s="10" t="s">
        <v>22</v>
      </c>
      <c r="P1276" s="10" t="s">
        <v>22</v>
      </c>
      <c r="Q1276" s="10" t="s">
        <v>22</v>
      </c>
      <c r="U1276" s="10" t="s">
        <v>22</v>
      </c>
      <c r="V1276" s="10" t="s">
        <v>22</v>
      </c>
      <c r="W1276" s="10" t="s">
        <v>22</v>
      </c>
      <c r="X1276" s="10" t="s">
        <v>22</v>
      </c>
      <c r="Y1276" s="10" t="s">
        <v>22</v>
      </c>
      <c r="Z1276" s="10" t="s">
        <v>22</v>
      </c>
    </row>
    <row r="1277" spans="1:26" ht="24" customHeight="1" x14ac:dyDescent="0.2">
      <c r="A1277" s="9" t="s">
        <v>18533</v>
      </c>
      <c r="B1277" s="9" t="s">
        <v>14</v>
      </c>
      <c r="C1277" s="9" t="s">
        <v>6070</v>
      </c>
      <c r="D1277" s="6" t="s">
        <v>6071</v>
      </c>
      <c r="E1277" s="22">
        <v>43964</v>
      </c>
      <c r="F1277" s="22">
        <v>45789</v>
      </c>
      <c r="G1277" s="6" t="s">
        <v>6072</v>
      </c>
      <c r="H1277" s="6" t="s">
        <v>62</v>
      </c>
      <c r="I1277" s="6" t="s">
        <v>379</v>
      </c>
      <c r="J1277" s="6" t="s">
        <v>6073</v>
      </c>
      <c r="L1277" s="10" t="s">
        <v>22</v>
      </c>
      <c r="M1277" s="10" t="s">
        <v>22</v>
      </c>
      <c r="N1277" s="10" t="s">
        <v>22</v>
      </c>
      <c r="O1277" s="10" t="s">
        <v>22</v>
      </c>
      <c r="P1277" s="10" t="s">
        <v>22</v>
      </c>
      <c r="Q1277" s="10" t="s">
        <v>22</v>
      </c>
      <c r="R1277" s="10" t="s">
        <v>22</v>
      </c>
      <c r="S1277" s="10" t="s">
        <v>22</v>
      </c>
      <c r="T1277" s="10" t="s">
        <v>22</v>
      </c>
      <c r="U1277" s="10" t="s">
        <v>22</v>
      </c>
      <c r="V1277" s="10" t="s">
        <v>22</v>
      </c>
      <c r="W1277" s="10" t="s">
        <v>22</v>
      </c>
      <c r="X1277" s="10" t="s">
        <v>22</v>
      </c>
      <c r="Y1277" s="10" t="s">
        <v>22</v>
      </c>
      <c r="Z1277" s="10" t="s">
        <v>22</v>
      </c>
    </row>
    <row r="1278" spans="1:26" ht="24" customHeight="1" x14ac:dyDescent="0.2">
      <c r="A1278" s="9" t="s">
        <v>18534</v>
      </c>
      <c r="B1278" s="9" t="s">
        <v>14</v>
      </c>
      <c r="C1278" s="9" t="s">
        <v>6074</v>
      </c>
      <c r="D1278" s="6" t="s">
        <v>6075</v>
      </c>
      <c r="E1278" s="22">
        <v>43969</v>
      </c>
      <c r="F1278" s="22">
        <v>45794</v>
      </c>
      <c r="G1278" s="6" t="s">
        <v>6076</v>
      </c>
      <c r="H1278" s="6" t="s">
        <v>62</v>
      </c>
      <c r="I1278" s="6" t="s">
        <v>403</v>
      </c>
      <c r="J1278" s="6" t="s">
        <v>6077</v>
      </c>
      <c r="K1278" s="9" t="s">
        <v>6078</v>
      </c>
      <c r="L1278" s="10" t="s">
        <v>22</v>
      </c>
      <c r="M1278" s="10" t="s">
        <v>22</v>
      </c>
      <c r="N1278" s="10" t="s">
        <v>22</v>
      </c>
      <c r="O1278" s="10" t="s">
        <v>22</v>
      </c>
      <c r="P1278" s="10" t="s">
        <v>22</v>
      </c>
      <c r="Q1278" s="10" t="s">
        <v>22</v>
      </c>
      <c r="R1278" s="10" t="s">
        <v>22</v>
      </c>
      <c r="S1278" s="10" t="s">
        <v>22</v>
      </c>
      <c r="T1278" s="10" t="s">
        <v>22</v>
      </c>
      <c r="U1278" s="10" t="s">
        <v>22</v>
      </c>
      <c r="V1278" s="10" t="s">
        <v>22</v>
      </c>
      <c r="W1278" s="10" t="s">
        <v>22</v>
      </c>
      <c r="X1278" s="10" t="s">
        <v>22</v>
      </c>
      <c r="Y1278" s="10" t="s">
        <v>22</v>
      </c>
      <c r="Z1278" s="10" t="s">
        <v>22</v>
      </c>
    </row>
    <row r="1279" spans="1:26" ht="24" customHeight="1" x14ac:dyDescent="0.2">
      <c r="A1279" s="9" t="s">
        <v>18535</v>
      </c>
      <c r="B1279" s="9" t="s">
        <v>14</v>
      </c>
      <c r="C1279" s="9" t="s">
        <v>6079</v>
      </c>
      <c r="D1279" s="6" t="s">
        <v>6080</v>
      </c>
      <c r="E1279" s="22">
        <v>43969</v>
      </c>
      <c r="F1279" s="22">
        <v>45794</v>
      </c>
      <c r="G1279" s="6" t="s">
        <v>6081</v>
      </c>
      <c r="H1279" s="6" t="s">
        <v>62</v>
      </c>
      <c r="I1279" s="6" t="s">
        <v>306</v>
      </c>
      <c r="J1279" s="6" t="s">
        <v>6082</v>
      </c>
      <c r="K1279" s="9" t="s">
        <v>6083</v>
      </c>
      <c r="L1279" s="10" t="s">
        <v>22</v>
      </c>
      <c r="M1279" s="10" t="s">
        <v>22</v>
      </c>
      <c r="N1279" s="10" t="s">
        <v>22</v>
      </c>
      <c r="O1279" s="10" t="s">
        <v>22</v>
      </c>
      <c r="P1279" s="10" t="s">
        <v>22</v>
      </c>
      <c r="Q1279" s="10" t="s">
        <v>22</v>
      </c>
      <c r="R1279" s="10" t="s">
        <v>22</v>
      </c>
      <c r="S1279" s="10" t="s">
        <v>22</v>
      </c>
      <c r="T1279" s="10" t="s">
        <v>22</v>
      </c>
      <c r="U1279" s="10" t="s">
        <v>22</v>
      </c>
      <c r="V1279" s="10" t="s">
        <v>22</v>
      </c>
      <c r="W1279" s="10" t="s">
        <v>22</v>
      </c>
      <c r="X1279" s="10" t="s">
        <v>22</v>
      </c>
      <c r="Y1279" s="10" t="s">
        <v>22</v>
      </c>
      <c r="Z1279" s="10" t="s">
        <v>22</v>
      </c>
    </row>
    <row r="1280" spans="1:26" ht="24" customHeight="1" x14ac:dyDescent="0.2">
      <c r="A1280" s="9" t="s">
        <v>18536</v>
      </c>
      <c r="B1280" s="9" t="s">
        <v>14</v>
      </c>
      <c r="C1280" s="9" t="s">
        <v>6084</v>
      </c>
      <c r="D1280" s="6" t="s">
        <v>6085</v>
      </c>
      <c r="E1280" s="22">
        <v>43969</v>
      </c>
      <c r="F1280" s="22">
        <v>45794</v>
      </c>
      <c r="G1280" s="6" t="s">
        <v>6086</v>
      </c>
      <c r="H1280" s="6" t="s">
        <v>62</v>
      </c>
      <c r="I1280" s="6" t="s">
        <v>306</v>
      </c>
      <c r="J1280" s="6" t="s">
        <v>6087</v>
      </c>
      <c r="K1280" s="9" t="s">
        <v>6088</v>
      </c>
      <c r="L1280" s="10" t="s">
        <v>22</v>
      </c>
      <c r="M1280" s="10" t="s">
        <v>22</v>
      </c>
      <c r="N1280" s="10" t="s">
        <v>22</v>
      </c>
      <c r="O1280" s="10" t="s">
        <v>22</v>
      </c>
      <c r="P1280" s="10" t="s">
        <v>22</v>
      </c>
      <c r="Q1280" s="10" t="s">
        <v>22</v>
      </c>
      <c r="R1280" s="10" t="s">
        <v>22</v>
      </c>
      <c r="S1280" s="10" t="s">
        <v>22</v>
      </c>
      <c r="T1280" s="10" t="s">
        <v>22</v>
      </c>
      <c r="U1280" s="10" t="s">
        <v>22</v>
      </c>
      <c r="V1280" s="10" t="s">
        <v>22</v>
      </c>
      <c r="W1280" s="10" t="s">
        <v>22</v>
      </c>
      <c r="X1280" s="10" t="s">
        <v>22</v>
      </c>
      <c r="Y1280" s="10" t="s">
        <v>22</v>
      </c>
      <c r="Z1280" s="10" t="s">
        <v>22</v>
      </c>
    </row>
    <row r="1281" spans="1:26" ht="24" customHeight="1" x14ac:dyDescent="0.2">
      <c r="A1281" s="9" t="s">
        <v>18537</v>
      </c>
      <c r="B1281" s="9" t="s">
        <v>14</v>
      </c>
      <c r="C1281" s="9" t="s">
        <v>6089</v>
      </c>
      <c r="D1281" s="6" t="s">
        <v>6090</v>
      </c>
      <c r="E1281" s="22">
        <v>43971</v>
      </c>
      <c r="F1281" s="22">
        <v>45796</v>
      </c>
      <c r="G1281" s="6" t="s">
        <v>6091</v>
      </c>
      <c r="H1281" s="6" t="s">
        <v>2368</v>
      </c>
      <c r="I1281" s="6" t="s">
        <v>6092</v>
      </c>
      <c r="J1281" s="6" t="s">
        <v>6093</v>
      </c>
      <c r="K1281" s="9" t="s">
        <v>6094</v>
      </c>
      <c r="L1281" s="10" t="s">
        <v>22</v>
      </c>
      <c r="M1281" s="10" t="s">
        <v>22</v>
      </c>
      <c r="N1281" s="10" t="s">
        <v>22</v>
      </c>
      <c r="O1281" s="10" t="s">
        <v>22</v>
      </c>
      <c r="P1281" s="10" t="s">
        <v>22</v>
      </c>
      <c r="Q1281" s="10" t="s">
        <v>22</v>
      </c>
      <c r="R1281" s="10" t="s">
        <v>22</v>
      </c>
      <c r="S1281" s="10" t="s">
        <v>22</v>
      </c>
      <c r="T1281" s="10" t="s">
        <v>22</v>
      </c>
      <c r="U1281" s="10" t="s">
        <v>22</v>
      </c>
      <c r="V1281" s="10" t="s">
        <v>22</v>
      </c>
      <c r="W1281" s="10" t="s">
        <v>22</v>
      </c>
      <c r="X1281" s="10" t="s">
        <v>22</v>
      </c>
      <c r="Y1281" s="10" t="s">
        <v>22</v>
      </c>
      <c r="Z1281" s="10" t="s">
        <v>22</v>
      </c>
    </row>
    <row r="1282" spans="1:26" ht="24" customHeight="1" x14ac:dyDescent="0.2">
      <c r="A1282" s="9" t="s">
        <v>18538</v>
      </c>
      <c r="B1282" s="9" t="s">
        <v>14</v>
      </c>
      <c r="C1282" s="9" t="s">
        <v>6095</v>
      </c>
      <c r="D1282" s="6" t="s">
        <v>6096</v>
      </c>
      <c r="E1282" s="22">
        <v>43971</v>
      </c>
      <c r="F1282" s="22">
        <v>45796</v>
      </c>
      <c r="G1282" s="6" t="s">
        <v>6097</v>
      </c>
      <c r="H1282" s="6" t="s">
        <v>2368</v>
      </c>
      <c r="I1282" s="6" t="s">
        <v>3271</v>
      </c>
      <c r="J1282" s="6" t="s">
        <v>6098</v>
      </c>
      <c r="K1282" s="9" t="s">
        <v>6099</v>
      </c>
      <c r="L1282" s="10" t="s">
        <v>22</v>
      </c>
      <c r="M1282" s="10" t="s">
        <v>22</v>
      </c>
      <c r="N1282" s="10" t="s">
        <v>22</v>
      </c>
      <c r="O1282" s="10" t="s">
        <v>22</v>
      </c>
      <c r="P1282" s="10" t="s">
        <v>22</v>
      </c>
      <c r="Q1282" s="10" t="s">
        <v>22</v>
      </c>
      <c r="U1282" s="10" t="s">
        <v>22</v>
      </c>
      <c r="V1282" s="10" t="s">
        <v>22</v>
      </c>
      <c r="W1282" s="10" t="s">
        <v>22</v>
      </c>
      <c r="X1282" s="10" t="s">
        <v>22</v>
      </c>
      <c r="Y1282" s="10" t="s">
        <v>22</v>
      </c>
      <c r="Z1282" s="10" t="s">
        <v>22</v>
      </c>
    </row>
    <row r="1283" spans="1:26" ht="24" customHeight="1" x14ac:dyDescent="0.2">
      <c r="A1283" s="9" t="s">
        <v>18539</v>
      </c>
      <c r="B1283" s="9" t="s">
        <v>14</v>
      </c>
      <c r="C1283" s="9" t="s">
        <v>6100</v>
      </c>
      <c r="D1283" s="6" t="s">
        <v>6101</v>
      </c>
      <c r="E1283" s="22">
        <v>43971</v>
      </c>
      <c r="F1283" s="22">
        <v>45796</v>
      </c>
      <c r="G1283" s="6" t="s">
        <v>6102</v>
      </c>
      <c r="H1283" s="6" t="s">
        <v>363</v>
      </c>
      <c r="I1283" s="6" t="s">
        <v>597</v>
      </c>
      <c r="J1283" s="6" t="s">
        <v>6103</v>
      </c>
      <c r="K1283" s="9" t="s">
        <v>6104</v>
      </c>
      <c r="L1283" s="10" t="s">
        <v>22</v>
      </c>
      <c r="M1283" s="10" t="s">
        <v>22</v>
      </c>
      <c r="N1283" s="10" t="s">
        <v>22</v>
      </c>
      <c r="O1283" s="10" t="s">
        <v>22</v>
      </c>
      <c r="P1283" s="10" t="s">
        <v>22</v>
      </c>
      <c r="Q1283" s="10" t="s">
        <v>22</v>
      </c>
      <c r="R1283" s="10" t="s">
        <v>22</v>
      </c>
      <c r="S1283" s="10" t="s">
        <v>22</v>
      </c>
      <c r="T1283" s="10" t="s">
        <v>22</v>
      </c>
      <c r="U1283" s="10" t="s">
        <v>22</v>
      </c>
      <c r="V1283" s="10" t="s">
        <v>22</v>
      </c>
      <c r="W1283" s="10" t="s">
        <v>22</v>
      </c>
      <c r="X1283" s="10" t="s">
        <v>22</v>
      </c>
      <c r="Y1283" s="10" t="s">
        <v>22</v>
      </c>
      <c r="Z1283" s="10" t="s">
        <v>22</v>
      </c>
    </row>
    <row r="1284" spans="1:26" ht="24" customHeight="1" x14ac:dyDescent="0.2">
      <c r="A1284" s="9" t="s">
        <v>18540</v>
      </c>
      <c r="B1284" s="9" t="s">
        <v>14</v>
      </c>
      <c r="C1284" s="9" t="s">
        <v>6105</v>
      </c>
      <c r="D1284" s="6" t="s">
        <v>6106</v>
      </c>
      <c r="E1284" s="22">
        <v>43976</v>
      </c>
      <c r="F1284" s="22">
        <v>45801</v>
      </c>
      <c r="G1284" s="6" t="s">
        <v>6107</v>
      </c>
      <c r="H1284" s="6" t="s">
        <v>62</v>
      </c>
      <c r="I1284" s="6" t="s">
        <v>186</v>
      </c>
      <c r="J1284" s="6" t="s">
        <v>6108</v>
      </c>
      <c r="K1284" s="9" t="s">
        <v>6109</v>
      </c>
      <c r="L1284" s="10" t="s">
        <v>22</v>
      </c>
      <c r="M1284" s="10" t="s">
        <v>22</v>
      </c>
      <c r="N1284" s="10" t="s">
        <v>22</v>
      </c>
      <c r="O1284" s="10" t="s">
        <v>22</v>
      </c>
      <c r="P1284" s="10" t="s">
        <v>22</v>
      </c>
      <c r="Q1284" s="10" t="s">
        <v>22</v>
      </c>
      <c r="R1284" s="10" t="s">
        <v>22</v>
      </c>
      <c r="S1284" s="10" t="s">
        <v>22</v>
      </c>
      <c r="T1284" s="10" t="s">
        <v>22</v>
      </c>
      <c r="U1284" s="10" t="s">
        <v>22</v>
      </c>
      <c r="V1284" s="10" t="s">
        <v>22</v>
      </c>
      <c r="W1284" s="10" t="s">
        <v>22</v>
      </c>
      <c r="X1284" s="10" t="s">
        <v>22</v>
      </c>
      <c r="Y1284" s="10" t="s">
        <v>22</v>
      </c>
      <c r="Z1284" s="10" t="s">
        <v>22</v>
      </c>
    </row>
    <row r="1285" spans="1:26" ht="24" customHeight="1" x14ac:dyDescent="0.2">
      <c r="A1285" s="9" t="s">
        <v>18541</v>
      </c>
      <c r="B1285" s="9" t="s">
        <v>14</v>
      </c>
      <c r="C1285" s="9" t="s">
        <v>6110</v>
      </c>
      <c r="D1285" s="6" t="s">
        <v>6111</v>
      </c>
      <c r="E1285" s="22">
        <v>43976</v>
      </c>
      <c r="F1285" s="22">
        <v>45801</v>
      </c>
      <c r="G1285" s="6" t="s">
        <v>6112</v>
      </c>
      <c r="H1285" s="6" t="s">
        <v>18</v>
      </c>
      <c r="I1285" s="6" t="s">
        <v>26</v>
      </c>
      <c r="J1285" s="6" t="s">
        <v>6113</v>
      </c>
      <c r="L1285" s="10" t="s">
        <v>22</v>
      </c>
      <c r="M1285" s="10" t="s">
        <v>22</v>
      </c>
      <c r="N1285" s="10" t="s">
        <v>22</v>
      </c>
      <c r="O1285" s="10" t="s">
        <v>22</v>
      </c>
      <c r="P1285" s="10" t="s">
        <v>22</v>
      </c>
      <c r="Q1285" s="10" t="s">
        <v>22</v>
      </c>
      <c r="R1285" s="10" t="s">
        <v>22</v>
      </c>
      <c r="S1285" s="10" t="s">
        <v>22</v>
      </c>
      <c r="T1285" s="10" t="s">
        <v>22</v>
      </c>
      <c r="U1285" s="10" t="s">
        <v>22</v>
      </c>
      <c r="V1285" s="10" t="s">
        <v>22</v>
      </c>
      <c r="W1285" s="10" t="s">
        <v>22</v>
      </c>
      <c r="X1285" s="10" t="s">
        <v>22</v>
      </c>
      <c r="Y1285" s="10" t="s">
        <v>22</v>
      </c>
      <c r="Z1285" s="10" t="s">
        <v>22</v>
      </c>
    </row>
    <row r="1286" spans="1:26" ht="24" customHeight="1" x14ac:dyDescent="0.2">
      <c r="A1286" s="9" t="s">
        <v>18542</v>
      </c>
      <c r="B1286" s="9" t="s">
        <v>14</v>
      </c>
      <c r="C1286" s="9" t="s">
        <v>6114</v>
      </c>
      <c r="D1286" s="6" t="s">
        <v>6115</v>
      </c>
      <c r="E1286" s="22">
        <v>43976</v>
      </c>
      <c r="F1286" s="22">
        <v>45801</v>
      </c>
      <c r="G1286" s="6" t="s">
        <v>6116</v>
      </c>
      <c r="H1286" s="6" t="s">
        <v>18</v>
      </c>
      <c r="I1286" s="6" t="s">
        <v>19</v>
      </c>
      <c r="J1286" s="6" t="s">
        <v>6117</v>
      </c>
      <c r="L1286" s="10" t="s">
        <v>22</v>
      </c>
      <c r="M1286" s="10" t="s">
        <v>22</v>
      </c>
      <c r="N1286" s="10" t="s">
        <v>22</v>
      </c>
      <c r="O1286" s="10" t="s">
        <v>22</v>
      </c>
      <c r="P1286" s="10" t="s">
        <v>22</v>
      </c>
      <c r="Q1286" s="10" t="s">
        <v>22</v>
      </c>
      <c r="R1286" s="10" t="s">
        <v>22</v>
      </c>
      <c r="S1286" s="10" t="s">
        <v>22</v>
      </c>
      <c r="T1286" s="10" t="s">
        <v>22</v>
      </c>
      <c r="U1286" s="10" t="s">
        <v>22</v>
      </c>
      <c r="V1286" s="10" t="s">
        <v>22</v>
      </c>
      <c r="W1286" s="10" t="s">
        <v>22</v>
      </c>
      <c r="X1286" s="10" t="s">
        <v>22</v>
      </c>
      <c r="Y1286" s="10" t="s">
        <v>22</v>
      </c>
      <c r="Z1286" s="10" t="s">
        <v>22</v>
      </c>
    </row>
    <row r="1287" spans="1:26" ht="24" customHeight="1" x14ac:dyDescent="0.2">
      <c r="A1287" s="9" t="s">
        <v>18543</v>
      </c>
      <c r="B1287" s="9" t="s">
        <v>14</v>
      </c>
      <c r="C1287" s="9" t="s">
        <v>6118</v>
      </c>
      <c r="D1287" s="6" t="s">
        <v>6119</v>
      </c>
      <c r="E1287" s="22">
        <v>43976</v>
      </c>
      <c r="F1287" s="22">
        <v>45801</v>
      </c>
      <c r="G1287" s="6" t="s">
        <v>6120</v>
      </c>
      <c r="H1287" s="6" t="s">
        <v>62</v>
      </c>
      <c r="I1287" s="6" t="s">
        <v>73</v>
      </c>
      <c r="J1287" s="6" t="s">
        <v>6121</v>
      </c>
      <c r="K1287" s="9" t="s">
        <v>6122</v>
      </c>
      <c r="L1287" s="10" t="s">
        <v>22</v>
      </c>
      <c r="M1287" s="10" t="s">
        <v>22</v>
      </c>
      <c r="N1287" s="10" t="s">
        <v>22</v>
      </c>
      <c r="O1287" s="10" t="s">
        <v>22</v>
      </c>
      <c r="P1287" s="10" t="s">
        <v>22</v>
      </c>
      <c r="Q1287" s="10" t="s">
        <v>22</v>
      </c>
      <c r="R1287" s="10" t="s">
        <v>22</v>
      </c>
      <c r="S1287" s="10" t="s">
        <v>22</v>
      </c>
      <c r="T1287" s="10" t="s">
        <v>22</v>
      </c>
      <c r="U1287" s="10" t="s">
        <v>22</v>
      </c>
      <c r="V1287" s="10" t="s">
        <v>22</v>
      </c>
      <c r="W1287" s="10" t="s">
        <v>22</v>
      </c>
      <c r="X1287" s="10" t="s">
        <v>22</v>
      </c>
      <c r="Y1287" s="10" t="s">
        <v>22</v>
      </c>
      <c r="Z1287" s="10" t="s">
        <v>22</v>
      </c>
    </row>
    <row r="1288" spans="1:26" ht="24" customHeight="1" x14ac:dyDescent="0.2">
      <c r="A1288" s="9" t="s">
        <v>18544</v>
      </c>
      <c r="B1288" s="9" t="s">
        <v>14</v>
      </c>
      <c r="C1288" s="9" t="s">
        <v>6123</v>
      </c>
      <c r="D1288" s="6" t="s">
        <v>6124</v>
      </c>
      <c r="E1288" s="22">
        <v>43976</v>
      </c>
      <c r="F1288" s="22">
        <v>45801</v>
      </c>
      <c r="G1288" s="6" t="s">
        <v>6125</v>
      </c>
      <c r="H1288" s="6" t="s">
        <v>62</v>
      </c>
      <c r="I1288" s="6" t="s">
        <v>306</v>
      </c>
      <c r="J1288" s="6" t="s">
        <v>6126</v>
      </c>
      <c r="L1288" s="10" t="s">
        <v>22</v>
      </c>
      <c r="M1288" s="10" t="s">
        <v>22</v>
      </c>
      <c r="N1288" s="10" t="s">
        <v>22</v>
      </c>
      <c r="O1288" s="10" t="s">
        <v>22</v>
      </c>
      <c r="P1288" s="10" t="s">
        <v>22</v>
      </c>
      <c r="Q1288" s="10" t="s">
        <v>22</v>
      </c>
      <c r="U1288" s="10" t="s">
        <v>22</v>
      </c>
      <c r="V1288" s="10" t="s">
        <v>22</v>
      </c>
      <c r="W1288" s="10" t="s">
        <v>22</v>
      </c>
      <c r="X1288" s="10" t="s">
        <v>22</v>
      </c>
      <c r="Y1288" s="10" t="s">
        <v>22</v>
      </c>
      <c r="Z1288" s="10" t="s">
        <v>22</v>
      </c>
    </row>
    <row r="1289" spans="1:26" ht="24" customHeight="1" x14ac:dyDescent="0.2">
      <c r="A1289" s="9" t="s">
        <v>18545</v>
      </c>
      <c r="B1289" s="9" t="s">
        <v>14</v>
      </c>
      <c r="C1289" s="9" t="s">
        <v>6127</v>
      </c>
      <c r="D1289" s="6" t="s">
        <v>6128</v>
      </c>
      <c r="E1289" s="22">
        <v>43976</v>
      </c>
      <c r="F1289" s="22">
        <v>45801</v>
      </c>
      <c r="G1289" s="6" t="s">
        <v>6129</v>
      </c>
      <c r="H1289" s="6" t="s">
        <v>62</v>
      </c>
      <c r="I1289" s="6" t="s">
        <v>306</v>
      </c>
      <c r="J1289" s="6" t="s">
        <v>6130</v>
      </c>
      <c r="K1289" s="9" t="s">
        <v>6131</v>
      </c>
      <c r="L1289" s="10" t="s">
        <v>22</v>
      </c>
      <c r="M1289" s="10" t="s">
        <v>22</v>
      </c>
      <c r="N1289" s="10" t="s">
        <v>22</v>
      </c>
      <c r="O1289" s="10" t="s">
        <v>22</v>
      </c>
      <c r="P1289" s="10" t="s">
        <v>22</v>
      </c>
      <c r="Q1289" s="10" t="s">
        <v>22</v>
      </c>
      <c r="R1289" s="10" t="s">
        <v>22</v>
      </c>
      <c r="S1289" s="10" t="s">
        <v>22</v>
      </c>
      <c r="T1289" s="10" t="s">
        <v>22</v>
      </c>
      <c r="U1289" s="10" t="s">
        <v>22</v>
      </c>
      <c r="V1289" s="10" t="s">
        <v>22</v>
      </c>
      <c r="W1289" s="10" t="s">
        <v>22</v>
      </c>
      <c r="X1289" s="10" t="s">
        <v>22</v>
      </c>
      <c r="Y1289" s="10" t="s">
        <v>22</v>
      </c>
      <c r="Z1289" s="10" t="s">
        <v>22</v>
      </c>
    </row>
    <row r="1290" spans="1:26" ht="24" customHeight="1" x14ac:dyDescent="0.2">
      <c r="A1290" s="9" t="s">
        <v>18546</v>
      </c>
      <c r="B1290" s="9" t="s">
        <v>14</v>
      </c>
      <c r="C1290" s="9" t="s">
        <v>6132</v>
      </c>
      <c r="D1290" s="6" t="s">
        <v>3938</v>
      </c>
      <c r="E1290" s="22">
        <v>43979</v>
      </c>
      <c r="F1290" s="22">
        <v>45804</v>
      </c>
      <c r="G1290" s="6" t="s">
        <v>3939</v>
      </c>
      <c r="H1290" s="6" t="s">
        <v>202</v>
      </c>
      <c r="I1290" s="6" t="s">
        <v>863</v>
      </c>
      <c r="J1290" s="6" t="s">
        <v>6133</v>
      </c>
      <c r="K1290" s="9" t="s">
        <v>6134</v>
      </c>
      <c r="M1290" s="10" t="s">
        <v>22</v>
      </c>
      <c r="N1290" s="10" t="s">
        <v>22</v>
      </c>
      <c r="V1290" s="10" t="s">
        <v>22</v>
      </c>
      <c r="W1290" s="10" t="s">
        <v>22</v>
      </c>
    </row>
    <row r="1291" spans="1:26" ht="24" customHeight="1" x14ac:dyDescent="0.2">
      <c r="A1291" s="9" t="s">
        <v>18547</v>
      </c>
      <c r="B1291" s="9" t="s">
        <v>14</v>
      </c>
      <c r="C1291" s="9" t="s">
        <v>6135</v>
      </c>
      <c r="D1291" s="6" t="s">
        <v>16224</v>
      </c>
      <c r="E1291" s="22">
        <v>43979</v>
      </c>
      <c r="F1291" s="22">
        <v>45804</v>
      </c>
      <c r="G1291" s="6" t="s">
        <v>16225</v>
      </c>
      <c r="H1291" s="6" t="s">
        <v>62</v>
      </c>
      <c r="I1291" s="6" t="s">
        <v>477</v>
      </c>
      <c r="J1291" s="6" t="s">
        <v>6136</v>
      </c>
      <c r="K1291" s="9" t="s">
        <v>6137</v>
      </c>
      <c r="L1291" s="10" t="s">
        <v>22</v>
      </c>
      <c r="M1291" s="10" t="s">
        <v>22</v>
      </c>
      <c r="N1291" s="10" t="s">
        <v>22</v>
      </c>
      <c r="O1291" s="10" t="s">
        <v>22</v>
      </c>
      <c r="P1291" s="10" t="s">
        <v>22</v>
      </c>
      <c r="Q1291" s="10" t="s">
        <v>22</v>
      </c>
      <c r="R1291" s="10" t="s">
        <v>22</v>
      </c>
      <c r="S1291" s="10" t="s">
        <v>22</v>
      </c>
      <c r="T1291" s="10" t="s">
        <v>22</v>
      </c>
      <c r="V1291" s="10" t="s">
        <v>22</v>
      </c>
      <c r="W1291" s="10" t="s">
        <v>22</v>
      </c>
      <c r="Y1291" s="10" t="s">
        <v>22</v>
      </c>
      <c r="Z1291" s="10" t="s">
        <v>22</v>
      </c>
    </row>
    <row r="1292" spans="1:26" ht="24" customHeight="1" x14ac:dyDescent="0.2">
      <c r="A1292" s="9" t="s">
        <v>18548</v>
      </c>
      <c r="B1292" s="9" t="s">
        <v>14</v>
      </c>
      <c r="C1292" s="9" t="s">
        <v>6138</v>
      </c>
      <c r="D1292" s="6" t="s">
        <v>6139</v>
      </c>
      <c r="E1292" s="22">
        <v>43979</v>
      </c>
      <c r="F1292" s="22">
        <v>45804</v>
      </c>
      <c r="G1292" s="6" t="s">
        <v>6140</v>
      </c>
      <c r="H1292" s="6" t="s">
        <v>4493</v>
      </c>
      <c r="I1292" s="6" t="s">
        <v>6141</v>
      </c>
      <c r="J1292" s="6" t="s">
        <v>6142</v>
      </c>
      <c r="K1292" s="9" t="s">
        <v>6143</v>
      </c>
      <c r="L1292" s="10" t="s">
        <v>22</v>
      </c>
      <c r="M1292" s="10" t="s">
        <v>22</v>
      </c>
      <c r="N1292" s="10" t="s">
        <v>22</v>
      </c>
      <c r="O1292" s="10" t="s">
        <v>22</v>
      </c>
      <c r="P1292" s="10" t="s">
        <v>22</v>
      </c>
      <c r="Q1292" s="10" t="s">
        <v>22</v>
      </c>
      <c r="R1292" s="10" t="s">
        <v>22</v>
      </c>
      <c r="S1292" s="10" t="s">
        <v>22</v>
      </c>
      <c r="T1292" s="10" t="s">
        <v>22</v>
      </c>
      <c r="U1292" s="10" t="s">
        <v>22</v>
      </c>
      <c r="V1292" s="10" t="s">
        <v>22</v>
      </c>
      <c r="W1292" s="10" t="s">
        <v>22</v>
      </c>
      <c r="X1292" s="10" t="s">
        <v>22</v>
      </c>
      <c r="Y1292" s="10" t="s">
        <v>22</v>
      </c>
      <c r="Z1292" s="10" t="s">
        <v>22</v>
      </c>
    </row>
    <row r="1293" spans="1:26" ht="24" customHeight="1" x14ac:dyDescent="0.2">
      <c r="A1293" s="9" t="s">
        <v>18549</v>
      </c>
      <c r="B1293" s="9" t="s">
        <v>14</v>
      </c>
      <c r="C1293" s="9" t="s">
        <v>6144</v>
      </c>
      <c r="D1293" s="6" t="s">
        <v>6145</v>
      </c>
      <c r="E1293" s="22">
        <v>43979</v>
      </c>
      <c r="F1293" s="22">
        <v>45804</v>
      </c>
      <c r="G1293" s="6" t="s">
        <v>6146</v>
      </c>
      <c r="H1293" s="6" t="s">
        <v>62</v>
      </c>
      <c r="I1293" s="6" t="s">
        <v>4879</v>
      </c>
      <c r="J1293" s="6" t="s">
        <v>6147</v>
      </c>
      <c r="K1293" s="9" t="s">
        <v>6148</v>
      </c>
      <c r="L1293" s="10" t="s">
        <v>22</v>
      </c>
      <c r="M1293" s="10" t="s">
        <v>22</v>
      </c>
      <c r="N1293" s="10" t="s">
        <v>22</v>
      </c>
      <c r="O1293" s="10" t="s">
        <v>22</v>
      </c>
      <c r="P1293" s="10" t="s">
        <v>22</v>
      </c>
      <c r="Q1293" s="10" t="s">
        <v>22</v>
      </c>
      <c r="R1293" s="10" t="s">
        <v>22</v>
      </c>
      <c r="S1293" s="10" t="s">
        <v>22</v>
      </c>
      <c r="T1293" s="10" t="s">
        <v>22</v>
      </c>
      <c r="U1293" s="10" t="s">
        <v>22</v>
      </c>
      <c r="V1293" s="10" t="s">
        <v>22</v>
      </c>
      <c r="W1293" s="10" t="s">
        <v>22</v>
      </c>
      <c r="X1293" s="10" t="s">
        <v>22</v>
      </c>
      <c r="Y1293" s="10" t="s">
        <v>22</v>
      </c>
      <c r="Z1293" s="10" t="s">
        <v>22</v>
      </c>
    </row>
    <row r="1294" spans="1:26" ht="24" customHeight="1" x14ac:dyDescent="0.2">
      <c r="A1294" s="9" t="s">
        <v>18550</v>
      </c>
      <c r="B1294" s="9" t="s">
        <v>14</v>
      </c>
      <c r="C1294" s="9" t="s">
        <v>6149</v>
      </c>
      <c r="D1294" s="6" t="s">
        <v>6150</v>
      </c>
      <c r="E1294" s="22">
        <v>43983</v>
      </c>
      <c r="F1294" s="22">
        <v>45808</v>
      </c>
      <c r="G1294" s="6" t="s">
        <v>6151</v>
      </c>
      <c r="H1294" s="6" t="s">
        <v>62</v>
      </c>
      <c r="I1294" s="6" t="s">
        <v>73</v>
      </c>
      <c r="J1294" s="6" t="s">
        <v>6152</v>
      </c>
      <c r="L1294" s="10" t="s">
        <v>22</v>
      </c>
      <c r="M1294" s="10" t="s">
        <v>22</v>
      </c>
      <c r="N1294" s="10" t="s">
        <v>22</v>
      </c>
      <c r="O1294" s="10" t="s">
        <v>22</v>
      </c>
      <c r="P1294" s="10" t="s">
        <v>22</v>
      </c>
      <c r="Q1294" s="10" t="s">
        <v>22</v>
      </c>
      <c r="U1294" s="10" t="s">
        <v>22</v>
      </c>
      <c r="V1294" s="10" t="s">
        <v>22</v>
      </c>
      <c r="W1294" s="10" t="s">
        <v>22</v>
      </c>
      <c r="X1294" s="10" t="s">
        <v>22</v>
      </c>
      <c r="Y1294" s="10" t="s">
        <v>22</v>
      </c>
      <c r="Z1294" s="10" t="s">
        <v>22</v>
      </c>
    </row>
    <row r="1295" spans="1:26" ht="24" customHeight="1" x14ac:dyDescent="0.2">
      <c r="A1295" s="9" t="s">
        <v>18551</v>
      </c>
      <c r="B1295" s="9" t="s">
        <v>14</v>
      </c>
      <c r="C1295" s="9" t="s">
        <v>6153</v>
      </c>
      <c r="D1295" s="6" t="s">
        <v>6154</v>
      </c>
      <c r="E1295" s="22">
        <v>43990</v>
      </c>
      <c r="F1295" s="22">
        <v>45815</v>
      </c>
      <c r="G1295" s="6" t="s">
        <v>6155</v>
      </c>
      <c r="H1295" s="6" t="s">
        <v>62</v>
      </c>
      <c r="I1295" s="6" t="s">
        <v>477</v>
      </c>
      <c r="J1295" s="6" t="s">
        <v>6156</v>
      </c>
      <c r="K1295" s="9" t="s">
        <v>6157</v>
      </c>
      <c r="L1295" s="10" t="s">
        <v>22</v>
      </c>
      <c r="M1295" s="10" t="s">
        <v>22</v>
      </c>
      <c r="N1295" s="10" t="s">
        <v>22</v>
      </c>
      <c r="O1295" s="10" t="s">
        <v>22</v>
      </c>
      <c r="P1295" s="10" t="s">
        <v>22</v>
      </c>
      <c r="Q1295" s="10" t="s">
        <v>22</v>
      </c>
      <c r="R1295" s="10" t="s">
        <v>22</v>
      </c>
      <c r="S1295" s="10" t="s">
        <v>22</v>
      </c>
      <c r="T1295" s="10" t="s">
        <v>22</v>
      </c>
      <c r="U1295" s="10" t="s">
        <v>22</v>
      </c>
      <c r="V1295" s="10" t="s">
        <v>22</v>
      </c>
      <c r="W1295" s="10" t="s">
        <v>22</v>
      </c>
      <c r="X1295" s="10" t="s">
        <v>22</v>
      </c>
      <c r="Y1295" s="10" t="s">
        <v>22</v>
      </c>
      <c r="Z1295" s="10" t="s">
        <v>22</v>
      </c>
    </row>
    <row r="1296" spans="1:26" ht="24" customHeight="1" x14ac:dyDescent="0.2">
      <c r="A1296" s="9" t="s">
        <v>18552</v>
      </c>
      <c r="B1296" s="9" t="s">
        <v>14</v>
      </c>
      <c r="C1296" s="9" t="s">
        <v>6158</v>
      </c>
      <c r="D1296" s="6" t="s">
        <v>6159</v>
      </c>
      <c r="E1296" s="22">
        <v>43990</v>
      </c>
      <c r="F1296" s="22">
        <v>45815</v>
      </c>
      <c r="G1296" s="6" t="s">
        <v>6160</v>
      </c>
      <c r="H1296" s="6" t="s">
        <v>62</v>
      </c>
      <c r="I1296" s="6" t="s">
        <v>186</v>
      </c>
      <c r="J1296" s="6" t="s">
        <v>6161</v>
      </c>
      <c r="L1296" s="10" t="s">
        <v>22</v>
      </c>
      <c r="M1296" s="10" t="s">
        <v>22</v>
      </c>
      <c r="N1296" s="10" t="s">
        <v>22</v>
      </c>
      <c r="O1296" s="10" t="s">
        <v>22</v>
      </c>
      <c r="P1296" s="10" t="s">
        <v>22</v>
      </c>
      <c r="Q1296" s="10" t="s">
        <v>22</v>
      </c>
      <c r="U1296" s="10" t="s">
        <v>22</v>
      </c>
      <c r="V1296" s="10" t="s">
        <v>22</v>
      </c>
      <c r="W1296" s="10" t="s">
        <v>22</v>
      </c>
      <c r="X1296" s="10" t="s">
        <v>22</v>
      </c>
      <c r="Y1296" s="10" t="s">
        <v>22</v>
      </c>
      <c r="Z1296" s="10" t="s">
        <v>22</v>
      </c>
    </row>
    <row r="1297" spans="1:26" ht="24" customHeight="1" x14ac:dyDescent="0.2">
      <c r="A1297" s="9" t="s">
        <v>18553</v>
      </c>
      <c r="B1297" s="9" t="s">
        <v>14</v>
      </c>
      <c r="C1297" s="9" t="s">
        <v>6162</v>
      </c>
      <c r="D1297" s="6" t="s">
        <v>6163</v>
      </c>
      <c r="E1297" s="22">
        <v>43990</v>
      </c>
      <c r="F1297" s="22">
        <v>45815</v>
      </c>
      <c r="G1297" s="6" t="s">
        <v>6164</v>
      </c>
      <c r="H1297" s="6" t="s">
        <v>62</v>
      </c>
      <c r="I1297" s="6" t="s">
        <v>493</v>
      </c>
      <c r="J1297" s="6" t="s">
        <v>6165</v>
      </c>
      <c r="K1297" s="9" t="s">
        <v>6166</v>
      </c>
      <c r="L1297" s="10" t="s">
        <v>22</v>
      </c>
      <c r="M1297" s="10" t="s">
        <v>22</v>
      </c>
      <c r="N1297" s="10" t="s">
        <v>22</v>
      </c>
      <c r="O1297" s="10" t="s">
        <v>22</v>
      </c>
      <c r="P1297" s="10" t="s">
        <v>22</v>
      </c>
      <c r="Q1297" s="10" t="s">
        <v>22</v>
      </c>
      <c r="S1297" s="10" t="s">
        <v>22</v>
      </c>
      <c r="T1297" s="10" t="s">
        <v>22</v>
      </c>
      <c r="V1297" s="10" t="s">
        <v>22</v>
      </c>
      <c r="W1297" s="10" t="s">
        <v>22</v>
      </c>
      <c r="Y1297" s="10" t="s">
        <v>22</v>
      </c>
      <c r="Z1297" s="10" t="s">
        <v>22</v>
      </c>
    </row>
    <row r="1298" spans="1:26" ht="24" customHeight="1" x14ac:dyDescent="0.2">
      <c r="A1298" s="9" t="s">
        <v>18554</v>
      </c>
      <c r="B1298" s="9" t="s">
        <v>14</v>
      </c>
      <c r="C1298" s="9" t="s">
        <v>6167</v>
      </c>
      <c r="D1298" s="6" t="s">
        <v>6168</v>
      </c>
      <c r="E1298" s="22">
        <v>43990</v>
      </c>
      <c r="F1298" s="22">
        <v>45815</v>
      </c>
      <c r="G1298" s="6" t="s">
        <v>6169</v>
      </c>
      <c r="H1298" s="6" t="s">
        <v>1625</v>
      </c>
      <c r="I1298" s="6" t="s">
        <v>3516</v>
      </c>
      <c r="J1298" s="6" t="s">
        <v>6170</v>
      </c>
      <c r="K1298" s="9" t="s">
        <v>6171</v>
      </c>
      <c r="L1298" s="10" t="s">
        <v>22</v>
      </c>
      <c r="M1298" s="10" t="s">
        <v>22</v>
      </c>
      <c r="N1298" s="10" t="s">
        <v>22</v>
      </c>
      <c r="O1298" s="10" t="s">
        <v>22</v>
      </c>
      <c r="P1298" s="10" t="s">
        <v>22</v>
      </c>
      <c r="Q1298" s="10" t="s">
        <v>22</v>
      </c>
      <c r="R1298" s="10" t="s">
        <v>22</v>
      </c>
      <c r="S1298" s="10" t="s">
        <v>22</v>
      </c>
      <c r="T1298" s="10" t="s">
        <v>22</v>
      </c>
      <c r="U1298" s="10" t="s">
        <v>22</v>
      </c>
      <c r="V1298" s="10" t="s">
        <v>22</v>
      </c>
      <c r="W1298" s="10" t="s">
        <v>22</v>
      </c>
      <c r="X1298" s="10" t="s">
        <v>22</v>
      </c>
      <c r="Y1298" s="10" t="s">
        <v>22</v>
      </c>
      <c r="Z1298" s="10" t="s">
        <v>22</v>
      </c>
    </row>
    <row r="1299" spans="1:26" ht="24" customHeight="1" x14ac:dyDescent="0.2">
      <c r="A1299" s="9" t="s">
        <v>18555</v>
      </c>
      <c r="B1299" s="9" t="s">
        <v>14</v>
      </c>
      <c r="C1299" s="9" t="s">
        <v>6172</v>
      </c>
      <c r="D1299" s="6" t="s">
        <v>6173</v>
      </c>
      <c r="E1299" s="22">
        <v>44000</v>
      </c>
      <c r="F1299" s="22">
        <v>45825</v>
      </c>
      <c r="G1299" s="6" t="s">
        <v>6174</v>
      </c>
      <c r="H1299" s="6" t="s">
        <v>18</v>
      </c>
      <c r="I1299" s="6" t="s">
        <v>26</v>
      </c>
      <c r="J1299" s="6" t="s">
        <v>6175</v>
      </c>
      <c r="L1299" s="10" t="s">
        <v>22</v>
      </c>
      <c r="M1299" s="10" t="s">
        <v>22</v>
      </c>
      <c r="N1299" s="10" t="s">
        <v>22</v>
      </c>
      <c r="O1299" s="10" t="s">
        <v>22</v>
      </c>
      <c r="P1299" s="10" t="s">
        <v>22</v>
      </c>
      <c r="Q1299" s="10" t="s">
        <v>22</v>
      </c>
      <c r="R1299" s="10" t="s">
        <v>22</v>
      </c>
      <c r="S1299" s="10" t="s">
        <v>22</v>
      </c>
      <c r="T1299" s="10" t="s">
        <v>22</v>
      </c>
      <c r="U1299" s="10" t="s">
        <v>22</v>
      </c>
      <c r="V1299" s="10" t="s">
        <v>22</v>
      </c>
      <c r="W1299" s="10" t="s">
        <v>22</v>
      </c>
      <c r="X1299" s="10" t="s">
        <v>22</v>
      </c>
      <c r="Y1299" s="10" t="s">
        <v>22</v>
      </c>
      <c r="Z1299" s="10" t="s">
        <v>22</v>
      </c>
    </row>
    <row r="1300" spans="1:26" ht="24" customHeight="1" x14ac:dyDescent="0.2">
      <c r="A1300" s="9" t="s">
        <v>18556</v>
      </c>
      <c r="B1300" s="9" t="s">
        <v>14</v>
      </c>
      <c r="C1300" s="9" t="s">
        <v>6176</v>
      </c>
      <c r="D1300" s="6" t="s">
        <v>6177</v>
      </c>
      <c r="E1300" s="22">
        <v>44000</v>
      </c>
      <c r="F1300" s="22">
        <v>45825</v>
      </c>
      <c r="G1300" s="6" t="s">
        <v>6178</v>
      </c>
      <c r="H1300" s="6" t="s">
        <v>202</v>
      </c>
      <c r="I1300" s="6" t="s">
        <v>6179</v>
      </c>
      <c r="J1300" s="6" t="s">
        <v>6180</v>
      </c>
      <c r="K1300" s="9" t="s">
        <v>6181</v>
      </c>
      <c r="L1300" s="10" t="s">
        <v>22</v>
      </c>
      <c r="M1300" s="10" t="s">
        <v>22</v>
      </c>
      <c r="N1300" s="10" t="s">
        <v>22</v>
      </c>
      <c r="O1300" s="10" t="s">
        <v>22</v>
      </c>
      <c r="P1300" s="10" t="s">
        <v>22</v>
      </c>
      <c r="Q1300" s="10" t="s">
        <v>22</v>
      </c>
      <c r="R1300" s="10" t="s">
        <v>22</v>
      </c>
      <c r="S1300" s="10" t="s">
        <v>22</v>
      </c>
      <c r="T1300" s="10" t="s">
        <v>22</v>
      </c>
      <c r="U1300" s="10" t="s">
        <v>22</v>
      </c>
      <c r="V1300" s="10" t="s">
        <v>22</v>
      </c>
      <c r="W1300" s="10" t="s">
        <v>22</v>
      </c>
      <c r="X1300" s="10" t="s">
        <v>22</v>
      </c>
      <c r="Y1300" s="10" t="s">
        <v>22</v>
      </c>
      <c r="Z1300" s="10" t="s">
        <v>22</v>
      </c>
    </row>
    <row r="1301" spans="1:26" ht="24" customHeight="1" x14ac:dyDescent="0.2">
      <c r="A1301" s="9" t="s">
        <v>18557</v>
      </c>
      <c r="B1301" s="9" t="s">
        <v>14</v>
      </c>
      <c r="C1301" s="9" t="s">
        <v>6182</v>
      </c>
      <c r="D1301" s="6" t="s">
        <v>6183</v>
      </c>
      <c r="E1301" s="22">
        <v>44000</v>
      </c>
      <c r="F1301" s="22">
        <v>45825</v>
      </c>
      <c r="G1301" s="6" t="s">
        <v>6184</v>
      </c>
      <c r="H1301" s="6" t="s">
        <v>363</v>
      </c>
      <c r="I1301" s="6" t="s">
        <v>646</v>
      </c>
      <c r="J1301" s="6" t="s">
        <v>6185</v>
      </c>
      <c r="K1301" s="9" t="s">
        <v>6186</v>
      </c>
      <c r="L1301" s="10" t="s">
        <v>22</v>
      </c>
      <c r="M1301" s="10" t="s">
        <v>22</v>
      </c>
      <c r="N1301" s="10" t="s">
        <v>22</v>
      </c>
      <c r="O1301" s="10" t="s">
        <v>22</v>
      </c>
      <c r="P1301" s="10" t="s">
        <v>22</v>
      </c>
      <c r="Q1301" s="10" t="s">
        <v>22</v>
      </c>
      <c r="R1301" s="10" t="s">
        <v>22</v>
      </c>
      <c r="S1301" s="10" t="s">
        <v>22</v>
      </c>
      <c r="T1301" s="10" t="s">
        <v>22</v>
      </c>
      <c r="U1301" s="10" t="s">
        <v>22</v>
      </c>
      <c r="V1301" s="10" t="s">
        <v>22</v>
      </c>
      <c r="W1301" s="10" t="s">
        <v>22</v>
      </c>
      <c r="X1301" s="10" t="s">
        <v>22</v>
      </c>
      <c r="Y1301" s="10" t="s">
        <v>22</v>
      </c>
      <c r="Z1301" s="10" t="s">
        <v>22</v>
      </c>
    </row>
    <row r="1302" spans="1:26" ht="24" customHeight="1" x14ac:dyDescent="0.2">
      <c r="A1302" s="9" t="s">
        <v>18558</v>
      </c>
      <c r="B1302" s="9" t="s">
        <v>14</v>
      </c>
      <c r="C1302" s="9" t="s">
        <v>6187</v>
      </c>
      <c r="D1302" s="6" t="s">
        <v>6188</v>
      </c>
      <c r="E1302" s="22">
        <v>44000</v>
      </c>
      <c r="F1302" s="22">
        <v>45825</v>
      </c>
      <c r="G1302" s="6" t="s">
        <v>6189</v>
      </c>
      <c r="H1302" s="6" t="s">
        <v>2069</v>
      </c>
      <c r="I1302" s="6" t="s">
        <v>6190</v>
      </c>
      <c r="J1302" s="6" t="s">
        <v>6191</v>
      </c>
      <c r="K1302" s="9" t="s">
        <v>6192</v>
      </c>
      <c r="L1302" s="10" t="s">
        <v>22</v>
      </c>
      <c r="M1302" s="10" t="s">
        <v>22</v>
      </c>
      <c r="N1302" s="10" t="s">
        <v>22</v>
      </c>
      <c r="O1302" s="10" t="s">
        <v>22</v>
      </c>
      <c r="P1302" s="10" t="s">
        <v>22</v>
      </c>
      <c r="Q1302" s="10" t="s">
        <v>22</v>
      </c>
      <c r="R1302" s="10" t="s">
        <v>22</v>
      </c>
      <c r="S1302" s="10" t="s">
        <v>22</v>
      </c>
      <c r="T1302" s="10" t="s">
        <v>22</v>
      </c>
      <c r="U1302" s="10" t="s">
        <v>22</v>
      </c>
      <c r="V1302" s="10" t="s">
        <v>22</v>
      </c>
      <c r="W1302" s="10" t="s">
        <v>22</v>
      </c>
      <c r="X1302" s="10" t="s">
        <v>22</v>
      </c>
      <c r="Y1302" s="10" t="s">
        <v>22</v>
      </c>
      <c r="Z1302" s="10" t="s">
        <v>22</v>
      </c>
    </row>
    <row r="1303" spans="1:26" ht="24" customHeight="1" x14ac:dyDescent="0.2">
      <c r="A1303" s="9" t="s">
        <v>18559</v>
      </c>
      <c r="B1303" s="9" t="s">
        <v>14</v>
      </c>
      <c r="C1303" s="9" t="s">
        <v>6193</v>
      </c>
      <c r="D1303" s="6" t="s">
        <v>6194</v>
      </c>
      <c r="E1303" s="22">
        <v>44000</v>
      </c>
      <c r="F1303" s="22">
        <v>45825</v>
      </c>
      <c r="G1303" s="6" t="s">
        <v>6195</v>
      </c>
      <c r="H1303" s="6" t="s">
        <v>202</v>
      </c>
      <c r="I1303" s="6" t="s">
        <v>1857</v>
      </c>
      <c r="J1303" s="6" t="s">
        <v>6196</v>
      </c>
      <c r="K1303" s="9" t="s">
        <v>6197</v>
      </c>
      <c r="L1303" s="10" t="s">
        <v>22</v>
      </c>
      <c r="M1303" s="10" t="s">
        <v>22</v>
      </c>
      <c r="N1303" s="10" t="s">
        <v>22</v>
      </c>
      <c r="O1303" s="10" t="s">
        <v>22</v>
      </c>
      <c r="P1303" s="10" t="s">
        <v>22</v>
      </c>
      <c r="Q1303" s="10" t="s">
        <v>22</v>
      </c>
      <c r="R1303" s="10" t="s">
        <v>22</v>
      </c>
      <c r="S1303" s="10" t="s">
        <v>22</v>
      </c>
      <c r="T1303" s="10" t="s">
        <v>22</v>
      </c>
      <c r="U1303" s="10" t="s">
        <v>22</v>
      </c>
      <c r="V1303" s="10" t="s">
        <v>22</v>
      </c>
      <c r="W1303" s="10" t="s">
        <v>22</v>
      </c>
      <c r="X1303" s="10" t="s">
        <v>22</v>
      </c>
      <c r="Y1303" s="10" t="s">
        <v>22</v>
      </c>
      <c r="Z1303" s="10" t="s">
        <v>22</v>
      </c>
    </row>
    <row r="1304" spans="1:26" ht="24" customHeight="1" x14ac:dyDescent="0.2">
      <c r="A1304" s="9" t="s">
        <v>18560</v>
      </c>
      <c r="B1304" s="9" t="s">
        <v>14</v>
      </c>
      <c r="C1304" s="9" t="s">
        <v>6198</v>
      </c>
      <c r="D1304" s="6" t="s">
        <v>6199</v>
      </c>
      <c r="E1304" s="22">
        <v>44000</v>
      </c>
      <c r="F1304" s="22">
        <v>45825</v>
      </c>
      <c r="G1304" s="6" t="s">
        <v>6200</v>
      </c>
      <c r="H1304" s="6" t="s">
        <v>18</v>
      </c>
      <c r="I1304" s="6" t="s">
        <v>26</v>
      </c>
      <c r="J1304" s="6" t="s">
        <v>6201</v>
      </c>
      <c r="K1304" s="9" t="s">
        <v>6202</v>
      </c>
      <c r="L1304" s="10" t="s">
        <v>22</v>
      </c>
      <c r="M1304" s="10" t="s">
        <v>22</v>
      </c>
      <c r="N1304" s="10" t="s">
        <v>22</v>
      </c>
      <c r="O1304" s="10" t="s">
        <v>22</v>
      </c>
      <c r="P1304" s="10" t="s">
        <v>22</v>
      </c>
      <c r="Q1304" s="10" t="s">
        <v>22</v>
      </c>
      <c r="R1304" s="10" t="s">
        <v>22</v>
      </c>
      <c r="S1304" s="10" t="s">
        <v>22</v>
      </c>
      <c r="T1304" s="10" t="s">
        <v>22</v>
      </c>
      <c r="U1304" s="10" t="s">
        <v>22</v>
      </c>
      <c r="V1304" s="10" t="s">
        <v>22</v>
      </c>
      <c r="W1304" s="10" t="s">
        <v>22</v>
      </c>
      <c r="X1304" s="10" t="s">
        <v>22</v>
      </c>
      <c r="Y1304" s="10" t="s">
        <v>22</v>
      </c>
      <c r="Z1304" s="10" t="s">
        <v>22</v>
      </c>
    </row>
    <row r="1305" spans="1:26" ht="24" customHeight="1" x14ac:dyDescent="0.2">
      <c r="A1305" s="9" t="s">
        <v>18561</v>
      </c>
      <c r="B1305" s="9" t="s">
        <v>14</v>
      </c>
      <c r="C1305" s="9" t="s">
        <v>6203</v>
      </c>
      <c r="D1305" s="6" t="s">
        <v>6204</v>
      </c>
      <c r="E1305" s="22">
        <v>44000</v>
      </c>
      <c r="F1305" s="22">
        <v>45825</v>
      </c>
      <c r="G1305" s="6" t="s">
        <v>6205</v>
      </c>
      <c r="H1305" s="6" t="s">
        <v>363</v>
      </c>
      <c r="I1305" s="6" t="s">
        <v>4334</v>
      </c>
      <c r="J1305" s="6" t="s">
        <v>6206</v>
      </c>
      <c r="K1305" s="9" t="s">
        <v>6207</v>
      </c>
      <c r="L1305" s="10" t="s">
        <v>22</v>
      </c>
      <c r="M1305" s="10" t="s">
        <v>22</v>
      </c>
      <c r="N1305" s="10" t="s">
        <v>22</v>
      </c>
      <c r="O1305" s="10" t="s">
        <v>22</v>
      </c>
      <c r="P1305" s="10" t="s">
        <v>22</v>
      </c>
      <c r="Q1305" s="10" t="s">
        <v>22</v>
      </c>
      <c r="R1305" s="10" t="s">
        <v>22</v>
      </c>
      <c r="S1305" s="10" t="s">
        <v>22</v>
      </c>
      <c r="T1305" s="10" t="s">
        <v>22</v>
      </c>
      <c r="U1305" s="10" t="s">
        <v>22</v>
      </c>
      <c r="V1305" s="10" t="s">
        <v>22</v>
      </c>
      <c r="W1305" s="10" t="s">
        <v>22</v>
      </c>
      <c r="X1305" s="10" t="s">
        <v>22</v>
      </c>
      <c r="Y1305" s="10" t="s">
        <v>22</v>
      </c>
      <c r="Z1305" s="10" t="s">
        <v>22</v>
      </c>
    </row>
    <row r="1306" spans="1:26" ht="24" customHeight="1" x14ac:dyDescent="0.2">
      <c r="A1306" s="9" t="s">
        <v>18562</v>
      </c>
      <c r="B1306" s="9" t="s">
        <v>14</v>
      </c>
      <c r="C1306" s="9" t="s">
        <v>6208</v>
      </c>
      <c r="D1306" s="6" t="s">
        <v>6209</v>
      </c>
      <c r="E1306" s="22">
        <v>44000</v>
      </c>
      <c r="F1306" s="22">
        <v>45825</v>
      </c>
      <c r="G1306" s="6" t="s">
        <v>6210</v>
      </c>
      <c r="H1306" s="6" t="s">
        <v>62</v>
      </c>
      <c r="I1306" s="6" t="s">
        <v>186</v>
      </c>
      <c r="J1306" s="6" t="s">
        <v>6211</v>
      </c>
      <c r="K1306" s="9" t="s">
        <v>6212</v>
      </c>
      <c r="L1306" s="10" t="s">
        <v>22</v>
      </c>
      <c r="M1306" s="10" t="s">
        <v>22</v>
      </c>
      <c r="N1306" s="10" t="s">
        <v>22</v>
      </c>
      <c r="O1306" s="10" t="s">
        <v>22</v>
      </c>
      <c r="P1306" s="10" t="s">
        <v>22</v>
      </c>
      <c r="Q1306" s="10" t="s">
        <v>22</v>
      </c>
      <c r="U1306" s="10" t="s">
        <v>22</v>
      </c>
      <c r="V1306" s="10" t="s">
        <v>22</v>
      </c>
      <c r="W1306" s="10" t="s">
        <v>22</v>
      </c>
      <c r="X1306" s="10" t="s">
        <v>22</v>
      </c>
      <c r="Y1306" s="10" t="s">
        <v>22</v>
      </c>
      <c r="Z1306" s="10" t="s">
        <v>22</v>
      </c>
    </row>
    <row r="1307" spans="1:26" ht="24" customHeight="1" x14ac:dyDescent="0.2">
      <c r="A1307" s="9" t="s">
        <v>18563</v>
      </c>
      <c r="B1307" s="9" t="s">
        <v>14</v>
      </c>
      <c r="C1307" s="9" t="s">
        <v>6213</v>
      </c>
      <c r="D1307" s="6" t="s">
        <v>6214</v>
      </c>
      <c r="E1307" s="22">
        <v>44000</v>
      </c>
      <c r="F1307" s="22">
        <v>45825</v>
      </c>
      <c r="G1307" s="6" t="s">
        <v>6215</v>
      </c>
      <c r="H1307" s="6" t="s">
        <v>202</v>
      </c>
      <c r="I1307" s="6" t="s">
        <v>6216</v>
      </c>
      <c r="J1307" s="6" t="s">
        <v>6217</v>
      </c>
      <c r="K1307" s="9" t="s">
        <v>6218</v>
      </c>
      <c r="M1307" s="10" t="s">
        <v>22</v>
      </c>
      <c r="N1307" s="10" t="s">
        <v>22</v>
      </c>
      <c r="P1307" s="10" t="s">
        <v>22</v>
      </c>
      <c r="Q1307" s="10" t="s">
        <v>22</v>
      </c>
      <c r="S1307" s="10" t="s">
        <v>22</v>
      </c>
      <c r="T1307" s="10" t="s">
        <v>22</v>
      </c>
      <c r="V1307" s="10" t="s">
        <v>22</v>
      </c>
      <c r="W1307" s="10" t="s">
        <v>22</v>
      </c>
      <c r="Y1307" s="10" t="s">
        <v>22</v>
      </c>
      <c r="Z1307" s="10" t="s">
        <v>22</v>
      </c>
    </row>
    <row r="1308" spans="1:26" ht="24" customHeight="1" x14ac:dyDescent="0.2">
      <c r="A1308" s="9" t="s">
        <v>18564</v>
      </c>
      <c r="B1308" s="9" t="s">
        <v>14</v>
      </c>
      <c r="C1308" s="9" t="s">
        <v>6219</v>
      </c>
      <c r="D1308" s="6" t="s">
        <v>6220</v>
      </c>
      <c r="E1308" s="22">
        <v>44000</v>
      </c>
      <c r="F1308" s="22">
        <v>45825</v>
      </c>
      <c r="G1308" s="6" t="s">
        <v>6221</v>
      </c>
      <c r="H1308" s="6" t="s">
        <v>202</v>
      </c>
      <c r="I1308" s="6" t="s">
        <v>863</v>
      </c>
      <c r="J1308" s="6" t="s">
        <v>6222</v>
      </c>
      <c r="K1308" s="9" t="s">
        <v>6223</v>
      </c>
      <c r="L1308" s="10" t="s">
        <v>22</v>
      </c>
      <c r="M1308" s="10" t="s">
        <v>22</v>
      </c>
      <c r="N1308" s="10" t="s">
        <v>22</v>
      </c>
      <c r="O1308" s="10" t="s">
        <v>22</v>
      </c>
      <c r="P1308" s="10" t="s">
        <v>22</v>
      </c>
      <c r="Q1308" s="10" t="s">
        <v>22</v>
      </c>
      <c r="R1308" s="10" t="s">
        <v>22</v>
      </c>
      <c r="S1308" s="10" t="s">
        <v>22</v>
      </c>
      <c r="T1308" s="10" t="s">
        <v>22</v>
      </c>
      <c r="U1308" s="10" t="s">
        <v>22</v>
      </c>
      <c r="V1308" s="10" t="s">
        <v>22</v>
      </c>
      <c r="W1308" s="10" t="s">
        <v>22</v>
      </c>
      <c r="X1308" s="10" t="s">
        <v>22</v>
      </c>
      <c r="Y1308" s="10" t="s">
        <v>22</v>
      </c>
      <c r="Z1308" s="10" t="s">
        <v>22</v>
      </c>
    </row>
    <row r="1309" spans="1:26" ht="24" customHeight="1" x14ac:dyDescent="0.2">
      <c r="A1309" s="9" t="s">
        <v>18565</v>
      </c>
      <c r="B1309" s="9" t="s">
        <v>14</v>
      </c>
      <c r="C1309" s="9" t="s">
        <v>6224</v>
      </c>
      <c r="D1309" s="6" t="s">
        <v>6225</v>
      </c>
      <c r="E1309" s="22">
        <v>44000</v>
      </c>
      <c r="F1309" s="22">
        <v>45825</v>
      </c>
      <c r="G1309" s="6" t="s">
        <v>6226</v>
      </c>
      <c r="H1309" s="6" t="s">
        <v>2368</v>
      </c>
      <c r="I1309" s="6" t="s">
        <v>6227</v>
      </c>
      <c r="J1309" s="6" t="s">
        <v>6228</v>
      </c>
      <c r="L1309" s="10" t="s">
        <v>22</v>
      </c>
      <c r="M1309" s="10" t="s">
        <v>22</v>
      </c>
      <c r="N1309" s="10" t="s">
        <v>22</v>
      </c>
      <c r="O1309" s="10" t="s">
        <v>22</v>
      </c>
      <c r="P1309" s="10" t="s">
        <v>22</v>
      </c>
      <c r="Q1309" s="10" t="s">
        <v>22</v>
      </c>
      <c r="U1309" s="10" t="s">
        <v>22</v>
      </c>
      <c r="V1309" s="10" t="s">
        <v>22</v>
      </c>
      <c r="W1309" s="10" t="s">
        <v>22</v>
      </c>
      <c r="X1309" s="10" t="s">
        <v>22</v>
      </c>
      <c r="Y1309" s="10" t="s">
        <v>22</v>
      </c>
      <c r="Z1309" s="10" t="s">
        <v>22</v>
      </c>
    </row>
    <row r="1310" spans="1:26" ht="24" customHeight="1" x14ac:dyDescent="0.2">
      <c r="A1310" s="9" t="s">
        <v>18566</v>
      </c>
      <c r="B1310" s="9" t="s">
        <v>14</v>
      </c>
      <c r="C1310" s="9" t="s">
        <v>6229</v>
      </c>
      <c r="D1310" s="6" t="s">
        <v>6230</v>
      </c>
      <c r="E1310" s="22">
        <v>44000</v>
      </c>
      <c r="F1310" s="22">
        <v>45825</v>
      </c>
      <c r="G1310" s="6" t="s">
        <v>6231</v>
      </c>
      <c r="H1310" s="6" t="s">
        <v>62</v>
      </c>
      <c r="I1310" s="6" t="s">
        <v>186</v>
      </c>
      <c r="J1310" s="6" t="s">
        <v>6232</v>
      </c>
      <c r="K1310" s="9" t="s">
        <v>6233</v>
      </c>
      <c r="L1310" s="10" t="s">
        <v>22</v>
      </c>
      <c r="M1310" s="10" t="s">
        <v>22</v>
      </c>
      <c r="N1310" s="10" t="s">
        <v>22</v>
      </c>
      <c r="O1310" s="10" t="s">
        <v>22</v>
      </c>
      <c r="P1310" s="10" t="s">
        <v>22</v>
      </c>
      <c r="Q1310" s="10" t="s">
        <v>22</v>
      </c>
      <c r="U1310" s="10" t="s">
        <v>22</v>
      </c>
      <c r="V1310" s="10" t="s">
        <v>22</v>
      </c>
      <c r="W1310" s="10" t="s">
        <v>22</v>
      </c>
      <c r="X1310" s="10" t="s">
        <v>22</v>
      </c>
      <c r="Y1310" s="10" t="s">
        <v>22</v>
      </c>
      <c r="Z1310" s="10" t="s">
        <v>22</v>
      </c>
    </row>
    <row r="1311" spans="1:26" ht="24" customHeight="1" x14ac:dyDescent="0.2">
      <c r="A1311" s="9" t="s">
        <v>18567</v>
      </c>
      <c r="B1311" s="9" t="s">
        <v>14</v>
      </c>
      <c r="C1311" s="9" t="s">
        <v>6234</v>
      </c>
      <c r="D1311" s="6" t="s">
        <v>6235</v>
      </c>
      <c r="E1311" s="22">
        <v>44000</v>
      </c>
      <c r="F1311" s="22">
        <v>45825</v>
      </c>
      <c r="G1311" s="6" t="s">
        <v>6236</v>
      </c>
      <c r="H1311" s="6" t="s">
        <v>62</v>
      </c>
      <c r="I1311" s="6" t="s">
        <v>551</v>
      </c>
      <c r="J1311" s="6" t="s">
        <v>6237</v>
      </c>
      <c r="K1311" s="9" t="s">
        <v>6238</v>
      </c>
      <c r="L1311" s="10" t="s">
        <v>22</v>
      </c>
      <c r="M1311" s="10" t="s">
        <v>22</v>
      </c>
      <c r="N1311" s="10" t="s">
        <v>22</v>
      </c>
      <c r="O1311" s="10" t="s">
        <v>22</v>
      </c>
      <c r="P1311" s="10" t="s">
        <v>22</v>
      </c>
      <c r="Q1311" s="10" t="s">
        <v>22</v>
      </c>
      <c r="U1311" s="10" t="s">
        <v>22</v>
      </c>
      <c r="V1311" s="10" t="s">
        <v>22</v>
      </c>
      <c r="W1311" s="10" t="s">
        <v>22</v>
      </c>
      <c r="X1311" s="10" t="s">
        <v>22</v>
      </c>
      <c r="Y1311" s="10" t="s">
        <v>22</v>
      </c>
      <c r="Z1311" s="10" t="s">
        <v>22</v>
      </c>
    </row>
    <row r="1312" spans="1:26" ht="24" customHeight="1" x14ac:dyDescent="0.2">
      <c r="A1312" s="9" t="s">
        <v>18568</v>
      </c>
      <c r="B1312" s="9" t="s">
        <v>14</v>
      </c>
      <c r="C1312" s="9" t="s">
        <v>6239</v>
      </c>
      <c r="D1312" s="6" t="s">
        <v>6240</v>
      </c>
      <c r="E1312" s="22">
        <v>44011</v>
      </c>
      <c r="F1312" s="22">
        <v>45836</v>
      </c>
      <c r="G1312" s="6" t="s">
        <v>6241</v>
      </c>
      <c r="H1312" s="6" t="s">
        <v>62</v>
      </c>
      <c r="I1312" s="6" t="s">
        <v>279</v>
      </c>
      <c r="J1312" s="6" t="s">
        <v>6242</v>
      </c>
      <c r="K1312" s="9" t="s">
        <v>6243</v>
      </c>
      <c r="L1312" s="10" t="s">
        <v>22</v>
      </c>
      <c r="M1312" s="10" t="s">
        <v>22</v>
      </c>
      <c r="N1312" s="10" t="s">
        <v>22</v>
      </c>
      <c r="O1312" s="10" t="s">
        <v>22</v>
      </c>
      <c r="P1312" s="10" t="s">
        <v>22</v>
      </c>
      <c r="Q1312" s="10" t="s">
        <v>22</v>
      </c>
      <c r="R1312" s="10" t="s">
        <v>22</v>
      </c>
      <c r="S1312" s="10" t="s">
        <v>22</v>
      </c>
      <c r="T1312" s="10" t="s">
        <v>22</v>
      </c>
      <c r="U1312" s="10" t="s">
        <v>22</v>
      </c>
      <c r="V1312" s="10" t="s">
        <v>22</v>
      </c>
      <c r="W1312" s="10" t="s">
        <v>22</v>
      </c>
      <c r="X1312" s="10" t="s">
        <v>22</v>
      </c>
      <c r="Y1312" s="10" t="s">
        <v>22</v>
      </c>
      <c r="Z1312" s="10" t="s">
        <v>22</v>
      </c>
    </row>
    <row r="1313" spans="1:26" ht="24" customHeight="1" x14ac:dyDescent="0.2">
      <c r="A1313" s="9" t="s">
        <v>18569</v>
      </c>
      <c r="B1313" s="9" t="s">
        <v>14</v>
      </c>
      <c r="C1313" s="9" t="s">
        <v>6244</v>
      </c>
      <c r="D1313" s="6" t="s">
        <v>6245</v>
      </c>
      <c r="E1313" s="22">
        <v>44011</v>
      </c>
      <c r="F1313" s="22">
        <v>45836</v>
      </c>
      <c r="G1313" s="6" t="s">
        <v>6246</v>
      </c>
      <c r="H1313" s="6" t="s">
        <v>363</v>
      </c>
      <c r="I1313" s="6" t="s">
        <v>6002</v>
      </c>
      <c r="J1313" s="6" t="s">
        <v>6247</v>
      </c>
      <c r="K1313" s="9" t="s">
        <v>6248</v>
      </c>
      <c r="L1313" s="10" t="s">
        <v>22</v>
      </c>
      <c r="M1313" s="10" t="s">
        <v>22</v>
      </c>
      <c r="N1313" s="10" t="s">
        <v>22</v>
      </c>
      <c r="O1313" s="10" t="s">
        <v>22</v>
      </c>
      <c r="P1313" s="10" t="s">
        <v>22</v>
      </c>
      <c r="Q1313" s="10" t="s">
        <v>22</v>
      </c>
      <c r="R1313" s="10" t="s">
        <v>22</v>
      </c>
      <c r="S1313" s="10" t="s">
        <v>22</v>
      </c>
      <c r="T1313" s="10" t="s">
        <v>22</v>
      </c>
      <c r="U1313" s="10" t="s">
        <v>22</v>
      </c>
      <c r="V1313" s="10" t="s">
        <v>22</v>
      </c>
      <c r="W1313" s="10" t="s">
        <v>22</v>
      </c>
      <c r="X1313" s="10" t="s">
        <v>22</v>
      </c>
      <c r="Y1313" s="10" t="s">
        <v>22</v>
      </c>
      <c r="Z1313" s="10" t="s">
        <v>22</v>
      </c>
    </row>
    <row r="1314" spans="1:26" ht="24" customHeight="1" x14ac:dyDescent="0.2">
      <c r="A1314" s="9" t="s">
        <v>18570</v>
      </c>
      <c r="B1314" s="9" t="s">
        <v>14</v>
      </c>
      <c r="C1314" s="9" t="s">
        <v>6249</v>
      </c>
      <c r="D1314" s="6" t="s">
        <v>6250</v>
      </c>
      <c r="E1314" s="22">
        <v>44011</v>
      </c>
      <c r="F1314" s="22">
        <v>45836</v>
      </c>
      <c r="G1314" s="6" t="s">
        <v>6251</v>
      </c>
      <c r="H1314" s="6" t="s">
        <v>202</v>
      </c>
      <c r="I1314" s="6" t="s">
        <v>1707</v>
      </c>
      <c r="J1314" s="6" t="s">
        <v>6252</v>
      </c>
      <c r="K1314" s="9" t="s">
        <v>6253</v>
      </c>
      <c r="L1314" s="10" t="s">
        <v>22</v>
      </c>
      <c r="M1314" s="10" t="s">
        <v>22</v>
      </c>
      <c r="N1314" s="10" t="s">
        <v>22</v>
      </c>
      <c r="O1314" s="10" t="s">
        <v>22</v>
      </c>
      <c r="P1314" s="10" t="s">
        <v>22</v>
      </c>
      <c r="Q1314" s="10" t="s">
        <v>22</v>
      </c>
      <c r="R1314" s="10" t="s">
        <v>22</v>
      </c>
      <c r="S1314" s="10" t="s">
        <v>22</v>
      </c>
      <c r="T1314" s="10" t="s">
        <v>22</v>
      </c>
      <c r="U1314" s="10" t="s">
        <v>22</v>
      </c>
      <c r="V1314" s="10" t="s">
        <v>22</v>
      </c>
      <c r="W1314" s="10" t="s">
        <v>22</v>
      </c>
      <c r="X1314" s="10" t="s">
        <v>22</v>
      </c>
      <c r="Y1314" s="10" t="s">
        <v>22</v>
      </c>
      <c r="Z1314" s="10" t="s">
        <v>22</v>
      </c>
    </row>
    <row r="1315" spans="1:26" ht="24" customHeight="1" x14ac:dyDescent="0.2">
      <c r="A1315" s="9" t="s">
        <v>18571</v>
      </c>
      <c r="B1315" s="9" t="s">
        <v>14</v>
      </c>
      <c r="C1315" s="9" t="s">
        <v>6254</v>
      </c>
      <c r="D1315" s="6" t="s">
        <v>6255</v>
      </c>
      <c r="E1315" s="22">
        <v>44011</v>
      </c>
      <c r="F1315" s="22">
        <v>45836</v>
      </c>
      <c r="G1315" s="6" t="s">
        <v>6256</v>
      </c>
      <c r="H1315" s="6" t="s">
        <v>62</v>
      </c>
      <c r="I1315" s="6" t="s">
        <v>493</v>
      </c>
      <c r="J1315" s="6" t="s">
        <v>6257</v>
      </c>
      <c r="L1315" s="10" t="s">
        <v>22</v>
      </c>
      <c r="M1315" s="10" t="s">
        <v>22</v>
      </c>
      <c r="N1315" s="10" t="s">
        <v>22</v>
      </c>
      <c r="O1315" s="10" t="s">
        <v>22</v>
      </c>
      <c r="P1315" s="10" t="s">
        <v>22</v>
      </c>
      <c r="Q1315" s="10" t="s">
        <v>22</v>
      </c>
      <c r="R1315" s="10" t="s">
        <v>22</v>
      </c>
      <c r="S1315" s="10" t="s">
        <v>22</v>
      </c>
      <c r="T1315" s="10" t="s">
        <v>22</v>
      </c>
      <c r="U1315" s="10" t="s">
        <v>22</v>
      </c>
      <c r="V1315" s="10" t="s">
        <v>22</v>
      </c>
      <c r="W1315" s="10" t="s">
        <v>22</v>
      </c>
      <c r="X1315" s="10" t="s">
        <v>22</v>
      </c>
      <c r="Y1315" s="10" t="s">
        <v>22</v>
      </c>
      <c r="Z1315" s="10" t="s">
        <v>22</v>
      </c>
    </row>
    <row r="1316" spans="1:26" ht="24" customHeight="1" x14ac:dyDescent="0.2">
      <c r="A1316" s="9" t="s">
        <v>18572</v>
      </c>
      <c r="B1316" s="9" t="s">
        <v>14</v>
      </c>
      <c r="C1316" s="9" t="s">
        <v>6258</v>
      </c>
      <c r="D1316" s="6" t="s">
        <v>6259</v>
      </c>
      <c r="E1316" s="22">
        <v>44011</v>
      </c>
      <c r="F1316" s="22">
        <v>45836</v>
      </c>
      <c r="G1316" s="6" t="s">
        <v>6260</v>
      </c>
      <c r="H1316" s="6" t="s">
        <v>202</v>
      </c>
      <c r="I1316" s="6" t="s">
        <v>336</v>
      </c>
      <c r="J1316" s="6" t="s">
        <v>6261</v>
      </c>
      <c r="K1316" s="9" t="s">
        <v>6262</v>
      </c>
      <c r="O1316" s="10" t="s">
        <v>22</v>
      </c>
      <c r="P1316" s="10" t="s">
        <v>22</v>
      </c>
      <c r="Q1316" s="10" t="s">
        <v>22</v>
      </c>
      <c r="R1316" s="10" t="s">
        <v>22</v>
      </c>
      <c r="S1316" s="10" t="s">
        <v>22</v>
      </c>
      <c r="T1316" s="10" t="s">
        <v>22</v>
      </c>
      <c r="X1316" s="10" t="s">
        <v>22</v>
      </c>
      <c r="Y1316" s="10" t="s">
        <v>22</v>
      </c>
      <c r="Z1316" s="10" t="s">
        <v>22</v>
      </c>
    </row>
    <row r="1317" spans="1:26" ht="24" customHeight="1" x14ac:dyDescent="0.2">
      <c r="A1317" s="9" t="s">
        <v>18573</v>
      </c>
      <c r="B1317" s="9" t="s">
        <v>14</v>
      </c>
      <c r="C1317" s="9" t="s">
        <v>6263</v>
      </c>
      <c r="D1317" s="6" t="s">
        <v>6264</v>
      </c>
      <c r="E1317" s="22">
        <v>44011</v>
      </c>
      <c r="F1317" s="22">
        <v>45836</v>
      </c>
      <c r="G1317" s="6" t="s">
        <v>6265</v>
      </c>
      <c r="H1317" s="6" t="s">
        <v>18</v>
      </c>
      <c r="I1317" s="6" t="s">
        <v>26</v>
      </c>
      <c r="J1317" s="6" t="s">
        <v>6266</v>
      </c>
      <c r="L1317" s="10" t="s">
        <v>22</v>
      </c>
      <c r="M1317" s="10" t="s">
        <v>22</v>
      </c>
      <c r="N1317" s="10" t="s">
        <v>22</v>
      </c>
      <c r="O1317" s="10" t="s">
        <v>22</v>
      </c>
      <c r="P1317" s="10" t="s">
        <v>22</v>
      </c>
      <c r="Q1317" s="10" t="s">
        <v>22</v>
      </c>
      <c r="R1317" s="10" t="s">
        <v>22</v>
      </c>
      <c r="S1317" s="10" t="s">
        <v>22</v>
      </c>
      <c r="T1317" s="10" t="s">
        <v>22</v>
      </c>
      <c r="U1317" s="10" t="s">
        <v>22</v>
      </c>
      <c r="V1317" s="10" t="s">
        <v>22</v>
      </c>
      <c r="W1317" s="10" t="s">
        <v>22</v>
      </c>
      <c r="X1317" s="10" t="s">
        <v>22</v>
      </c>
      <c r="Y1317" s="10" t="s">
        <v>22</v>
      </c>
      <c r="Z1317" s="10" t="s">
        <v>22</v>
      </c>
    </row>
    <row r="1318" spans="1:26" ht="24" customHeight="1" x14ac:dyDescent="0.2">
      <c r="A1318" s="9" t="s">
        <v>18574</v>
      </c>
      <c r="B1318" s="9" t="s">
        <v>14</v>
      </c>
      <c r="C1318" s="9" t="s">
        <v>6267</v>
      </c>
      <c r="D1318" s="6" t="s">
        <v>6268</v>
      </c>
      <c r="E1318" s="22">
        <v>44011</v>
      </c>
      <c r="F1318" s="22">
        <v>45836</v>
      </c>
      <c r="G1318" s="6" t="s">
        <v>6269</v>
      </c>
      <c r="H1318" s="6" t="s">
        <v>363</v>
      </c>
      <c r="I1318" s="6" t="s">
        <v>597</v>
      </c>
      <c r="J1318" s="6" t="s">
        <v>6270</v>
      </c>
      <c r="K1318" s="9" t="s">
        <v>6271</v>
      </c>
      <c r="L1318" s="10" t="s">
        <v>22</v>
      </c>
      <c r="M1318" s="10" t="s">
        <v>22</v>
      </c>
      <c r="N1318" s="10" t="s">
        <v>22</v>
      </c>
      <c r="O1318" s="10" t="s">
        <v>22</v>
      </c>
      <c r="P1318" s="10" t="s">
        <v>22</v>
      </c>
      <c r="Q1318" s="10" t="s">
        <v>22</v>
      </c>
      <c r="R1318" s="10" t="s">
        <v>22</v>
      </c>
      <c r="S1318" s="10" t="s">
        <v>22</v>
      </c>
      <c r="T1318" s="10" t="s">
        <v>22</v>
      </c>
      <c r="U1318" s="10" t="s">
        <v>22</v>
      </c>
      <c r="V1318" s="10" t="s">
        <v>22</v>
      </c>
      <c r="W1318" s="10" t="s">
        <v>22</v>
      </c>
      <c r="X1318" s="10" t="s">
        <v>22</v>
      </c>
      <c r="Y1318" s="10" t="s">
        <v>22</v>
      </c>
      <c r="Z1318" s="10" t="s">
        <v>22</v>
      </c>
    </row>
    <row r="1319" spans="1:26" ht="24" customHeight="1" x14ac:dyDescent="0.2">
      <c r="A1319" s="9" t="s">
        <v>18575</v>
      </c>
      <c r="B1319" s="9" t="s">
        <v>14</v>
      </c>
      <c r="C1319" s="9" t="s">
        <v>6272</v>
      </c>
      <c r="D1319" s="6" t="s">
        <v>6273</v>
      </c>
      <c r="E1319" s="22">
        <v>44021</v>
      </c>
      <c r="F1319" s="22">
        <v>45846</v>
      </c>
      <c r="G1319" s="6" t="s">
        <v>6274</v>
      </c>
      <c r="H1319" s="6" t="s">
        <v>2368</v>
      </c>
      <c r="I1319" s="6" t="s">
        <v>2369</v>
      </c>
      <c r="J1319" s="6" t="s">
        <v>6275</v>
      </c>
      <c r="K1319" s="9" t="s">
        <v>6276</v>
      </c>
      <c r="L1319" s="10" t="s">
        <v>22</v>
      </c>
      <c r="M1319" s="10" t="s">
        <v>22</v>
      </c>
      <c r="N1319" s="10" t="s">
        <v>22</v>
      </c>
      <c r="O1319" s="10" t="s">
        <v>22</v>
      </c>
      <c r="P1319" s="10" t="s">
        <v>22</v>
      </c>
      <c r="Q1319" s="10" t="s">
        <v>22</v>
      </c>
      <c r="R1319" s="10" t="s">
        <v>22</v>
      </c>
      <c r="S1319" s="10" t="s">
        <v>22</v>
      </c>
      <c r="T1319" s="10" t="s">
        <v>22</v>
      </c>
      <c r="U1319" s="10" t="s">
        <v>22</v>
      </c>
      <c r="V1319" s="10" t="s">
        <v>22</v>
      </c>
      <c r="W1319" s="10" t="s">
        <v>22</v>
      </c>
      <c r="X1319" s="10" t="s">
        <v>22</v>
      </c>
      <c r="Y1319" s="10" t="s">
        <v>22</v>
      </c>
      <c r="Z1319" s="10" t="s">
        <v>22</v>
      </c>
    </row>
    <row r="1320" spans="1:26" ht="24" customHeight="1" x14ac:dyDescent="0.2">
      <c r="A1320" s="9" t="s">
        <v>18576</v>
      </c>
      <c r="B1320" s="9" t="s">
        <v>14</v>
      </c>
      <c r="C1320" s="9" t="s">
        <v>6277</v>
      </c>
      <c r="D1320" s="6" t="s">
        <v>6278</v>
      </c>
      <c r="E1320" s="22">
        <v>44021</v>
      </c>
      <c r="F1320" s="22">
        <v>45846</v>
      </c>
      <c r="G1320" s="6" t="s">
        <v>6279</v>
      </c>
      <c r="H1320" s="6" t="s">
        <v>202</v>
      </c>
      <c r="I1320" s="6" t="s">
        <v>3050</v>
      </c>
      <c r="J1320" s="6" t="s">
        <v>6280</v>
      </c>
      <c r="K1320" s="9" t="s">
        <v>6281</v>
      </c>
      <c r="L1320" s="10" t="s">
        <v>22</v>
      </c>
      <c r="M1320" s="10" t="s">
        <v>22</v>
      </c>
      <c r="N1320" s="10" t="s">
        <v>22</v>
      </c>
      <c r="O1320" s="10" t="s">
        <v>22</v>
      </c>
      <c r="P1320" s="10" t="s">
        <v>22</v>
      </c>
      <c r="Q1320" s="10" t="s">
        <v>22</v>
      </c>
      <c r="R1320" s="10" t="s">
        <v>22</v>
      </c>
      <c r="S1320" s="10" t="s">
        <v>22</v>
      </c>
      <c r="T1320" s="10" t="s">
        <v>22</v>
      </c>
      <c r="U1320" s="10" t="s">
        <v>22</v>
      </c>
      <c r="V1320" s="10" t="s">
        <v>22</v>
      </c>
      <c r="W1320" s="10" t="s">
        <v>22</v>
      </c>
      <c r="X1320" s="10" t="s">
        <v>22</v>
      </c>
      <c r="Y1320" s="10" t="s">
        <v>22</v>
      </c>
      <c r="Z1320" s="10" t="s">
        <v>22</v>
      </c>
    </row>
    <row r="1321" spans="1:26" ht="24" customHeight="1" x14ac:dyDescent="0.2">
      <c r="A1321" s="9" t="s">
        <v>18577</v>
      </c>
      <c r="B1321" s="9" t="s">
        <v>14</v>
      </c>
      <c r="C1321" s="9" t="s">
        <v>6282</v>
      </c>
      <c r="D1321" s="6" t="s">
        <v>6283</v>
      </c>
      <c r="E1321" s="22">
        <v>44021</v>
      </c>
      <c r="F1321" s="22">
        <v>45846</v>
      </c>
      <c r="G1321" s="6" t="s">
        <v>6284</v>
      </c>
      <c r="H1321" s="6" t="s">
        <v>62</v>
      </c>
      <c r="I1321" s="6" t="s">
        <v>306</v>
      </c>
      <c r="J1321" s="6" t="s">
        <v>6285</v>
      </c>
      <c r="K1321" s="9" t="s">
        <v>6286</v>
      </c>
      <c r="L1321" s="10" t="s">
        <v>22</v>
      </c>
      <c r="M1321" s="10" t="s">
        <v>22</v>
      </c>
      <c r="N1321" s="10" t="s">
        <v>22</v>
      </c>
      <c r="O1321" s="10" t="s">
        <v>22</v>
      </c>
      <c r="P1321" s="10" t="s">
        <v>22</v>
      </c>
      <c r="Q1321" s="10" t="s">
        <v>22</v>
      </c>
      <c r="R1321" s="10" t="s">
        <v>22</v>
      </c>
      <c r="S1321" s="10" t="s">
        <v>22</v>
      </c>
      <c r="T1321" s="10" t="s">
        <v>22</v>
      </c>
      <c r="U1321" s="10" t="s">
        <v>22</v>
      </c>
      <c r="V1321" s="10" t="s">
        <v>22</v>
      </c>
      <c r="W1321" s="10" t="s">
        <v>22</v>
      </c>
      <c r="X1321" s="10" t="s">
        <v>22</v>
      </c>
      <c r="Y1321" s="10" t="s">
        <v>22</v>
      </c>
      <c r="Z1321" s="10" t="s">
        <v>22</v>
      </c>
    </row>
    <row r="1322" spans="1:26" ht="24" customHeight="1" x14ac:dyDescent="0.2">
      <c r="A1322" s="9" t="s">
        <v>18578</v>
      </c>
      <c r="B1322" s="9" t="s">
        <v>14</v>
      </c>
      <c r="C1322" s="9" t="s">
        <v>6287</v>
      </c>
      <c r="D1322" s="6" t="s">
        <v>6288</v>
      </c>
      <c r="E1322" s="22">
        <v>44021</v>
      </c>
      <c r="F1322" s="22">
        <v>45846</v>
      </c>
      <c r="G1322" s="6" t="s">
        <v>6289</v>
      </c>
      <c r="H1322" s="6" t="s">
        <v>202</v>
      </c>
      <c r="I1322" s="6" t="s">
        <v>3154</v>
      </c>
      <c r="J1322" s="6" t="s">
        <v>6290</v>
      </c>
      <c r="K1322" s="9" t="s">
        <v>6291</v>
      </c>
      <c r="O1322" s="10" t="s">
        <v>22</v>
      </c>
      <c r="P1322" s="10" t="s">
        <v>22</v>
      </c>
      <c r="Q1322" s="10" t="s">
        <v>22</v>
      </c>
      <c r="Y1322" s="10" t="s">
        <v>22</v>
      </c>
      <c r="Z1322" s="10" t="s">
        <v>22</v>
      </c>
    </row>
    <row r="1323" spans="1:26" ht="24" customHeight="1" x14ac:dyDescent="0.2">
      <c r="A1323" s="9" t="s">
        <v>18579</v>
      </c>
      <c r="B1323" s="9" t="s">
        <v>14</v>
      </c>
      <c r="C1323" s="9" t="s">
        <v>6292</v>
      </c>
      <c r="D1323" s="6" t="s">
        <v>6293</v>
      </c>
      <c r="E1323" s="22">
        <v>44021</v>
      </c>
      <c r="F1323" s="22">
        <v>45846</v>
      </c>
      <c r="G1323" s="6" t="s">
        <v>6294</v>
      </c>
      <c r="H1323" s="6" t="s">
        <v>202</v>
      </c>
      <c r="I1323" s="6" t="s">
        <v>336</v>
      </c>
      <c r="J1323" s="6" t="s">
        <v>6295</v>
      </c>
      <c r="K1323" s="9" t="s">
        <v>6296</v>
      </c>
      <c r="L1323" s="10" t="s">
        <v>22</v>
      </c>
      <c r="M1323" s="10" t="s">
        <v>22</v>
      </c>
      <c r="N1323" s="10" t="s">
        <v>22</v>
      </c>
      <c r="O1323" s="10" t="s">
        <v>22</v>
      </c>
      <c r="P1323" s="10" t="s">
        <v>22</v>
      </c>
      <c r="Q1323" s="10" t="s">
        <v>22</v>
      </c>
    </row>
    <row r="1324" spans="1:26" ht="24" customHeight="1" x14ac:dyDescent="0.2">
      <c r="A1324" s="9" t="s">
        <v>18580</v>
      </c>
      <c r="B1324" s="9" t="s">
        <v>14</v>
      </c>
      <c r="C1324" s="9" t="s">
        <v>6297</v>
      </c>
      <c r="D1324" s="6" t="s">
        <v>6298</v>
      </c>
      <c r="E1324" s="22">
        <v>44021</v>
      </c>
      <c r="F1324" s="22">
        <v>45846</v>
      </c>
      <c r="G1324" s="6" t="s">
        <v>6299</v>
      </c>
      <c r="H1324" s="6" t="s">
        <v>18</v>
      </c>
      <c r="I1324" s="6" t="s">
        <v>19</v>
      </c>
      <c r="J1324" s="6" t="s">
        <v>6300</v>
      </c>
      <c r="K1324" s="9" t="s">
        <v>6301</v>
      </c>
      <c r="N1324" s="10" t="s">
        <v>22</v>
      </c>
      <c r="Q1324" s="10" t="s">
        <v>22</v>
      </c>
      <c r="W1324" s="10" t="s">
        <v>22</v>
      </c>
      <c r="Z1324" s="10" t="s">
        <v>22</v>
      </c>
    </row>
    <row r="1325" spans="1:26" ht="24" customHeight="1" x14ac:dyDescent="0.2">
      <c r="A1325" s="9" t="s">
        <v>18581</v>
      </c>
      <c r="B1325" s="9" t="s">
        <v>14</v>
      </c>
      <c r="C1325" s="9" t="s">
        <v>6302</v>
      </c>
      <c r="D1325" s="6" t="s">
        <v>6303</v>
      </c>
      <c r="E1325" s="22">
        <v>44022</v>
      </c>
      <c r="F1325" s="22">
        <v>45847</v>
      </c>
      <c r="G1325" s="6" t="s">
        <v>6304</v>
      </c>
      <c r="H1325" s="6" t="s">
        <v>18</v>
      </c>
      <c r="I1325" s="6" t="s">
        <v>26</v>
      </c>
      <c r="J1325" s="6" t="s">
        <v>6305</v>
      </c>
      <c r="L1325" s="10" t="s">
        <v>22</v>
      </c>
      <c r="M1325" s="10" t="s">
        <v>22</v>
      </c>
      <c r="N1325" s="10" t="s">
        <v>22</v>
      </c>
      <c r="O1325" s="10" t="s">
        <v>22</v>
      </c>
      <c r="P1325" s="10" t="s">
        <v>22</v>
      </c>
      <c r="Q1325" s="10" t="s">
        <v>22</v>
      </c>
      <c r="U1325" s="10" t="s">
        <v>22</v>
      </c>
      <c r="V1325" s="10" t="s">
        <v>22</v>
      </c>
      <c r="W1325" s="10" t="s">
        <v>22</v>
      </c>
      <c r="X1325" s="10" t="s">
        <v>22</v>
      </c>
      <c r="Y1325" s="10" t="s">
        <v>22</v>
      </c>
      <c r="Z1325" s="10" t="s">
        <v>22</v>
      </c>
    </row>
    <row r="1326" spans="1:26" ht="24" customHeight="1" x14ac:dyDescent="0.2">
      <c r="A1326" s="9" t="s">
        <v>18582</v>
      </c>
      <c r="B1326" s="9" t="s">
        <v>14</v>
      </c>
      <c r="C1326" s="9" t="s">
        <v>6306</v>
      </c>
      <c r="D1326" s="6" t="s">
        <v>6307</v>
      </c>
      <c r="E1326" s="22">
        <v>44025</v>
      </c>
      <c r="F1326" s="22">
        <v>45850</v>
      </c>
      <c r="G1326" s="6" t="s">
        <v>6308</v>
      </c>
      <c r="H1326" s="6" t="s">
        <v>363</v>
      </c>
      <c r="I1326" s="6" t="s">
        <v>597</v>
      </c>
      <c r="J1326" s="6" t="s">
        <v>6309</v>
      </c>
      <c r="K1326" s="9" t="s">
        <v>6310</v>
      </c>
      <c r="L1326" s="10" t="s">
        <v>22</v>
      </c>
      <c r="M1326" s="10" t="s">
        <v>22</v>
      </c>
      <c r="N1326" s="10" t="s">
        <v>22</v>
      </c>
      <c r="O1326" s="10" t="s">
        <v>22</v>
      </c>
      <c r="P1326" s="10" t="s">
        <v>22</v>
      </c>
      <c r="Q1326" s="10" t="s">
        <v>22</v>
      </c>
      <c r="U1326" s="10" t="s">
        <v>22</v>
      </c>
      <c r="V1326" s="10" t="s">
        <v>22</v>
      </c>
      <c r="W1326" s="10" t="s">
        <v>22</v>
      </c>
      <c r="X1326" s="10" t="s">
        <v>22</v>
      </c>
      <c r="Y1326" s="10" t="s">
        <v>22</v>
      </c>
      <c r="Z1326" s="10" t="s">
        <v>22</v>
      </c>
    </row>
    <row r="1327" spans="1:26" ht="24" customHeight="1" x14ac:dyDescent="0.2">
      <c r="A1327" s="9" t="s">
        <v>18583</v>
      </c>
      <c r="B1327" s="9" t="s">
        <v>14</v>
      </c>
      <c r="C1327" s="9" t="s">
        <v>6311</v>
      </c>
      <c r="D1327" s="6" t="s">
        <v>6312</v>
      </c>
      <c r="E1327" s="22">
        <v>44027</v>
      </c>
      <c r="F1327" s="22">
        <v>45852</v>
      </c>
      <c r="G1327" s="6" t="s">
        <v>6313</v>
      </c>
      <c r="H1327" s="6" t="s">
        <v>62</v>
      </c>
      <c r="I1327" s="6" t="s">
        <v>842</v>
      </c>
      <c r="J1327" s="6" t="s">
        <v>6314</v>
      </c>
      <c r="K1327" s="9" t="s">
        <v>6315</v>
      </c>
      <c r="L1327" s="10" t="s">
        <v>22</v>
      </c>
      <c r="M1327" s="10" t="s">
        <v>22</v>
      </c>
      <c r="N1327" s="10" t="s">
        <v>22</v>
      </c>
      <c r="U1327" s="10" t="s">
        <v>22</v>
      </c>
      <c r="V1327" s="10" t="s">
        <v>22</v>
      </c>
      <c r="W1327" s="10" t="s">
        <v>22</v>
      </c>
    </row>
    <row r="1328" spans="1:26" ht="24" customHeight="1" x14ac:dyDescent="0.2">
      <c r="A1328" s="9" t="s">
        <v>18584</v>
      </c>
      <c r="B1328" s="9" t="s">
        <v>14</v>
      </c>
      <c r="C1328" s="9" t="s">
        <v>6316</v>
      </c>
      <c r="D1328" s="6" t="s">
        <v>6317</v>
      </c>
      <c r="E1328" s="22">
        <v>44027</v>
      </c>
      <c r="F1328" s="22">
        <v>45852</v>
      </c>
      <c r="G1328" s="6" t="s">
        <v>6318</v>
      </c>
      <c r="H1328" s="6" t="s">
        <v>62</v>
      </c>
      <c r="I1328" s="6" t="s">
        <v>591</v>
      </c>
      <c r="J1328" s="6" t="s">
        <v>6319</v>
      </c>
      <c r="L1328" s="10" t="s">
        <v>22</v>
      </c>
      <c r="M1328" s="10" t="s">
        <v>22</v>
      </c>
      <c r="N1328" s="10" t="s">
        <v>22</v>
      </c>
      <c r="O1328" s="10" t="s">
        <v>22</v>
      </c>
      <c r="P1328" s="10" t="s">
        <v>22</v>
      </c>
      <c r="Q1328" s="10" t="s">
        <v>22</v>
      </c>
      <c r="U1328" s="10" t="s">
        <v>22</v>
      </c>
      <c r="V1328" s="10" t="s">
        <v>22</v>
      </c>
      <c r="W1328" s="10" t="s">
        <v>22</v>
      </c>
      <c r="X1328" s="10" t="s">
        <v>22</v>
      </c>
      <c r="Y1328" s="10" t="s">
        <v>22</v>
      </c>
      <c r="Z1328" s="10" t="s">
        <v>22</v>
      </c>
    </row>
    <row r="1329" spans="1:26" ht="24" customHeight="1" x14ac:dyDescent="0.2">
      <c r="A1329" s="9" t="s">
        <v>18585</v>
      </c>
      <c r="B1329" s="9" t="s">
        <v>14</v>
      </c>
      <c r="C1329" s="9" t="s">
        <v>6320</v>
      </c>
      <c r="D1329" s="6" t="s">
        <v>6321</v>
      </c>
      <c r="E1329" s="22">
        <v>44027</v>
      </c>
      <c r="F1329" s="22">
        <v>45852</v>
      </c>
      <c r="G1329" s="6" t="s">
        <v>6322</v>
      </c>
      <c r="H1329" s="6" t="s">
        <v>62</v>
      </c>
      <c r="I1329" s="6" t="s">
        <v>306</v>
      </c>
      <c r="J1329" s="6" t="s">
        <v>6323</v>
      </c>
      <c r="K1329" s="9" t="s">
        <v>6324</v>
      </c>
      <c r="L1329" s="10" t="s">
        <v>22</v>
      </c>
      <c r="M1329" s="10" t="s">
        <v>22</v>
      </c>
      <c r="N1329" s="10" t="s">
        <v>22</v>
      </c>
      <c r="O1329" s="10" t="s">
        <v>22</v>
      </c>
      <c r="P1329" s="10" t="s">
        <v>22</v>
      </c>
      <c r="Q1329" s="10" t="s">
        <v>22</v>
      </c>
      <c r="U1329" s="10" t="s">
        <v>22</v>
      </c>
      <c r="V1329" s="10" t="s">
        <v>22</v>
      </c>
      <c r="W1329" s="10" t="s">
        <v>22</v>
      </c>
      <c r="X1329" s="10" t="s">
        <v>22</v>
      </c>
      <c r="Y1329" s="10" t="s">
        <v>22</v>
      </c>
      <c r="Z1329" s="10" t="s">
        <v>22</v>
      </c>
    </row>
    <row r="1330" spans="1:26" ht="24" customHeight="1" x14ac:dyDescent="0.2">
      <c r="A1330" s="9" t="s">
        <v>18586</v>
      </c>
      <c r="B1330" s="9" t="s">
        <v>14</v>
      </c>
      <c r="C1330" s="9" t="s">
        <v>6325</v>
      </c>
      <c r="D1330" s="6" t="s">
        <v>6326</v>
      </c>
      <c r="E1330" s="22">
        <v>44027</v>
      </c>
      <c r="F1330" s="22">
        <v>45852</v>
      </c>
      <c r="G1330" s="6" t="s">
        <v>6327</v>
      </c>
      <c r="H1330" s="6" t="s">
        <v>18</v>
      </c>
      <c r="I1330" s="6" t="s">
        <v>1145</v>
      </c>
      <c r="J1330" s="6" t="s">
        <v>6328</v>
      </c>
      <c r="K1330" s="9" t="s">
        <v>6329</v>
      </c>
      <c r="M1330" s="10" t="s">
        <v>22</v>
      </c>
      <c r="N1330" s="10" t="s">
        <v>22</v>
      </c>
      <c r="P1330" s="10" t="s">
        <v>22</v>
      </c>
      <c r="Q1330" s="10" t="s">
        <v>22</v>
      </c>
      <c r="V1330" s="10" t="s">
        <v>22</v>
      </c>
      <c r="W1330" s="10" t="s">
        <v>22</v>
      </c>
      <c r="Y1330" s="10" t="s">
        <v>22</v>
      </c>
      <c r="Z1330" s="10" t="s">
        <v>22</v>
      </c>
    </row>
    <row r="1331" spans="1:26" ht="24" customHeight="1" x14ac:dyDescent="0.2">
      <c r="A1331" s="9" t="s">
        <v>18587</v>
      </c>
      <c r="B1331" s="9" t="s">
        <v>14</v>
      </c>
      <c r="C1331" s="9" t="s">
        <v>6330</v>
      </c>
      <c r="D1331" s="6" t="s">
        <v>6331</v>
      </c>
      <c r="E1331" s="22">
        <v>44027</v>
      </c>
      <c r="F1331" s="22">
        <v>45852</v>
      </c>
      <c r="G1331" s="6" t="s">
        <v>6332</v>
      </c>
      <c r="H1331" s="6" t="s">
        <v>363</v>
      </c>
      <c r="I1331" s="6" t="s">
        <v>466</v>
      </c>
      <c r="J1331" s="6" t="s">
        <v>6333</v>
      </c>
      <c r="M1331" s="10" t="s">
        <v>22</v>
      </c>
      <c r="N1331" s="10" t="s">
        <v>22</v>
      </c>
      <c r="V1331" s="10" t="s">
        <v>22</v>
      </c>
      <c r="W1331" s="10" t="s">
        <v>22</v>
      </c>
    </row>
    <row r="1332" spans="1:26" ht="24" customHeight="1" x14ac:dyDescent="0.2">
      <c r="A1332" s="9" t="s">
        <v>18588</v>
      </c>
      <c r="B1332" s="9" t="s">
        <v>14</v>
      </c>
      <c r="C1332" s="9" t="s">
        <v>6334</v>
      </c>
      <c r="D1332" s="6" t="s">
        <v>6335</v>
      </c>
      <c r="E1332" s="22">
        <v>44027</v>
      </c>
      <c r="F1332" s="22">
        <v>45852</v>
      </c>
      <c r="G1332" s="6" t="s">
        <v>6336</v>
      </c>
      <c r="H1332" s="6" t="s">
        <v>18</v>
      </c>
      <c r="I1332" s="6" t="s">
        <v>19</v>
      </c>
      <c r="J1332" s="6" t="s">
        <v>6337</v>
      </c>
      <c r="K1332" s="9" t="s">
        <v>6338</v>
      </c>
      <c r="L1332" s="10" t="s">
        <v>22</v>
      </c>
      <c r="M1332" s="10" t="s">
        <v>22</v>
      </c>
      <c r="N1332" s="10" t="s">
        <v>22</v>
      </c>
      <c r="O1332" s="10" t="s">
        <v>22</v>
      </c>
      <c r="P1332" s="10" t="s">
        <v>22</v>
      </c>
      <c r="Q1332" s="10" t="s">
        <v>22</v>
      </c>
      <c r="R1332" s="10" t="s">
        <v>22</v>
      </c>
      <c r="S1332" s="10" t="s">
        <v>22</v>
      </c>
      <c r="T1332" s="10" t="s">
        <v>22</v>
      </c>
      <c r="U1332" s="10" t="s">
        <v>22</v>
      </c>
      <c r="V1332" s="10" t="s">
        <v>22</v>
      </c>
      <c r="W1332" s="10" t="s">
        <v>22</v>
      </c>
      <c r="X1332" s="10" t="s">
        <v>22</v>
      </c>
      <c r="Y1332" s="10" t="s">
        <v>22</v>
      </c>
      <c r="Z1332" s="10" t="s">
        <v>22</v>
      </c>
    </row>
    <row r="1333" spans="1:26" ht="24" customHeight="1" x14ac:dyDescent="0.2">
      <c r="A1333" s="9" t="s">
        <v>18589</v>
      </c>
      <c r="B1333" s="9" t="s">
        <v>14</v>
      </c>
      <c r="C1333" s="9" t="s">
        <v>6339</v>
      </c>
      <c r="D1333" s="6" t="s">
        <v>6340</v>
      </c>
      <c r="E1333" s="22">
        <v>44034</v>
      </c>
      <c r="F1333" s="22">
        <v>45859</v>
      </c>
      <c r="G1333" s="6" t="s">
        <v>6341</v>
      </c>
      <c r="H1333" s="6" t="s">
        <v>18</v>
      </c>
      <c r="I1333" s="6" t="s">
        <v>19</v>
      </c>
      <c r="J1333" s="6" t="s">
        <v>6342</v>
      </c>
      <c r="K1333" s="9" t="s">
        <v>6343</v>
      </c>
      <c r="L1333" s="10" t="s">
        <v>22</v>
      </c>
      <c r="M1333" s="10" t="s">
        <v>22</v>
      </c>
      <c r="N1333" s="10" t="s">
        <v>22</v>
      </c>
      <c r="O1333" s="10" t="s">
        <v>22</v>
      </c>
      <c r="P1333" s="10" t="s">
        <v>22</v>
      </c>
      <c r="Q1333" s="10" t="s">
        <v>22</v>
      </c>
      <c r="R1333" s="10" t="s">
        <v>22</v>
      </c>
      <c r="S1333" s="10" t="s">
        <v>22</v>
      </c>
      <c r="T1333" s="10" t="s">
        <v>22</v>
      </c>
      <c r="U1333" s="10" t="s">
        <v>22</v>
      </c>
      <c r="V1333" s="10" t="s">
        <v>22</v>
      </c>
      <c r="W1333" s="10" t="s">
        <v>22</v>
      </c>
      <c r="X1333" s="10" t="s">
        <v>22</v>
      </c>
      <c r="Y1333" s="10" t="s">
        <v>22</v>
      </c>
      <c r="Z1333" s="10" t="s">
        <v>22</v>
      </c>
    </row>
    <row r="1334" spans="1:26" ht="24" customHeight="1" x14ac:dyDescent="0.2">
      <c r="A1334" s="9" t="s">
        <v>18590</v>
      </c>
      <c r="B1334" s="9" t="s">
        <v>14</v>
      </c>
      <c r="C1334" s="9" t="s">
        <v>6344</v>
      </c>
      <c r="D1334" s="6" t="s">
        <v>6345</v>
      </c>
      <c r="E1334" s="22">
        <v>44034</v>
      </c>
      <c r="F1334" s="22">
        <v>45859</v>
      </c>
      <c r="G1334" s="6" t="s">
        <v>6346</v>
      </c>
      <c r="H1334" s="6" t="s">
        <v>62</v>
      </c>
      <c r="I1334" s="6" t="s">
        <v>414</v>
      </c>
      <c r="J1334" s="6" t="s">
        <v>6347</v>
      </c>
      <c r="K1334" s="9" t="s">
        <v>6348</v>
      </c>
      <c r="L1334" s="10" t="s">
        <v>22</v>
      </c>
      <c r="M1334" s="10" t="s">
        <v>22</v>
      </c>
      <c r="N1334" s="10" t="s">
        <v>22</v>
      </c>
      <c r="O1334" s="10" t="s">
        <v>22</v>
      </c>
      <c r="P1334" s="10" t="s">
        <v>22</v>
      </c>
      <c r="Q1334" s="10" t="s">
        <v>22</v>
      </c>
      <c r="R1334" s="10" t="s">
        <v>22</v>
      </c>
      <c r="S1334" s="10" t="s">
        <v>22</v>
      </c>
      <c r="T1334" s="10" t="s">
        <v>22</v>
      </c>
      <c r="U1334" s="10" t="s">
        <v>22</v>
      </c>
      <c r="V1334" s="10" t="s">
        <v>22</v>
      </c>
      <c r="W1334" s="10" t="s">
        <v>22</v>
      </c>
      <c r="X1334" s="10" t="s">
        <v>22</v>
      </c>
      <c r="Y1334" s="10" t="s">
        <v>22</v>
      </c>
      <c r="Z1334" s="10" t="s">
        <v>22</v>
      </c>
    </row>
    <row r="1335" spans="1:26" ht="24" customHeight="1" x14ac:dyDescent="0.2">
      <c r="A1335" s="9" t="s">
        <v>18591</v>
      </c>
      <c r="B1335" s="9" t="s">
        <v>14</v>
      </c>
      <c r="C1335" s="9" t="s">
        <v>6349</v>
      </c>
      <c r="D1335" s="6" t="s">
        <v>6350</v>
      </c>
      <c r="E1335" s="22">
        <v>44034</v>
      </c>
      <c r="F1335" s="22">
        <v>45859</v>
      </c>
      <c r="G1335" s="6" t="s">
        <v>6351</v>
      </c>
      <c r="H1335" s="6" t="s">
        <v>18</v>
      </c>
      <c r="I1335" s="6" t="s">
        <v>19</v>
      </c>
      <c r="J1335" s="6" t="s">
        <v>6352</v>
      </c>
      <c r="K1335" s="9" t="s">
        <v>6353</v>
      </c>
      <c r="L1335" s="10" t="s">
        <v>22</v>
      </c>
      <c r="N1335" s="10" t="s">
        <v>22</v>
      </c>
      <c r="O1335" s="10" t="s">
        <v>22</v>
      </c>
      <c r="Q1335" s="10" t="s">
        <v>22</v>
      </c>
      <c r="U1335" s="10" t="s">
        <v>22</v>
      </c>
      <c r="W1335" s="10" t="s">
        <v>22</v>
      </c>
      <c r="X1335" s="10" t="s">
        <v>22</v>
      </c>
      <c r="Z1335" s="10" t="s">
        <v>22</v>
      </c>
    </row>
    <row r="1336" spans="1:26" ht="28.75" customHeight="1" x14ac:dyDescent="0.2">
      <c r="A1336" s="9" t="s">
        <v>18592</v>
      </c>
      <c r="B1336" s="9" t="s">
        <v>14</v>
      </c>
      <c r="C1336" s="9" t="s">
        <v>6354</v>
      </c>
      <c r="D1336" s="6" t="s">
        <v>6355</v>
      </c>
      <c r="E1336" s="22">
        <v>44034</v>
      </c>
      <c r="F1336" s="22">
        <v>45859</v>
      </c>
      <c r="G1336" s="6" t="s">
        <v>6356</v>
      </c>
      <c r="H1336" s="6" t="s">
        <v>701</v>
      </c>
      <c r="I1336" s="6" t="s">
        <v>3293</v>
      </c>
      <c r="J1336" s="6" t="s">
        <v>6357</v>
      </c>
      <c r="K1336" s="9" t="s">
        <v>6358</v>
      </c>
      <c r="L1336" s="10" t="s">
        <v>22</v>
      </c>
      <c r="M1336" s="10" t="s">
        <v>22</v>
      </c>
      <c r="N1336" s="10" t="s">
        <v>22</v>
      </c>
      <c r="U1336" s="10" t="s">
        <v>22</v>
      </c>
      <c r="V1336" s="10" t="s">
        <v>22</v>
      </c>
      <c r="W1336" s="10" t="s">
        <v>22</v>
      </c>
    </row>
    <row r="1337" spans="1:26" ht="24" customHeight="1" x14ac:dyDescent="0.2">
      <c r="A1337" s="9" t="s">
        <v>18593</v>
      </c>
      <c r="B1337" s="9" t="s">
        <v>14</v>
      </c>
      <c r="C1337" s="9" t="s">
        <v>6359</v>
      </c>
      <c r="D1337" s="6" t="s">
        <v>6360</v>
      </c>
      <c r="E1337" s="22">
        <v>44034</v>
      </c>
      <c r="F1337" s="22">
        <v>45859</v>
      </c>
      <c r="G1337" s="6" t="s">
        <v>6361</v>
      </c>
      <c r="H1337" s="6" t="s">
        <v>363</v>
      </c>
      <c r="I1337" s="6" t="s">
        <v>646</v>
      </c>
      <c r="J1337" s="6" t="s">
        <v>6362</v>
      </c>
      <c r="K1337" s="9" t="s">
        <v>6363</v>
      </c>
      <c r="L1337" s="10" t="s">
        <v>22</v>
      </c>
      <c r="M1337" s="10" t="s">
        <v>22</v>
      </c>
      <c r="N1337" s="10" t="s">
        <v>22</v>
      </c>
      <c r="O1337" s="10" t="s">
        <v>22</v>
      </c>
      <c r="P1337" s="10" t="s">
        <v>22</v>
      </c>
      <c r="Q1337" s="10" t="s">
        <v>22</v>
      </c>
      <c r="R1337" s="10" t="s">
        <v>22</v>
      </c>
      <c r="S1337" s="10" t="s">
        <v>22</v>
      </c>
      <c r="T1337" s="10" t="s">
        <v>22</v>
      </c>
      <c r="U1337" s="10" t="s">
        <v>22</v>
      </c>
      <c r="V1337" s="10" t="s">
        <v>22</v>
      </c>
      <c r="W1337" s="10" t="s">
        <v>22</v>
      </c>
      <c r="X1337" s="10" t="s">
        <v>22</v>
      </c>
      <c r="Y1337" s="10" t="s">
        <v>22</v>
      </c>
      <c r="Z1337" s="10" t="s">
        <v>22</v>
      </c>
    </row>
    <row r="1338" spans="1:26" ht="24" customHeight="1" x14ac:dyDescent="0.2">
      <c r="A1338" s="9" t="s">
        <v>18594</v>
      </c>
      <c r="B1338" s="9" t="s">
        <v>14</v>
      </c>
      <c r="C1338" s="9" t="s">
        <v>6364</v>
      </c>
      <c r="D1338" s="6" t="s">
        <v>6365</v>
      </c>
      <c r="E1338" s="22">
        <v>44034</v>
      </c>
      <c r="F1338" s="22">
        <v>45859</v>
      </c>
      <c r="G1338" s="6" t="s">
        <v>6366</v>
      </c>
      <c r="H1338" s="6" t="s">
        <v>2368</v>
      </c>
      <c r="I1338" s="6" t="s">
        <v>6367</v>
      </c>
      <c r="J1338" s="6" t="s">
        <v>6368</v>
      </c>
      <c r="L1338" s="10" t="s">
        <v>22</v>
      </c>
      <c r="M1338" s="10" t="s">
        <v>22</v>
      </c>
      <c r="N1338" s="10" t="s">
        <v>22</v>
      </c>
      <c r="O1338" s="10" t="s">
        <v>22</v>
      </c>
      <c r="P1338" s="10" t="s">
        <v>22</v>
      </c>
      <c r="Q1338" s="10" t="s">
        <v>22</v>
      </c>
      <c r="R1338" s="10" t="s">
        <v>22</v>
      </c>
      <c r="S1338" s="10" t="s">
        <v>22</v>
      </c>
      <c r="T1338" s="10" t="s">
        <v>22</v>
      </c>
      <c r="U1338" s="10" t="s">
        <v>22</v>
      </c>
      <c r="V1338" s="10" t="s">
        <v>22</v>
      </c>
      <c r="W1338" s="10" t="s">
        <v>22</v>
      </c>
      <c r="X1338" s="10" t="s">
        <v>22</v>
      </c>
      <c r="Y1338" s="10" t="s">
        <v>22</v>
      </c>
      <c r="Z1338" s="10" t="s">
        <v>22</v>
      </c>
    </row>
    <row r="1339" spans="1:26" ht="24" customHeight="1" x14ac:dyDescent="0.2">
      <c r="A1339" s="9" t="s">
        <v>18595</v>
      </c>
      <c r="B1339" s="9" t="s">
        <v>14</v>
      </c>
      <c r="C1339" s="9" t="s">
        <v>6369</v>
      </c>
      <c r="D1339" s="6" t="s">
        <v>6370</v>
      </c>
      <c r="E1339" s="22">
        <v>44042</v>
      </c>
      <c r="F1339" s="22">
        <v>45867</v>
      </c>
      <c r="G1339" s="6" t="s">
        <v>6371</v>
      </c>
      <c r="H1339" s="6" t="s">
        <v>229</v>
      </c>
      <c r="I1339" s="6" t="s">
        <v>324</v>
      </c>
      <c r="J1339" s="6" t="s">
        <v>6372</v>
      </c>
      <c r="K1339" s="9" t="s">
        <v>6373</v>
      </c>
      <c r="U1339" s="10" t="s">
        <v>22</v>
      </c>
      <c r="V1339" s="10" t="s">
        <v>22</v>
      </c>
      <c r="W1339" s="10" t="s">
        <v>22</v>
      </c>
      <c r="X1339" s="10" t="s">
        <v>22</v>
      </c>
      <c r="Y1339" s="10" t="s">
        <v>22</v>
      </c>
      <c r="Z1339" s="10" t="s">
        <v>22</v>
      </c>
    </row>
    <row r="1340" spans="1:26" ht="24" customHeight="1" x14ac:dyDescent="0.2">
      <c r="A1340" s="9" t="s">
        <v>18596</v>
      </c>
      <c r="B1340" s="9" t="s">
        <v>14</v>
      </c>
      <c r="C1340" s="9" t="s">
        <v>6374</v>
      </c>
      <c r="D1340" s="6" t="s">
        <v>6375</v>
      </c>
      <c r="E1340" s="22">
        <v>44041</v>
      </c>
      <c r="F1340" s="22">
        <v>45866</v>
      </c>
      <c r="G1340" s="6" t="s">
        <v>6376</v>
      </c>
      <c r="H1340" s="6" t="s">
        <v>18</v>
      </c>
      <c r="I1340" s="6" t="s">
        <v>19</v>
      </c>
      <c r="J1340" s="6" t="s">
        <v>6377</v>
      </c>
      <c r="K1340" s="9" t="s">
        <v>6378</v>
      </c>
      <c r="L1340" s="10" t="s">
        <v>22</v>
      </c>
      <c r="M1340" s="10" t="s">
        <v>22</v>
      </c>
      <c r="N1340" s="10" t="s">
        <v>22</v>
      </c>
      <c r="O1340" s="10" t="s">
        <v>22</v>
      </c>
      <c r="P1340" s="10" t="s">
        <v>22</v>
      </c>
      <c r="Q1340" s="10" t="s">
        <v>22</v>
      </c>
      <c r="R1340" s="10" t="s">
        <v>22</v>
      </c>
      <c r="S1340" s="10" t="s">
        <v>22</v>
      </c>
      <c r="T1340" s="10" t="s">
        <v>22</v>
      </c>
      <c r="U1340" s="10" t="s">
        <v>22</v>
      </c>
      <c r="V1340" s="10" t="s">
        <v>22</v>
      </c>
      <c r="W1340" s="10" t="s">
        <v>22</v>
      </c>
      <c r="X1340" s="10" t="s">
        <v>22</v>
      </c>
      <c r="Y1340" s="10" t="s">
        <v>22</v>
      </c>
      <c r="Z1340" s="10" t="s">
        <v>22</v>
      </c>
    </row>
    <row r="1341" spans="1:26" ht="24" customHeight="1" x14ac:dyDescent="0.2">
      <c r="A1341" s="9" t="s">
        <v>18597</v>
      </c>
      <c r="B1341" s="9" t="s">
        <v>14</v>
      </c>
      <c r="C1341" s="9" t="s">
        <v>6379</v>
      </c>
      <c r="D1341" s="6" t="s">
        <v>6380</v>
      </c>
      <c r="E1341" s="22">
        <v>44041</v>
      </c>
      <c r="F1341" s="22">
        <v>45866</v>
      </c>
      <c r="G1341" s="6" t="s">
        <v>6381</v>
      </c>
      <c r="H1341" s="6" t="s">
        <v>62</v>
      </c>
      <c r="I1341" s="6" t="s">
        <v>403</v>
      </c>
      <c r="J1341" s="6" t="s">
        <v>6382</v>
      </c>
      <c r="K1341" s="9" t="s">
        <v>6383</v>
      </c>
      <c r="L1341" s="10" t="s">
        <v>22</v>
      </c>
      <c r="M1341" s="10" t="s">
        <v>22</v>
      </c>
      <c r="N1341" s="10" t="s">
        <v>22</v>
      </c>
      <c r="O1341" s="10" t="s">
        <v>22</v>
      </c>
      <c r="P1341" s="10" t="s">
        <v>22</v>
      </c>
      <c r="Q1341" s="10" t="s">
        <v>22</v>
      </c>
      <c r="R1341" s="10" t="s">
        <v>22</v>
      </c>
      <c r="S1341" s="10" t="s">
        <v>22</v>
      </c>
      <c r="T1341" s="10" t="s">
        <v>22</v>
      </c>
      <c r="U1341" s="10" t="s">
        <v>22</v>
      </c>
      <c r="V1341" s="10" t="s">
        <v>22</v>
      </c>
      <c r="W1341" s="10" t="s">
        <v>22</v>
      </c>
      <c r="X1341" s="10" t="s">
        <v>22</v>
      </c>
      <c r="Y1341" s="10" t="s">
        <v>22</v>
      </c>
      <c r="Z1341" s="10" t="s">
        <v>22</v>
      </c>
    </row>
    <row r="1342" spans="1:26" ht="24" customHeight="1" x14ac:dyDescent="0.2">
      <c r="A1342" s="9" t="s">
        <v>18598</v>
      </c>
      <c r="B1342" s="9" t="s">
        <v>14</v>
      </c>
      <c r="C1342" s="9" t="s">
        <v>6384</v>
      </c>
      <c r="D1342" s="6" t="s">
        <v>6385</v>
      </c>
      <c r="E1342" s="22">
        <v>44047</v>
      </c>
      <c r="F1342" s="22">
        <v>45872</v>
      </c>
      <c r="G1342" s="6" t="s">
        <v>6386</v>
      </c>
      <c r="H1342" s="6" t="s">
        <v>62</v>
      </c>
      <c r="I1342" s="6" t="s">
        <v>186</v>
      </c>
      <c r="J1342" s="6" t="s">
        <v>6387</v>
      </c>
      <c r="K1342" s="9" t="s">
        <v>6388</v>
      </c>
      <c r="M1342" s="10" t="s">
        <v>22</v>
      </c>
      <c r="N1342" s="10" t="s">
        <v>22</v>
      </c>
      <c r="P1342" s="10" t="s">
        <v>22</v>
      </c>
      <c r="Q1342" s="10" t="s">
        <v>22</v>
      </c>
      <c r="S1342" s="10" t="s">
        <v>22</v>
      </c>
      <c r="T1342" s="10" t="s">
        <v>22</v>
      </c>
      <c r="V1342" s="10" t="s">
        <v>22</v>
      </c>
      <c r="W1342" s="10" t="s">
        <v>22</v>
      </c>
      <c r="Y1342" s="10" t="s">
        <v>22</v>
      </c>
      <c r="Z1342" s="10" t="s">
        <v>22</v>
      </c>
    </row>
    <row r="1343" spans="1:26" ht="24" customHeight="1" x14ac:dyDescent="0.2">
      <c r="A1343" s="9" t="s">
        <v>18599</v>
      </c>
      <c r="B1343" s="9" t="s">
        <v>14</v>
      </c>
      <c r="C1343" s="9" t="s">
        <v>6389</v>
      </c>
      <c r="D1343" s="6" t="s">
        <v>6390</v>
      </c>
      <c r="E1343" s="22">
        <v>44047</v>
      </c>
      <c r="F1343" s="22">
        <v>45872</v>
      </c>
      <c r="G1343" s="6" t="s">
        <v>6391</v>
      </c>
      <c r="H1343" s="6" t="s">
        <v>62</v>
      </c>
      <c r="I1343" s="6" t="s">
        <v>186</v>
      </c>
      <c r="J1343" s="6" t="s">
        <v>6392</v>
      </c>
      <c r="K1343" s="9" t="s">
        <v>6393</v>
      </c>
      <c r="L1343" s="10" t="s">
        <v>22</v>
      </c>
      <c r="M1343" s="10" t="s">
        <v>22</v>
      </c>
      <c r="N1343" s="10" t="s">
        <v>22</v>
      </c>
      <c r="O1343" s="10" t="s">
        <v>22</v>
      </c>
      <c r="P1343" s="10" t="s">
        <v>22</v>
      </c>
      <c r="Q1343" s="10" t="s">
        <v>22</v>
      </c>
      <c r="R1343" s="10" t="s">
        <v>22</v>
      </c>
      <c r="S1343" s="10" t="s">
        <v>22</v>
      </c>
      <c r="T1343" s="10" t="s">
        <v>22</v>
      </c>
      <c r="U1343" s="10" t="s">
        <v>22</v>
      </c>
      <c r="V1343" s="10" t="s">
        <v>22</v>
      </c>
      <c r="W1343" s="10" t="s">
        <v>22</v>
      </c>
      <c r="X1343" s="10" t="s">
        <v>22</v>
      </c>
      <c r="Y1343" s="10" t="s">
        <v>22</v>
      </c>
      <c r="Z1343" s="10" t="s">
        <v>22</v>
      </c>
    </row>
    <row r="1344" spans="1:26" ht="24" customHeight="1" x14ac:dyDescent="0.2">
      <c r="A1344" s="9" t="s">
        <v>18600</v>
      </c>
      <c r="B1344" s="9" t="s">
        <v>14</v>
      </c>
      <c r="C1344" s="9" t="s">
        <v>6394</v>
      </c>
      <c r="D1344" s="6" t="s">
        <v>6395</v>
      </c>
      <c r="E1344" s="22">
        <v>44047</v>
      </c>
      <c r="F1344" s="22">
        <v>45872</v>
      </c>
      <c r="G1344" s="6" t="s">
        <v>6396</v>
      </c>
      <c r="H1344" s="6" t="s">
        <v>62</v>
      </c>
      <c r="I1344" s="6" t="s">
        <v>236</v>
      </c>
      <c r="J1344" s="6" t="s">
        <v>6397</v>
      </c>
      <c r="K1344" s="9" t="s">
        <v>6398</v>
      </c>
      <c r="L1344" s="10" t="s">
        <v>22</v>
      </c>
      <c r="M1344" s="10" t="s">
        <v>22</v>
      </c>
      <c r="N1344" s="10" t="s">
        <v>22</v>
      </c>
      <c r="V1344" s="10" t="s">
        <v>22</v>
      </c>
      <c r="W1344" s="10" t="s">
        <v>22</v>
      </c>
    </row>
    <row r="1345" spans="1:26" ht="24" customHeight="1" x14ac:dyDescent="0.2">
      <c r="A1345" s="9" t="s">
        <v>18601</v>
      </c>
      <c r="B1345" s="9" t="s">
        <v>14</v>
      </c>
      <c r="C1345" s="9" t="s">
        <v>6399</v>
      </c>
      <c r="D1345" s="6" t="s">
        <v>6400</v>
      </c>
      <c r="E1345" s="22">
        <v>44047</v>
      </c>
      <c r="F1345" s="22">
        <v>45872</v>
      </c>
      <c r="G1345" s="6" t="s">
        <v>6401</v>
      </c>
      <c r="H1345" s="6" t="s">
        <v>1625</v>
      </c>
      <c r="I1345" s="6" t="s">
        <v>4540</v>
      </c>
      <c r="J1345" s="6" t="s">
        <v>6402</v>
      </c>
      <c r="K1345" s="9" t="s">
        <v>6403</v>
      </c>
      <c r="L1345" s="10" t="s">
        <v>22</v>
      </c>
      <c r="M1345" s="10" t="s">
        <v>22</v>
      </c>
      <c r="N1345" s="10" t="s">
        <v>22</v>
      </c>
      <c r="O1345" s="10" t="s">
        <v>22</v>
      </c>
      <c r="P1345" s="10" t="s">
        <v>22</v>
      </c>
      <c r="Q1345" s="10" t="s">
        <v>22</v>
      </c>
      <c r="R1345" s="10" t="s">
        <v>22</v>
      </c>
      <c r="S1345" s="10" t="s">
        <v>22</v>
      </c>
      <c r="T1345" s="10" t="s">
        <v>22</v>
      </c>
      <c r="U1345" s="10" t="s">
        <v>22</v>
      </c>
      <c r="V1345" s="10" t="s">
        <v>22</v>
      </c>
      <c r="W1345" s="10" t="s">
        <v>22</v>
      </c>
      <c r="X1345" s="10" t="s">
        <v>22</v>
      </c>
      <c r="Y1345" s="10" t="s">
        <v>22</v>
      </c>
      <c r="Z1345" s="10" t="s">
        <v>22</v>
      </c>
    </row>
    <row r="1346" spans="1:26" ht="24" customHeight="1" x14ac:dyDescent="0.2">
      <c r="A1346" s="9" t="s">
        <v>18602</v>
      </c>
      <c r="B1346" s="9" t="s">
        <v>14</v>
      </c>
      <c r="C1346" s="9" t="s">
        <v>6404</v>
      </c>
      <c r="D1346" s="6" t="s">
        <v>6405</v>
      </c>
      <c r="E1346" s="22">
        <v>44047</v>
      </c>
      <c r="F1346" s="22">
        <v>45872</v>
      </c>
      <c r="G1346" s="6" t="s">
        <v>6406</v>
      </c>
      <c r="H1346" s="6" t="s">
        <v>62</v>
      </c>
      <c r="I1346" s="6" t="s">
        <v>264</v>
      </c>
      <c r="J1346" s="6" t="s">
        <v>6407</v>
      </c>
      <c r="K1346" s="9" t="s">
        <v>6408</v>
      </c>
      <c r="L1346" s="10" t="s">
        <v>22</v>
      </c>
      <c r="M1346" s="10" t="s">
        <v>22</v>
      </c>
      <c r="N1346" s="10" t="s">
        <v>22</v>
      </c>
      <c r="O1346" s="10" t="s">
        <v>22</v>
      </c>
      <c r="P1346" s="10" t="s">
        <v>22</v>
      </c>
      <c r="Q1346" s="10" t="s">
        <v>22</v>
      </c>
      <c r="U1346" s="10" t="s">
        <v>22</v>
      </c>
      <c r="V1346" s="10" t="s">
        <v>22</v>
      </c>
      <c r="W1346" s="10" t="s">
        <v>22</v>
      </c>
      <c r="X1346" s="10" t="s">
        <v>22</v>
      </c>
      <c r="Y1346" s="10" t="s">
        <v>22</v>
      </c>
      <c r="Z1346" s="10" t="s">
        <v>22</v>
      </c>
    </row>
    <row r="1347" spans="1:26" ht="24" customHeight="1" x14ac:dyDescent="0.2">
      <c r="A1347" s="9" t="s">
        <v>18603</v>
      </c>
      <c r="B1347" s="9" t="s">
        <v>14</v>
      </c>
      <c r="C1347" s="9" t="s">
        <v>6409</v>
      </c>
      <c r="D1347" s="6" t="s">
        <v>6410</v>
      </c>
      <c r="E1347" s="22">
        <v>44047</v>
      </c>
      <c r="F1347" s="22">
        <v>45872</v>
      </c>
      <c r="G1347" s="6" t="s">
        <v>6411</v>
      </c>
      <c r="H1347" s="6" t="s">
        <v>62</v>
      </c>
      <c r="I1347" s="6" t="s">
        <v>63</v>
      </c>
      <c r="J1347" s="6" t="s">
        <v>6412</v>
      </c>
      <c r="K1347" s="9" t="s">
        <v>6413</v>
      </c>
      <c r="L1347" s="10" t="s">
        <v>22</v>
      </c>
      <c r="M1347" s="10" t="s">
        <v>22</v>
      </c>
      <c r="N1347" s="10" t="s">
        <v>22</v>
      </c>
      <c r="O1347" s="10" t="s">
        <v>22</v>
      </c>
      <c r="P1347" s="10" t="s">
        <v>22</v>
      </c>
      <c r="Q1347" s="10" t="s">
        <v>22</v>
      </c>
      <c r="R1347" s="10" t="s">
        <v>22</v>
      </c>
      <c r="S1347" s="10" t="s">
        <v>22</v>
      </c>
      <c r="T1347" s="10" t="s">
        <v>22</v>
      </c>
      <c r="U1347" s="10" t="s">
        <v>22</v>
      </c>
      <c r="V1347" s="10" t="s">
        <v>22</v>
      </c>
      <c r="W1347" s="10" t="s">
        <v>22</v>
      </c>
      <c r="X1347" s="10" t="s">
        <v>22</v>
      </c>
      <c r="Y1347" s="10" t="s">
        <v>22</v>
      </c>
      <c r="Z1347" s="10" t="s">
        <v>22</v>
      </c>
    </row>
    <row r="1348" spans="1:26" ht="24" customHeight="1" x14ac:dyDescent="0.2">
      <c r="A1348" s="9" t="s">
        <v>18604</v>
      </c>
      <c r="B1348" s="9" t="s">
        <v>14</v>
      </c>
      <c r="C1348" s="9" t="s">
        <v>6414</v>
      </c>
      <c r="D1348" s="6" t="s">
        <v>6415</v>
      </c>
      <c r="E1348" s="22">
        <v>44055</v>
      </c>
      <c r="F1348" s="22">
        <v>45880</v>
      </c>
      <c r="G1348" s="6" t="s">
        <v>6416</v>
      </c>
      <c r="H1348" s="6" t="s">
        <v>62</v>
      </c>
      <c r="I1348" s="6" t="s">
        <v>264</v>
      </c>
      <c r="J1348" s="6" t="s">
        <v>6417</v>
      </c>
      <c r="K1348" s="9" t="s">
        <v>6418</v>
      </c>
      <c r="L1348" s="10" t="s">
        <v>22</v>
      </c>
      <c r="M1348" s="10" t="s">
        <v>22</v>
      </c>
      <c r="N1348" s="10" t="s">
        <v>22</v>
      </c>
      <c r="O1348" s="10" t="s">
        <v>22</v>
      </c>
      <c r="P1348" s="10" t="s">
        <v>22</v>
      </c>
      <c r="Q1348" s="10" t="s">
        <v>22</v>
      </c>
      <c r="R1348" s="10" t="s">
        <v>22</v>
      </c>
      <c r="S1348" s="10" t="s">
        <v>22</v>
      </c>
      <c r="T1348" s="10" t="s">
        <v>22</v>
      </c>
    </row>
    <row r="1349" spans="1:26" ht="24" customHeight="1" x14ac:dyDescent="0.2">
      <c r="A1349" s="9" t="s">
        <v>18605</v>
      </c>
      <c r="B1349" s="9" t="s">
        <v>14</v>
      </c>
      <c r="C1349" s="9" t="s">
        <v>6419</v>
      </c>
      <c r="D1349" s="6" t="s">
        <v>6420</v>
      </c>
      <c r="E1349" s="22">
        <v>44055</v>
      </c>
      <c r="F1349" s="22">
        <v>45880</v>
      </c>
      <c r="G1349" s="6" t="s">
        <v>6421</v>
      </c>
      <c r="H1349" s="6" t="s">
        <v>62</v>
      </c>
      <c r="I1349" s="6" t="s">
        <v>306</v>
      </c>
      <c r="J1349" s="6" t="s">
        <v>6422</v>
      </c>
      <c r="K1349" s="9" t="s">
        <v>6423</v>
      </c>
      <c r="L1349" s="10" t="s">
        <v>22</v>
      </c>
      <c r="M1349" s="10" t="s">
        <v>22</v>
      </c>
      <c r="N1349" s="10" t="s">
        <v>22</v>
      </c>
      <c r="O1349" s="10" t="s">
        <v>22</v>
      </c>
      <c r="P1349" s="10" t="s">
        <v>22</v>
      </c>
      <c r="Q1349" s="10" t="s">
        <v>22</v>
      </c>
      <c r="R1349" s="10" t="s">
        <v>22</v>
      </c>
      <c r="S1349" s="10" t="s">
        <v>22</v>
      </c>
      <c r="T1349" s="10" t="s">
        <v>22</v>
      </c>
      <c r="U1349" s="10" t="s">
        <v>22</v>
      </c>
      <c r="V1349" s="10" t="s">
        <v>22</v>
      </c>
      <c r="W1349" s="10" t="s">
        <v>22</v>
      </c>
      <c r="X1349" s="10" t="s">
        <v>22</v>
      </c>
      <c r="Y1349" s="10" t="s">
        <v>22</v>
      </c>
      <c r="Z1349" s="10" t="s">
        <v>22</v>
      </c>
    </row>
    <row r="1350" spans="1:26" ht="24" customHeight="1" x14ac:dyDescent="0.2">
      <c r="A1350" s="9" t="s">
        <v>18606</v>
      </c>
      <c r="B1350" s="9" t="s">
        <v>14</v>
      </c>
      <c r="C1350" s="9" t="s">
        <v>6424</v>
      </c>
      <c r="D1350" s="6" t="s">
        <v>6425</v>
      </c>
      <c r="E1350" s="22">
        <v>44055</v>
      </c>
      <c r="F1350" s="22">
        <v>45880</v>
      </c>
      <c r="G1350" s="6" t="s">
        <v>6426</v>
      </c>
      <c r="H1350" s="6" t="s">
        <v>202</v>
      </c>
      <c r="I1350" s="6" t="s">
        <v>6427</v>
      </c>
      <c r="J1350" s="6" t="s">
        <v>6428</v>
      </c>
      <c r="K1350" s="9" t="s">
        <v>6429</v>
      </c>
      <c r="L1350" s="10" t="s">
        <v>22</v>
      </c>
      <c r="M1350" s="10" t="s">
        <v>22</v>
      </c>
      <c r="N1350" s="10" t="s">
        <v>22</v>
      </c>
      <c r="O1350" s="10" t="s">
        <v>22</v>
      </c>
      <c r="P1350" s="10" t="s">
        <v>22</v>
      </c>
      <c r="Q1350" s="10" t="s">
        <v>22</v>
      </c>
      <c r="R1350" s="10" t="s">
        <v>22</v>
      </c>
      <c r="S1350" s="10" t="s">
        <v>22</v>
      </c>
      <c r="T1350" s="10" t="s">
        <v>22</v>
      </c>
    </row>
    <row r="1351" spans="1:26" ht="24" customHeight="1" x14ac:dyDescent="0.2">
      <c r="A1351" s="9" t="s">
        <v>18607</v>
      </c>
      <c r="B1351" s="9" t="s">
        <v>14</v>
      </c>
      <c r="C1351" s="9" t="s">
        <v>6430</v>
      </c>
      <c r="D1351" s="6" t="s">
        <v>6431</v>
      </c>
      <c r="E1351" s="22">
        <v>44060</v>
      </c>
      <c r="F1351" s="22">
        <v>45885</v>
      </c>
      <c r="G1351" s="6" t="s">
        <v>6432</v>
      </c>
      <c r="H1351" s="6" t="s">
        <v>62</v>
      </c>
      <c r="I1351" s="6" t="s">
        <v>312</v>
      </c>
      <c r="J1351" s="6" t="s">
        <v>6433</v>
      </c>
      <c r="K1351" s="9" t="s">
        <v>6434</v>
      </c>
      <c r="L1351" s="10" t="s">
        <v>22</v>
      </c>
      <c r="M1351" s="10" t="s">
        <v>22</v>
      </c>
      <c r="N1351" s="10" t="s">
        <v>22</v>
      </c>
      <c r="O1351" s="10" t="s">
        <v>22</v>
      </c>
      <c r="P1351" s="10" t="s">
        <v>22</v>
      </c>
      <c r="Q1351" s="10" t="s">
        <v>22</v>
      </c>
      <c r="R1351" s="10" t="s">
        <v>22</v>
      </c>
      <c r="S1351" s="10" t="s">
        <v>22</v>
      </c>
      <c r="T1351" s="10" t="s">
        <v>22</v>
      </c>
      <c r="U1351" s="10" t="s">
        <v>22</v>
      </c>
      <c r="V1351" s="10" t="s">
        <v>22</v>
      </c>
      <c r="W1351" s="10" t="s">
        <v>22</v>
      </c>
      <c r="X1351" s="10" t="s">
        <v>22</v>
      </c>
      <c r="Y1351" s="10" t="s">
        <v>22</v>
      </c>
      <c r="Z1351" s="10" t="s">
        <v>22</v>
      </c>
    </row>
    <row r="1352" spans="1:26" ht="24" customHeight="1" x14ac:dyDescent="0.2">
      <c r="A1352" s="9" t="s">
        <v>18608</v>
      </c>
      <c r="B1352" s="9" t="s">
        <v>14</v>
      </c>
      <c r="C1352" s="9" t="s">
        <v>6435</v>
      </c>
      <c r="D1352" s="6" t="s">
        <v>6436</v>
      </c>
      <c r="E1352" s="22">
        <v>44062</v>
      </c>
      <c r="F1352" s="22">
        <v>45887</v>
      </c>
      <c r="G1352" s="6" t="s">
        <v>6437</v>
      </c>
      <c r="H1352" s="6" t="s">
        <v>202</v>
      </c>
      <c r="I1352" s="6" t="s">
        <v>863</v>
      </c>
      <c r="J1352" s="6" t="s">
        <v>6438</v>
      </c>
      <c r="K1352" s="9" t="s">
        <v>6439</v>
      </c>
      <c r="M1352" s="10" t="s">
        <v>22</v>
      </c>
      <c r="N1352" s="10" t="s">
        <v>22</v>
      </c>
      <c r="O1352" s="10" t="s">
        <v>22</v>
      </c>
      <c r="P1352" s="10" t="s">
        <v>22</v>
      </c>
      <c r="Q1352" s="10" t="s">
        <v>22</v>
      </c>
      <c r="R1352" s="10" t="s">
        <v>22</v>
      </c>
      <c r="S1352" s="10" t="s">
        <v>22</v>
      </c>
      <c r="T1352" s="10" t="s">
        <v>22</v>
      </c>
      <c r="V1352" s="10" t="s">
        <v>22</v>
      </c>
      <c r="W1352" s="10" t="s">
        <v>22</v>
      </c>
      <c r="Y1352" s="10" t="s">
        <v>22</v>
      </c>
      <c r="Z1352" s="10" t="s">
        <v>22</v>
      </c>
    </row>
    <row r="1353" spans="1:26" ht="24" customHeight="1" x14ac:dyDescent="0.2">
      <c r="A1353" s="9" t="s">
        <v>18609</v>
      </c>
      <c r="B1353" s="9" t="s">
        <v>14</v>
      </c>
      <c r="C1353" s="9" t="s">
        <v>6440</v>
      </c>
      <c r="D1353" s="6" t="s">
        <v>6441</v>
      </c>
      <c r="E1353" s="22">
        <v>44062</v>
      </c>
      <c r="F1353" s="22">
        <v>45887</v>
      </c>
      <c r="G1353" s="6" t="s">
        <v>6442</v>
      </c>
      <c r="H1353" s="6" t="s">
        <v>229</v>
      </c>
      <c r="I1353" s="6" t="s">
        <v>825</v>
      </c>
      <c r="J1353" s="6" t="s">
        <v>6443</v>
      </c>
      <c r="K1353" s="9" t="s">
        <v>6444</v>
      </c>
      <c r="L1353" s="10" t="s">
        <v>22</v>
      </c>
      <c r="M1353" s="10" t="s">
        <v>22</v>
      </c>
      <c r="N1353" s="10" t="s">
        <v>22</v>
      </c>
      <c r="O1353" s="10" t="s">
        <v>22</v>
      </c>
      <c r="P1353" s="10" t="s">
        <v>22</v>
      </c>
      <c r="Q1353" s="10" t="s">
        <v>22</v>
      </c>
      <c r="U1353" s="10" t="s">
        <v>22</v>
      </c>
      <c r="V1353" s="10" t="s">
        <v>22</v>
      </c>
      <c r="W1353" s="10" t="s">
        <v>22</v>
      </c>
      <c r="X1353" s="10" t="s">
        <v>22</v>
      </c>
      <c r="Y1353" s="10" t="s">
        <v>22</v>
      </c>
      <c r="Z1353" s="10" t="s">
        <v>22</v>
      </c>
    </row>
    <row r="1354" spans="1:26" ht="24" customHeight="1" x14ac:dyDescent="0.2">
      <c r="A1354" s="9" t="s">
        <v>18610</v>
      </c>
      <c r="B1354" s="9" t="s">
        <v>14</v>
      </c>
      <c r="C1354" s="9" t="s">
        <v>6445</v>
      </c>
      <c r="D1354" s="6" t="s">
        <v>6446</v>
      </c>
      <c r="E1354" s="22">
        <v>44068</v>
      </c>
      <c r="F1354" s="22">
        <v>45893</v>
      </c>
      <c r="G1354" s="6" t="s">
        <v>6447</v>
      </c>
      <c r="H1354" s="6" t="s">
        <v>62</v>
      </c>
      <c r="I1354" s="6" t="s">
        <v>1955</v>
      </c>
      <c r="J1354" s="6" t="s">
        <v>6448</v>
      </c>
      <c r="K1354" s="9" t="s">
        <v>6449</v>
      </c>
      <c r="L1354" s="10" t="s">
        <v>22</v>
      </c>
      <c r="M1354" s="10" t="s">
        <v>22</v>
      </c>
      <c r="N1354" s="10" t="s">
        <v>22</v>
      </c>
      <c r="O1354" s="10" t="s">
        <v>22</v>
      </c>
      <c r="P1354" s="10" t="s">
        <v>22</v>
      </c>
      <c r="Q1354" s="10" t="s">
        <v>22</v>
      </c>
      <c r="R1354" s="10" t="s">
        <v>22</v>
      </c>
      <c r="S1354" s="10" t="s">
        <v>22</v>
      </c>
      <c r="T1354" s="10" t="s">
        <v>22</v>
      </c>
      <c r="U1354" s="10" t="s">
        <v>22</v>
      </c>
      <c r="V1354" s="10" t="s">
        <v>22</v>
      </c>
      <c r="W1354" s="10" t="s">
        <v>22</v>
      </c>
      <c r="X1354" s="10" t="s">
        <v>22</v>
      </c>
      <c r="Y1354" s="10" t="s">
        <v>22</v>
      </c>
      <c r="Z1354" s="10" t="s">
        <v>22</v>
      </c>
    </row>
    <row r="1355" spans="1:26" ht="24" customHeight="1" x14ac:dyDescent="0.2">
      <c r="A1355" s="9" t="s">
        <v>18611</v>
      </c>
      <c r="B1355" s="9" t="s">
        <v>14</v>
      </c>
      <c r="C1355" s="9" t="s">
        <v>6450</v>
      </c>
      <c r="D1355" s="6" t="s">
        <v>6451</v>
      </c>
      <c r="E1355" s="22">
        <v>44070</v>
      </c>
      <c r="F1355" s="22">
        <v>45895</v>
      </c>
      <c r="G1355" s="6" t="s">
        <v>6452</v>
      </c>
      <c r="H1355" s="6" t="s">
        <v>363</v>
      </c>
      <c r="I1355" s="6" t="s">
        <v>597</v>
      </c>
      <c r="J1355" s="6" t="s">
        <v>6453</v>
      </c>
      <c r="K1355" s="9" t="s">
        <v>6454</v>
      </c>
      <c r="M1355" s="10" t="s">
        <v>22</v>
      </c>
      <c r="N1355" s="10" t="s">
        <v>22</v>
      </c>
      <c r="O1355" s="10" t="s">
        <v>22</v>
      </c>
      <c r="P1355" s="10" t="s">
        <v>22</v>
      </c>
      <c r="Q1355" s="10" t="s">
        <v>22</v>
      </c>
      <c r="R1355" s="10" t="s">
        <v>22</v>
      </c>
      <c r="S1355" s="10" t="s">
        <v>22</v>
      </c>
      <c r="T1355" s="10" t="s">
        <v>22</v>
      </c>
      <c r="V1355" s="10" t="s">
        <v>22</v>
      </c>
      <c r="W1355" s="10" t="s">
        <v>22</v>
      </c>
      <c r="X1355" s="10" t="s">
        <v>22</v>
      </c>
      <c r="Y1355" s="10" t="s">
        <v>22</v>
      </c>
      <c r="Z1355" s="10" t="s">
        <v>22</v>
      </c>
    </row>
    <row r="1356" spans="1:26" ht="24" customHeight="1" x14ac:dyDescent="0.2">
      <c r="A1356" s="9" t="s">
        <v>18612</v>
      </c>
      <c r="B1356" s="9" t="s">
        <v>14</v>
      </c>
      <c r="C1356" s="9" t="s">
        <v>6455</v>
      </c>
      <c r="D1356" s="6" t="s">
        <v>6456</v>
      </c>
      <c r="E1356" s="22">
        <v>44070</v>
      </c>
      <c r="F1356" s="22">
        <v>45895</v>
      </c>
      <c r="G1356" s="6" t="s">
        <v>6457</v>
      </c>
      <c r="H1356" s="6" t="s">
        <v>62</v>
      </c>
      <c r="I1356" s="6" t="s">
        <v>306</v>
      </c>
      <c r="J1356" s="6" t="s">
        <v>6458</v>
      </c>
      <c r="K1356" s="9" t="s">
        <v>6459</v>
      </c>
      <c r="L1356" s="10" t="s">
        <v>22</v>
      </c>
      <c r="M1356" s="10" t="s">
        <v>22</v>
      </c>
      <c r="N1356" s="10" t="s">
        <v>22</v>
      </c>
      <c r="O1356" s="10" t="s">
        <v>22</v>
      </c>
      <c r="P1356" s="10" t="s">
        <v>22</v>
      </c>
      <c r="Q1356" s="10" t="s">
        <v>22</v>
      </c>
      <c r="R1356" s="10" t="s">
        <v>22</v>
      </c>
      <c r="S1356" s="10" t="s">
        <v>22</v>
      </c>
      <c r="T1356" s="10" t="s">
        <v>22</v>
      </c>
      <c r="U1356" s="10" t="s">
        <v>22</v>
      </c>
      <c r="V1356" s="10" t="s">
        <v>22</v>
      </c>
      <c r="W1356" s="10" t="s">
        <v>22</v>
      </c>
      <c r="X1356" s="10" t="s">
        <v>22</v>
      </c>
      <c r="Y1356" s="10" t="s">
        <v>22</v>
      </c>
      <c r="Z1356" s="10" t="s">
        <v>22</v>
      </c>
    </row>
    <row r="1357" spans="1:26" ht="24" customHeight="1" x14ac:dyDescent="0.2">
      <c r="A1357" s="9" t="s">
        <v>18613</v>
      </c>
      <c r="B1357" s="9" t="s">
        <v>14</v>
      </c>
      <c r="C1357" s="9" t="s">
        <v>6460</v>
      </c>
      <c r="D1357" s="6" t="s">
        <v>6461</v>
      </c>
      <c r="E1357" s="22">
        <v>44076</v>
      </c>
      <c r="F1357" s="22">
        <v>45901</v>
      </c>
      <c r="G1357" s="6" t="s">
        <v>6462</v>
      </c>
      <c r="H1357" s="6" t="s">
        <v>62</v>
      </c>
      <c r="I1357" s="6" t="s">
        <v>1141</v>
      </c>
      <c r="J1357" s="6" t="s">
        <v>6463</v>
      </c>
      <c r="K1357" s="9" t="s">
        <v>6464</v>
      </c>
      <c r="L1357" s="10" t="s">
        <v>22</v>
      </c>
      <c r="M1357" s="10" t="s">
        <v>22</v>
      </c>
      <c r="N1357" s="10" t="s">
        <v>22</v>
      </c>
      <c r="O1357" s="10" t="s">
        <v>22</v>
      </c>
      <c r="P1357" s="10" t="s">
        <v>22</v>
      </c>
      <c r="Q1357" s="10" t="s">
        <v>22</v>
      </c>
      <c r="R1357" s="10" t="s">
        <v>22</v>
      </c>
      <c r="S1357" s="10" t="s">
        <v>22</v>
      </c>
      <c r="T1357" s="10" t="s">
        <v>22</v>
      </c>
      <c r="U1357" s="10" t="s">
        <v>22</v>
      </c>
      <c r="V1357" s="10" t="s">
        <v>22</v>
      </c>
      <c r="W1357" s="10" t="s">
        <v>22</v>
      </c>
      <c r="X1357" s="10" t="s">
        <v>22</v>
      </c>
      <c r="Y1357" s="10" t="s">
        <v>22</v>
      </c>
      <c r="Z1357" s="10" t="s">
        <v>22</v>
      </c>
    </row>
    <row r="1358" spans="1:26" ht="24" customHeight="1" x14ac:dyDescent="0.2">
      <c r="A1358" s="9" t="s">
        <v>18614</v>
      </c>
      <c r="B1358" s="9" t="s">
        <v>14</v>
      </c>
      <c r="C1358" s="9" t="s">
        <v>6465</v>
      </c>
      <c r="D1358" s="6" t="s">
        <v>6466</v>
      </c>
      <c r="E1358" s="22">
        <v>44076</v>
      </c>
      <c r="F1358" s="22">
        <v>45901</v>
      </c>
      <c r="G1358" s="6" t="s">
        <v>6467</v>
      </c>
      <c r="H1358" s="6" t="s">
        <v>363</v>
      </c>
      <c r="I1358" s="6" t="s">
        <v>364</v>
      </c>
      <c r="J1358" s="6" t="s">
        <v>6468</v>
      </c>
      <c r="L1358" s="10" t="s">
        <v>22</v>
      </c>
      <c r="M1358" s="10" t="s">
        <v>22</v>
      </c>
      <c r="N1358" s="10" t="s">
        <v>22</v>
      </c>
      <c r="O1358" s="10" t="s">
        <v>22</v>
      </c>
      <c r="P1358" s="10" t="s">
        <v>22</v>
      </c>
      <c r="Q1358" s="10" t="s">
        <v>22</v>
      </c>
      <c r="R1358" s="10" t="s">
        <v>22</v>
      </c>
      <c r="S1358" s="10" t="s">
        <v>22</v>
      </c>
      <c r="T1358" s="10" t="s">
        <v>22</v>
      </c>
      <c r="U1358" s="10" t="s">
        <v>22</v>
      </c>
      <c r="V1358" s="10" t="s">
        <v>22</v>
      </c>
      <c r="W1358" s="10" t="s">
        <v>22</v>
      </c>
      <c r="X1358" s="10" t="s">
        <v>22</v>
      </c>
      <c r="Y1358" s="10" t="s">
        <v>22</v>
      </c>
      <c r="Z1358" s="10" t="s">
        <v>22</v>
      </c>
    </row>
    <row r="1359" spans="1:26" ht="24" customHeight="1" x14ac:dyDescent="0.2">
      <c r="A1359" s="9" t="s">
        <v>18615</v>
      </c>
      <c r="B1359" s="9" t="s">
        <v>14</v>
      </c>
      <c r="C1359" s="9" t="s">
        <v>6469</v>
      </c>
      <c r="D1359" s="6" t="s">
        <v>6470</v>
      </c>
      <c r="E1359" s="22">
        <v>44076</v>
      </c>
      <c r="F1359" s="22">
        <v>45901</v>
      </c>
      <c r="G1359" s="6" t="s">
        <v>6471</v>
      </c>
      <c r="H1359" s="6" t="s">
        <v>363</v>
      </c>
      <c r="I1359" s="6" t="s">
        <v>6472</v>
      </c>
      <c r="J1359" s="6" t="s">
        <v>6473</v>
      </c>
      <c r="K1359" s="9" t="s">
        <v>6474</v>
      </c>
      <c r="L1359" s="10" t="s">
        <v>22</v>
      </c>
      <c r="M1359" s="10" t="s">
        <v>22</v>
      </c>
      <c r="N1359" s="10" t="s">
        <v>22</v>
      </c>
      <c r="O1359" s="10" t="s">
        <v>22</v>
      </c>
      <c r="P1359" s="10" t="s">
        <v>22</v>
      </c>
      <c r="Q1359" s="10" t="s">
        <v>22</v>
      </c>
      <c r="R1359" s="10" t="s">
        <v>22</v>
      </c>
      <c r="S1359" s="10" t="s">
        <v>22</v>
      </c>
      <c r="T1359" s="10" t="s">
        <v>22</v>
      </c>
      <c r="U1359" s="10" t="s">
        <v>22</v>
      </c>
      <c r="V1359" s="10" t="s">
        <v>22</v>
      </c>
      <c r="W1359" s="10" t="s">
        <v>22</v>
      </c>
      <c r="X1359" s="10" t="s">
        <v>22</v>
      </c>
      <c r="Y1359" s="10" t="s">
        <v>22</v>
      </c>
      <c r="Z1359" s="10" t="s">
        <v>22</v>
      </c>
    </row>
    <row r="1360" spans="1:26" ht="24" customHeight="1" x14ac:dyDescent="0.2">
      <c r="A1360" s="9" t="s">
        <v>18616</v>
      </c>
      <c r="B1360" s="9" t="s">
        <v>14</v>
      </c>
      <c r="C1360" s="9" t="s">
        <v>6475</v>
      </c>
      <c r="D1360" s="6" t="s">
        <v>6476</v>
      </c>
      <c r="E1360" s="22">
        <v>44082</v>
      </c>
      <c r="F1360" s="22">
        <v>45907</v>
      </c>
      <c r="G1360" s="6" t="s">
        <v>6477</v>
      </c>
      <c r="H1360" s="6" t="s">
        <v>62</v>
      </c>
      <c r="I1360" s="6" t="s">
        <v>551</v>
      </c>
      <c r="J1360" s="6" t="s">
        <v>6478</v>
      </c>
      <c r="K1360" s="9" t="s">
        <v>6479</v>
      </c>
      <c r="L1360" s="10" t="s">
        <v>22</v>
      </c>
      <c r="M1360" s="10" t="s">
        <v>22</v>
      </c>
      <c r="N1360" s="10" t="s">
        <v>22</v>
      </c>
      <c r="O1360" s="10" t="s">
        <v>22</v>
      </c>
      <c r="P1360" s="10" t="s">
        <v>22</v>
      </c>
      <c r="Q1360" s="10" t="s">
        <v>22</v>
      </c>
      <c r="U1360" s="10" t="s">
        <v>22</v>
      </c>
      <c r="V1360" s="10" t="s">
        <v>22</v>
      </c>
      <c r="W1360" s="10" t="s">
        <v>22</v>
      </c>
      <c r="X1360" s="10" t="s">
        <v>22</v>
      </c>
      <c r="Y1360" s="10" t="s">
        <v>22</v>
      </c>
      <c r="Z1360" s="10" t="s">
        <v>22</v>
      </c>
    </row>
    <row r="1361" spans="1:26" ht="24" customHeight="1" x14ac:dyDescent="0.2">
      <c r="A1361" s="9" t="s">
        <v>18617</v>
      </c>
      <c r="B1361" s="9" t="s">
        <v>14</v>
      </c>
      <c r="C1361" s="9" t="s">
        <v>6480</v>
      </c>
      <c r="D1361" s="6" t="s">
        <v>6481</v>
      </c>
      <c r="E1361" s="22">
        <v>44082</v>
      </c>
      <c r="F1361" s="22">
        <v>45907</v>
      </c>
      <c r="G1361" s="6" t="s">
        <v>6482</v>
      </c>
      <c r="H1361" s="6" t="s">
        <v>62</v>
      </c>
      <c r="I1361" s="6" t="s">
        <v>290</v>
      </c>
      <c r="J1361" s="6" t="s">
        <v>6483</v>
      </c>
      <c r="K1361" s="9" t="s">
        <v>6484</v>
      </c>
      <c r="L1361" s="10" t="s">
        <v>22</v>
      </c>
      <c r="M1361" s="10" t="s">
        <v>22</v>
      </c>
      <c r="N1361" s="10" t="s">
        <v>22</v>
      </c>
      <c r="O1361" s="10" t="s">
        <v>22</v>
      </c>
      <c r="P1361" s="10" t="s">
        <v>22</v>
      </c>
      <c r="Q1361" s="10" t="s">
        <v>22</v>
      </c>
      <c r="U1361" s="10" t="s">
        <v>22</v>
      </c>
      <c r="V1361" s="10" t="s">
        <v>22</v>
      </c>
      <c r="W1361" s="10" t="s">
        <v>22</v>
      </c>
      <c r="X1361" s="10" t="s">
        <v>22</v>
      </c>
      <c r="Y1361" s="10" t="s">
        <v>22</v>
      </c>
      <c r="Z1361" s="10" t="s">
        <v>22</v>
      </c>
    </row>
    <row r="1362" spans="1:26" ht="24" customHeight="1" x14ac:dyDescent="0.2">
      <c r="A1362" s="9" t="s">
        <v>18618</v>
      </c>
      <c r="B1362" s="9" t="s">
        <v>14</v>
      </c>
      <c r="C1362" s="9" t="s">
        <v>6485</v>
      </c>
      <c r="D1362" s="6" t="s">
        <v>6486</v>
      </c>
      <c r="E1362" s="22">
        <v>44082</v>
      </c>
      <c r="F1362" s="22">
        <v>45907</v>
      </c>
      <c r="G1362" s="6" t="s">
        <v>6487</v>
      </c>
      <c r="H1362" s="6" t="s">
        <v>62</v>
      </c>
      <c r="I1362" s="6" t="s">
        <v>318</v>
      </c>
      <c r="J1362" s="6" t="s">
        <v>6488</v>
      </c>
      <c r="K1362" s="9" t="s">
        <v>6489</v>
      </c>
      <c r="L1362" s="10" t="s">
        <v>22</v>
      </c>
      <c r="M1362" s="10" t="s">
        <v>22</v>
      </c>
      <c r="N1362" s="10" t="s">
        <v>22</v>
      </c>
      <c r="O1362" s="10" t="s">
        <v>22</v>
      </c>
      <c r="P1362" s="10" t="s">
        <v>22</v>
      </c>
      <c r="Q1362" s="10" t="s">
        <v>22</v>
      </c>
      <c r="U1362" s="10" t="s">
        <v>22</v>
      </c>
      <c r="V1362" s="10" t="s">
        <v>22</v>
      </c>
      <c r="W1362" s="10" t="s">
        <v>22</v>
      </c>
      <c r="X1362" s="10" t="s">
        <v>22</v>
      </c>
      <c r="Y1362" s="10" t="s">
        <v>22</v>
      </c>
      <c r="Z1362" s="10" t="s">
        <v>22</v>
      </c>
    </row>
    <row r="1363" spans="1:26" ht="24" customHeight="1" x14ac:dyDescent="0.2">
      <c r="A1363" s="9" t="s">
        <v>18619</v>
      </c>
      <c r="B1363" s="9" t="s">
        <v>14</v>
      </c>
      <c r="C1363" s="9" t="s">
        <v>6490</v>
      </c>
      <c r="D1363" s="6" t="s">
        <v>6491</v>
      </c>
      <c r="E1363" s="22">
        <v>44082</v>
      </c>
      <c r="F1363" s="22">
        <v>45907</v>
      </c>
      <c r="G1363" s="6" t="s">
        <v>6492</v>
      </c>
      <c r="H1363" s="6" t="s">
        <v>62</v>
      </c>
      <c r="I1363" s="6" t="s">
        <v>264</v>
      </c>
      <c r="J1363" s="6" t="s">
        <v>6493</v>
      </c>
      <c r="K1363" s="9" t="s">
        <v>6494</v>
      </c>
      <c r="L1363" s="10" t="s">
        <v>22</v>
      </c>
      <c r="M1363" s="10" t="s">
        <v>22</v>
      </c>
      <c r="N1363" s="10" t="s">
        <v>22</v>
      </c>
      <c r="O1363" s="10" t="s">
        <v>22</v>
      </c>
      <c r="P1363" s="10" t="s">
        <v>22</v>
      </c>
      <c r="Q1363" s="10" t="s">
        <v>22</v>
      </c>
      <c r="R1363" s="10" t="s">
        <v>22</v>
      </c>
      <c r="S1363" s="10" t="s">
        <v>22</v>
      </c>
      <c r="T1363" s="10" t="s">
        <v>22</v>
      </c>
      <c r="U1363" s="10" t="s">
        <v>22</v>
      </c>
      <c r="V1363" s="10" t="s">
        <v>22</v>
      </c>
      <c r="W1363" s="10" t="s">
        <v>22</v>
      </c>
      <c r="X1363" s="10" t="s">
        <v>22</v>
      </c>
      <c r="Y1363" s="10" t="s">
        <v>22</v>
      </c>
      <c r="Z1363" s="10" t="s">
        <v>22</v>
      </c>
    </row>
    <row r="1364" spans="1:26" ht="24" customHeight="1" x14ac:dyDescent="0.2">
      <c r="A1364" s="9" t="s">
        <v>18620</v>
      </c>
      <c r="B1364" s="9" t="s">
        <v>14</v>
      </c>
      <c r="C1364" s="9" t="s">
        <v>6495</v>
      </c>
      <c r="D1364" s="6" t="s">
        <v>6496</v>
      </c>
      <c r="E1364" s="22">
        <v>44082</v>
      </c>
      <c r="F1364" s="22">
        <v>45907</v>
      </c>
      <c r="G1364" s="6" t="s">
        <v>6497</v>
      </c>
      <c r="H1364" s="6" t="s">
        <v>62</v>
      </c>
      <c r="I1364" s="6" t="s">
        <v>738</v>
      </c>
      <c r="J1364" s="6" t="s">
        <v>6498</v>
      </c>
      <c r="K1364" s="9" t="s">
        <v>6499</v>
      </c>
      <c r="L1364" s="10" t="s">
        <v>22</v>
      </c>
      <c r="M1364" s="10" t="s">
        <v>22</v>
      </c>
      <c r="N1364" s="10" t="s">
        <v>22</v>
      </c>
      <c r="O1364" s="10" t="s">
        <v>22</v>
      </c>
      <c r="P1364" s="10" t="s">
        <v>22</v>
      </c>
      <c r="Q1364" s="10" t="s">
        <v>22</v>
      </c>
      <c r="R1364" s="10" t="s">
        <v>22</v>
      </c>
      <c r="S1364" s="10" t="s">
        <v>22</v>
      </c>
      <c r="T1364" s="10" t="s">
        <v>22</v>
      </c>
      <c r="V1364" s="10" t="s">
        <v>22</v>
      </c>
      <c r="W1364" s="10" t="s">
        <v>22</v>
      </c>
      <c r="Y1364" s="10" t="s">
        <v>22</v>
      </c>
      <c r="Z1364" s="10" t="s">
        <v>22</v>
      </c>
    </row>
    <row r="1365" spans="1:26" ht="24" customHeight="1" x14ac:dyDescent="0.2">
      <c r="A1365" s="9" t="s">
        <v>18621</v>
      </c>
      <c r="B1365" s="9" t="s">
        <v>14</v>
      </c>
      <c r="C1365" s="9" t="s">
        <v>6500</v>
      </c>
      <c r="D1365" s="6" t="s">
        <v>6501</v>
      </c>
      <c r="E1365" s="22">
        <v>44082</v>
      </c>
      <c r="F1365" s="22">
        <v>45907</v>
      </c>
      <c r="G1365" s="6" t="s">
        <v>6502</v>
      </c>
      <c r="H1365" s="6" t="s">
        <v>363</v>
      </c>
      <c r="I1365" s="6" t="s">
        <v>1837</v>
      </c>
      <c r="J1365" s="6" t="s">
        <v>6503</v>
      </c>
      <c r="L1365" s="10" t="s">
        <v>22</v>
      </c>
      <c r="M1365" s="10" t="s">
        <v>22</v>
      </c>
      <c r="N1365" s="10" t="s">
        <v>22</v>
      </c>
      <c r="O1365" s="10" t="s">
        <v>22</v>
      </c>
      <c r="P1365" s="10" t="s">
        <v>22</v>
      </c>
      <c r="Q1365" s="10" t="s">
        <v>22</v>
      </c>
      <c r="R1365" s="10" t="s">
        <v>22</v>
      </c>
      <c r="S1365" s="10" t="s">
        <v>22</v>
      </c>
      <c r="T1365" s="10" t="s">
        <v>22</v>
      </c>
      <c r="U1365" s="10" t="s">
        <v>22</v>
      </c>
      <c r="V1365" s="10" t="s">
        <v>22</v>
      </c>
      <c r="W1365" s="10" t="s">
        <v>22</v>
      </c>
      <c r="X1365" s="10" t="s">
        <v>22</v>
      </c>
      <c r="Y1365" s="10" t="s">
        <v>22</v>
      </c>
      <c r="Z1365" s="10" t="s">
        <v>22</v>
      </c>
    </row>
    <row r="1366" spans="1:26" ht="24" customHeight="1" x14ac:dyDescent="0.2">
      <c r="A1366" s="9" t="s">
        <v>18622</v>
      </c>
      <c r="B1366" s="9" t="s">
        <v>14</v>
      </c>
      <c r="C1366" s="9" t="s">
        <v>6504</v>
      </c>
      <c r="D1366" s="6" t="s">
        <v>6505</v>
      </c>
      <c r="E1366" s="22">
        <v>44082</v>
      </c>
      <c r="F1366" s="22">
        <v>45907</v>
      </c>
      <c r="G1366" s="6" t="s">
        <v>6506</v>
      </c>
      <c r="H1366" s="6" t="s">
        <v>363</v>
      </c>
      <c r="I1366" s="6" t="s">
        <v>558</v>
      </c>
      <c r="J1366" s="6" t="s">
        <v>6507</v>
      </c>
      <c r="K1366" s="9" t="s">
        <v>6508</v>
      </c>
      <c r="M1366" s="10" t="s">
        <v>22</v>
      </c>
      <c r="N1366" s="10" t="s">
        <v>22</v>
      </c>
      <c r="P1366" s="10" t="s">
        <v>22</v>
      </c>
      <c r="Q1366" s="10" t="s">
        <v>22</v>
      </c>
      <c r="S1366" s="10" t="s">
        <v>22</v>
      </c>
      <c r="T1366" s="10" t="s">
        <v>22</v>
      </c>
      <c r="V1366" s="10" t="s">
        <v>22</v>
      </c>
      <c r="W1366" s="10" t="s">
        <v>22</v>
      </c>
      <c r="Y1366" s="10" t="s">
        <v>22</v>
      </c>
      <c r="Z1366" s="10" t="s">
        <v>22</v>
      </c>
    </row>
    <row r="1367" spans="1:26" ht="24" customHeight="1" x14ac:dyDescent="0.2">
      <c r="A1367" s="9" t="s">
        <v>18623</v>
      </c>
      <c r="B1367" s="9" t="s">
        <v>14</v>
      </c>
      <c r="C1367" s="9" t="s">
        <v>6509</v>
      </c>
      <c r="D1367" s="6" t="s">
        <v>6510</v>
      </c>
      <c r="E1367" s="22">
        <v>44089</v>
      </c>
      <c r="F1367" s="22">
        <v>45914</v>
      </c>
      <c r="G1367" s="6" t="s">
        <v>6511</v>
      </c>
      <c r="H1367" s="6" t="s">
        <v>18</v>
      </c>
      <c r="I1367" s="6" t="s">
        <v>19</v>
      </c>
      <c r="J1367" s="6" t="s">
        <v>6512</v>
      </c>
      <c r="K1367" s="9" t="s">
        <v>6513</v>
      </c>
      <c r="L1367" s="10" t="s">
        <v>22</v>
      </c>
      <c r="M1367" s="10" t="s">
        <v>22</v>
      </c>
      <c r="N1367" s="10" t="s">
        <v>22</v>
      </c>
      <c r="O1367" s="10" t="s">
        <v>22</v>
      </c>
      <c r="P1367" s="10" t="s">
        <v>22</v>
      </c>
      <c r="Q1367" s="10" t="s">
        <v>22</v>
      </c>
      <c r="R1367" s="10" t="s">
        <v>22</v>
      </c>
      <c r="S1367" s="10" t="s">
        <v>22</v>
      </c>
      <c r="T1367" s="10" t="s">
        <v>22</v>
      </c>
      <c r="U1367" s="10" t="s">
        <v>22</v>
      </c>
      <c r="V1367" s="10" t="s">
        <v>22</v>
      </c>
      <c r="W1367" s="10" t="s">
        <v>22</v>
      </c>
      <c r="X1367" s="10" t="s">
        <v>22</v>
      </c>
      <c r="Y1367" s="10" t="s">
        <v>22</v>
      </c>
      <c r="Z1367" s="10" t="s">
        <v>22</v>
      </c>
    </row>
    <row r="1368" spans="1:26" ht="24" customHeight="1" x14ac:dyDescent="0.2">
      <c r="A1368" s="9" t="s">
        <v>18624</v>
      </c>
      <c r="B1368" s="9" t="s">
        <v>14</v>
      </c>
      <c r="C1368" s="9" t="s">
        <v>6514</v>
      </c>
      <c r="D1368" s="6" t="s">
        <v>6515</v>
      </c>
      <c r="E1368" s="22">
        <v>44085</v>
      </c>
      <c r="F1368" s="22">
        <v>45910</v>
      </c>
      <c r="G1368" s="6" t="s">
        <v>6516</v>
      </c>
      <c r="H1368" s="6" t="s">
        <v>62</v>
      </c>
      <c r="I1368" s="6" t="s">
        <v>591</v>
      </c>
      <c r="J1368" s="6" t="s">
        <v>6517</v>
      </c>
      <c r="K1368" s="9" t="s">
        <v>6518</v>
      </c>
      <c r="L1368" s="10" t="s">
        <v>22</v>
      </c>
      <c r="M1368" s="10" t="s">
        <v>22</v>
      </c>
      <c r="N1368" s="10" t="s">
        <v>22</v>
      </c>
      <c r="O1368" s="10" t="s">
        <v>22</v>
      </c>
      <c r="P1368" s="10" t="s">
        <v>22</v>
      </c>
      <c r="Q1368" s="10" t="s">
        <v>22</v>
      </c>
      <c r="R1368" s="10" t="s">
        <v>22</v>
      </c>
      <c r="S1368" s="10" t="s">
        <v>22</v>
      </c>
      <c r="T1368" s="10" t="s">
        <v>22</v>
      </c>
      <c r="V1368" s="10" t="s">
        <v>22</v>
      </c>
      <c r="W1368" s="10" t="s">
        <v>22</v>
      </c>
      <c r="Y1368" s="10" t="s">
        <v>22</v>
      </c>
      <c r="Z1368" s="10" t="s">
        <v>22</v>
      </c>
    </row>
    <row r="1369" spans="1:26" ht="24" customHeight="1" x14ac:dyDescent="0.2">
      <c r="A1369" s="9" t="s">
        <v>18625</v>
      </c>
      <c r="B1369" s="9" t="s">
        <v>14</v>
      </c>
      <c r="C1369" s="9" t="s">
        <v>6519</v>
      </c>
      <c r="D1369" s="6" t="s">
        <v>6520</v>
      </c>
      <c r="E1369" s="22">
        <v>44085</v>
      </c>
      <c r="F1369" s="22">
        <v>45910</v>
      </c>
      <c r="G1369" s="6" t="s">
        <v>6521</v>
      </c>
      <c r="H1369" s="6" t="s">
        <v>62</v>
      </c>
      <c r="I1369" s="6" t="s">
        <v>252</v>
      </c>
      <c r="J1369" s="6" t="s">
        <v>6522</v>
      </c>
      <c r="K1369" s="9" t="s">
        <v>6523</v>
      </c>
      <c r="L1369" s="10" t="s">
        <v>22</v>
      </c>
      <c r="M1369" s="10" t="s">
        <v>22</v>
      </c>
      <c r="N1369" s="10" t="s">
        <v>22</v>
      </c>
      <c r="O1369" s="10" t="s">
        <v>22</v>
      </c>
      <c r="P1369" s="10" t="s">
        <v>22</v>
      </c>
      <c r="Q1369" s="10" t="s">
        <v>22</v>
      </c>
      <c r="U1369" s="10" t="s">
        <v>22</v>
      </c>
      <c r="V1369" s="10" t="s">
        <v>22</v>
      </c>
      <c r="W1369" s="10" t="s">
        <v>22</v>
      </c>
      <c r="X1369" s="10" t="s">
        <v>22</v>
      </c>
      <c r="Y1369" s="10" t="s">
        <v>22</v>
      </c>
      <c r="Z1369" s="10" t="s">
        <v>22</v>
      </c>
    </row>
    <row r="1370" spans="1:26" ht="24" customHeight="1" x14ac:dyDescent="0.2">
      <c r="A1370" s="9" t="s">
        <v>18626</v>
      </c>
      <c r="B1370" s="9" t="s">
        <v>14</v>
      </c>
      <c r="C1370" s="9" t="s">
        <v>6524</v>
      </c>
      <c r="D1370" s="6" t="s">
        <v>6525</v>
      </c>
      <c r="E1370" s="22">
        <v>44085</v>
      </c>
      <c r="F1370" s="22">
        <v>45910</v>
      </c>
      <c r="G1370" s="6" t="s">
        <v>6526</v>
      </c>
      <c r="H1370" s="6" t="s">
        <v>229</v>
      </c>
      <c r="I1370" s="6" t="s">
        <v>1885</v>
      </c>
      <c r="J1370" s="6" t="s">
        <v>6527</v>
      </c>
      <c r="K1370" s="9" t="s">
        <v>6528</v>
      </c>
      <c r="L1370" s="10" t="s">
        <v>22</v>
      </c>
      <c r="M1370" s="10" t="s">
        <v>22</v>
      </c>
      <c r="N1370" s="10" t="s">
        <v>22</v>
      </c>
      <c r="O1370" s="10" t="s">
        <v>22</v>
      </c>
      <c r="P1370" s="10" t="s">
        <v>22</v>
      </c>
      <c r="Q1370" s="10" t="s">
        <v>22</v>
      </c>
      <c r="R1370" s="10" t="s">
        <v>22</v>
      </c>
      <c r="S1370" s="10" t="s">
        <v>22</v>
      </c>
      <c r="T1370" s="10" t="s">
        <v>22</v>
      </c>
      <c r="U1370" s="10" t="s">
        <v>22</v>
      </c>
      <c r="V1370" s="10" t="s">
        <v>22</v>
      </c>
      <c r="W1370" s="10" t="s">
        <v>22</v>
      </c>
      <c r="X1370" s="10" t="s">
        <v>22</v>
      </c>
      <c r="Y1370" s="10" t="s">
        <v>22</v>
      </c>
      <c r="Z1370" s="10" t="s">
        <v>22</v>
      </c>
    </row>
    <row r="1371" spans="1:26" ht="24" customHeight="1" x14ac:dyDescent="0.2">
      <c r="A1371" s="9" t="s">
        <v>18627</v>
      </c>
      <c r="B1371" s="9" t="s">
        <v>14</v>
      </c>
      <c r="C1371" s="9" t="s">
        <v>6529</v>
      </c>
      <c r="D1371" s="6" t="s">
        <v>6530</v>
      </c>
      <c r="E1371" s="22">
        <v>44085</v>
      </c>
      <c r="F1371" s="22">
        <v>45910</v>
      </c>
      <c r="G1371" s="6" t="s">
        <v>6531</v>
      </c>
      <c r="H1371" s="6" t="s">
        <v>18</v>
      </c>
      <c r="I1371" s="6" t="s">
        <v>19</v>
      </c>
      <c r="J1371" s="6" t="s">
        <v>6532</v>
      </c>
      <c r="L1371" s="10" t="s">
        <v>22</v>
      </c>
      <c r="M1371" s="10" t="s">
        <v>22</v>
      </c>
      <c r="N1371" s="10" t="s">
        <v>22</v>
      </c>
      <c r="O1371" s="10" t="s">
        <v>22</v>
      </c>
      <c r="P1371" s="10" t="s">
        <v>22</v>
      </c>
      <c r="Q1371" s="10" t="s">
        <v>22</v>
      </c>
      <c r="R1371" s="10" t="s">
        <v>22</v>
      </c>
      <c r="S1371" s="10" t="s">
        <v>22</v>
      </c>
      <c r="T1371" s="10" t="s">
        <v>22</v>
      </c>
      <c r="U1371" s="10" t="s">
        <v>22</v>
      </c>
      <c r="V1371" s="10" t="s">
        <v>22</v>
      </c>
      <c r="W1371" s="10" t="s">
        <v>22</v>
      </c>
      <c r="X1371" s="10" t="s">
        <v>22</v>
      </c>
      <c r="Y1371" s="10" t="s">
        <v>22</v>
      </c>
      <c r="Z1371" s="10" t="s">
        <v>22</v>
      </c>
    </row>
    <row r="1372" spans="1:26" ht="24" customHeight="1" x14ac:dyDescent="0.2">
      <c r="A1372" s="9" t="s">
        <v>18628</v>
      </c>
      <c r="B1372" s="9" t="s">
        <v>14</v>
      </c>
      <c r="C1372" s="9" t="s">
        <v>6533</v>
      </c>
      <c r="D1372" s="6" t="s">
        <v>6534</v>
      </c>
      <c r="E1372" s="22">
        <v>44085</v>
      </c>
      <c r="F1372" s="22">
        <v>45910</v>
      </c>
      <c r="G1372" s="6" t="s">
        <v>6535</v>
      </c>
      <c r="H1372" s="6" t="s">
        <v>62</v>
      </c>
      <c r="I1372" s="6" t="s">
        <v>63</v>
      </c>
      <c r="J1372" s="6" t="s">
        <v>6536</v>
      </c>
      <c r="K1372" s="9" t="s">
        <v>6537</v>
      </c>
      <c r="L1372" s="10" t="s">
        <v>22</v>
      </c>
      <c r="M1372" s="10" t="s">
        <v>22</v>
      </c>
      <c r="N1372" s="10" t="s">
        <v>22</v>
      </c>
      <c r="O1372" s="10" t="s">
        <v>22</v>
      </c>
      <c r="P1372" s="10" t="s">
        <v>22</v>
      </c>
      <c r="Q1372" s="10" t="s">
        <v>22</v>
      </c>
      <c r="V1372" s="10" t="s">
        <v>22</v>
      </c>
      <c r="W1372" s="10" t="s">
        <v>22</v>
      </c>
      <c r="Y1372" s="10" t="s">
        <v>22</v>
      </c>
      <c r="Z1372" s="10" t="s">
        <v>22</v>
      </c>
    </row>
    <row r="1373" spans="1:26" ht="24" customHeight="1" x14ac:dyDescent="0.2">
      <c r="A1373" s="9" t="s">
        <v>18629</v>
      </c>
      <c r="B1373" s="9" t="s">
        <v>14</v>
      </c>
      <c r="C1373" s="9" t="s">
        <v>6538</v>
      </c>
      <c r="D1373" s="6" t="s">
        <v>6539</v>
      </c>
      <c r="E1373" s="22">
        <v>44090</v>
      </c>
      <c r="F1373" s="22">
        <v>45915</v>
      </c>
      <c r="G1373" s="6" t="s">
        <v>6540</v>
      </c>
      <c r="H1373" s="6" t="s">
        <v>62</v>
      </c>
      <c r="I1373" s="6" t="s">
        <v>842</v>
      </c>
      <c r="J1373" s="6" t="s">
        <v>6541</v>
      </c>
      <c r="K1373" s="9" t="s">
        <v>6542</v>
      </c>
      <c r="L1373" s="10" t="s">
        <v>22</v>
      </c>
      <c r="M1373" s="10" t="s">
        <v>22</v>
      </c>
      <c r="N1373" s="10" t="s">
        <v>22</v>
      </c>
      <c r="O1373" s="10" t="s">
        <v>22</v>
      </c>
      <c r="P1373" s="10" t="s">
        <v>22</v>
      </c>
      <c r="Q1373" s="10" t="s">
        <v>22</v>
      </c>
      <c r="R1373" s="10" t="s">
        <v>22</v>
      </c>
      <c r="S1373" s="10" t="s">
        <v>22</v>
      </c>
      <c r="T1373" s="10" t="s">
        <v>22</v>
      </c>
      <c r="U1373" s="10" t="s">
        <v>22</v>
      </c>
      <c r="V1373" s="10" t="s">
        <v>22</v>
      </c>
      <c r="W1373" s="10" t="s">
        <v>22</v>
      </c>
      <c r="X1373" s="10" t="s">
        <v>22</v>
      </c>
      <c r="Y1373" s="10" t="s">
        <v>22</v>
      </c>
      <c r="Z1373" s="10" t="s">
        <v>22</v>
      </c>
    </row>
    <row r="1374" spans="1:26" ht="24" customHeight="1" x14ac:dyDescent="0.2">
      <c r="A1374" s="9" t="s">
        <v>18630</v>
      </c>
      <c r="B1374" s="9" t="s">
        <v>14</v>
      </c>
      <c r="C1374" s="9" t="s">
        <v>6543</v>
      </c>
      <c r="D1374" s="6" t="s">
        <v>6544</v>
      </c>
      <c r="E1374" s="22">
        <v>44090</v>
      </c>
      <c r="F1374" s="22">
        <v>45915</v>
      </c>
      <c r="G1374" s="6" t="s">
        <v>6545</v>
      </c>
      <c r="H1374" s="6" t="s">
        <v>202</v>
      </c>
      <c r="I1374" s="6" t="s">
        <v>3050</v>
      </c>
      <c r="J1374" s="6" t="s">
        <v>6546</v>
      </c>
      <c r="K1374" s="9" t="s">
        <v>6547</v>
      </c>
      <c r="M1374" s="10" t="s">
        <v>22</v>
      </c>
      <c r="N1374" s="10" t="s">
        <v>22</v>
      </c>
      <c r="V1374" s="10" t="s">
        <v>22</v>
      </c>
      <c r="W1374" s="10" t="s">
        <v>22</v>
      </c>
    </row>
    <row r="1375" spans="1:26" ht="24" customHeight="1" x14ac:dyDescent="0.2">
      <c r="A1375" s="9" t="s">
        <v>18631</v>
      </c>
      <c r="B1375" s="9" t="s">
        <v>14</v>
      </c>
      <c r="C1375" s="9" t="s">
        <v>6548</v>
      </c>
      <c r="D1375" s="6" t="s">
        <v>6549</v>
      </c>
      <c r="E1375" s="22">
        <v>44090</v>
      </c>
      <c r="F1375" s="22">
        <v>45915</v>
      </c>
      <c r="G1375" s="6" t="s">
        <v>6550</v>
      </c>
      <c r="H1375" s="6" t="s">
        <v>62</v>
      </c>
      <c r="I1375" s="6" t="s">
        <v>63</v>
      </c>
      <c r="J1375" s="6" t="s">
        <v>6551</v>
      </c>
      <c r="K1375" s="9" t="s">
        <v>6552</v>
      </c>
      <c r="L1375" s="10" t="s">
        <v>22</v>
      </c>
      <c r="M1375" s="10" t="s">
        <v>22</v>
      </c>
      <c r="N1375" s="10" t="s">
        <v>22</v>
      </c>
      <c r="O1375" s="10" t="s">
        <v>22</v>
      </c>
      <c r="P1375" s="10" t="s">
        <v>22</v>
      </c>
      <c r="Q1375" s="10" t="s">
        <v>22</v>
      </c>
      <c r="R1375" s="10" t="s">
        <v>22</v>
      </c>
      <c r="S1375" s="10" t="s">
        <v>22</v>
      </c>
      <c r="T1375" s="10" t="s">
        <v>22</v>
      </c>
      <c r="U1375" s="10" t="s">
        <v>22</v>
      </c>
      <c r="V1375" s="10" t="s">
        <v>22</v>
      </c>
      <c r="W1375" s="10" t="s">
        <v>22</v>
      </c>
      <c r="X1375" s="10" t="s">
        <v>22</v>
      </c>
      <c r="Y1375" s="10" t="s">
        <v>22</v>
      </c>
      <c r="Z1375" s="10" t="s">
        <v>22</v>
      </c>
    </row>
    <row r="1376" spans="1:26" ht="24" customHeight="1" x14ac:dyDescent="0.2">
      <c r="A1376" s="9" t="s">
        <v>18632</v>
      </c>
      <c r="B1376" s="9" t="s">
        <v>14</v>
      </c>
      <c r="C1376" s="9" t="s">
        <v>6553</v>
      </c>
      <c r="D1376" s="6" t="s">
        <v>6554</v>
      </c>
      <c r="E1376" s="22">
        <v>44090</v>
      </c>
      <c r="F1376" s="22">
        <v>45915</v>
      </c>
      <c r="G1376" s="6" t="s">
        <v>6555</v>
      </c>
      <c r="H1376" s="6" t="s">
        <v>2368</v>
      </c>
      <c r="I1376" s="6" t="s">
        <v>2369</v>
      </c>
      <c r="J1376" s="6" t="s">
        <v>6556</v>
      </c>
      <c r="K1376" s="9" t="s">
        <v>6557</v>
      </c>
      <c r="O1376" s="10" t="s">
        <v>22</v>
      </c>
      <c r="P1376" s="10" t="s">
        <v>22</v>
      </c>
      <c r="Q1376" s="10" t="s">
        <v>22</v>
      </c>
      <c r="Y1376" s="10" t="s">
        <v>22</v>
      </c>
      <c r="Z1376" s="10" t="s">
        <v>22</v>
      </c>
    </row>
    <row r="1377" spans="1:26" ht="24" customHeight="1" x14ac:dyDescent="0.2">
      <c r="A1377" s="9" t="s">
        <v>18633</v>
      </c>
      <c r="B1377" s="9" t="s">
        <v>14</v>
      </c>
      <c r="C1377" s="9" t="s">
        <v>6558</v>
      </c>
      <c r="D1377" s="6" t="s">
        <v>6559</v>
      </c>
      <c r="E1377" s="22">
        <v>44092</v>
      </c>
      <c r="F1377" s="22">
        <v>45917</v>
      </c>
      <c r="G1377" s="6" t="s">
        <v>6560</v>
      </c>
      <c r="H1377" s="6" t="s">
        <v>62</v>
      </c>
      <c r="I1377" s="6" t="s">
        <v>63</v>
      </c>
      <c r="J1377" s="6" t="s">
        <v>6561</v>
      </c>
      <c r="K1377" s="9" t="s">
        <v>6562</v>
      </c>
      <c r="P1377" s="10" t="s">
        <v>22</v>
      </c>
      <c r="Q1377" s="10" t="s">
        <v>22</v>
      </c>
      <c r="S1377" s="10" t="s">
        <v>22</v>
      </c>
      <c r="T1377" s="10" t="s">
        <v>22</v>
      </c>
      <c r="Y1377" s="10" t="s">
        <v>22</v>
      </c>
      <c r="Z1377" s="10" t="s">
        <v>22</v>
      </c>
    </row>
    <row r="1378" spans="1:26" ht="24" customHeight="1" x14ac:dyDescent="0.2">
      <c r="A1378" s="9" t="s">
        <v>18634</v>
      </c>
      <c r="B1378" s="9" t="s">
        <v>14</v>
      </c>
      <c r="C1378" s="9" t="s">
        <v>6563</v>
      </c>
      <c r="D1378" s="6" t="s">
        <v>6564</v>
      </c>
      <c r="E1378" s="22">
        <v>44099</v>
      </c>
      <c r="F1378" s="22">
        <v>45924</v>
      </c>
      <c r="G1378" s="6" t="s">
        <v>6565</v>
      </c>
      <c r="H1378" s="6" t="s">
        <v>1047</v>
      </c>
      <c r="I1378" s="6" t="s">
        <v>1048</v>
      </c>
      <c r="J1378" s="6" t="s">
        <v>6566</v>
      </c>
      <c r="K1378" s="9" t="s">
        <v>6567</v>
      </c>
      <c r="L1378" s="10" t="s">
        <v>22</v>
      </c>
      <c r="M1378" s="10" t="s">
        <v>22</v>
      </c>
      <c r="N1378" s="10" t="s">
        <v>22</v>
      </c>
      <c r="O1378" s="10" t="s">
        <v>22</v>
      </c>
      <c r="P1378" s="10" t="s">
        <v>22</v>
      </c>
      <c r="Q1378" s="10" t="s">
        <v>22</v>
      </c>
      <c r="R1378" s="10" t="s">
        <v>22</v>
      </c>
      <c r="S1378" s="10" t="s">
        <v>22</v>
      </c>
      <c r="T1378" s="10" t="s">
        <v>22</v>
      </c>
      <c r="U1378" s="10" t="s">
        <v>22</v>
      </c>
      <c r="V1378" s="10" t="s">
        <v>22</v>
      </c>
      <c r="W1378" s="10" t="s">
        <v>22</v>
      </c>
      <c r="X1378" s="10" t="s">
        <v>22</v>
      </c>
      <c r="Y1378" s="10" t="s">
        <v>22</v>
      </c>
      <c r="Z1378" s="10" t="s">
        <v>22</v>
      </c>
    </row>
    <row r="1379" spans="1:26" ht="24" customHeight="1" x14ac:dyDescent="0.2">
      <c r="A1379" s="9" t="s">
        <v>18635</v>
      </c>
      <c r="B1379" s="9" t="s">
        <v>14</v>
      </c>
      <c r="C1379" s="9" t="s">
        <v>6568</v>
      </c>
      <c r="D1379" s="6" t="s">
        <v>6569</v>
      </c>
      <c r="E1379" s="22">
        <v>44099</v>
      </c>
      <c r="F1379" s="22">
        <v>45924</v>
      </c>
      <c r="G1379" s="6" t="s">
        <v>6570</v>
      </c>
      <c r="H1379" s="6" t="s">
        <v>18</v>
      </c>
      <c r="I1379" s="6" t="s">
        <v>19</v>
      </c>
      <c r="J1379" s="6" t="s">
        <v>6571</v>
      </c>
      <c r="K1379" s="9" t="s">
        <v>6572</v>
      </c>
      <c r="L1379" s="10" t="s">
        <v>22</v>
      </c>
      <c r="M1379" s="10" t="s">
        <v>22</v>
      </c>
      <c r="N1379" s="10" t="s">
        <v>22</v>
      </c>
      <c r="V1379" s="10" t="s">
        <v>22</v>
      </c>
      <c r="W1379" s="10" t="s">
        <v>22</v>
      </c>
    </row>
    <row r="1380" spans="1:26" ht="24" customHeight="1" x14ac:dyDescent="0.2">
      <c r="A1380" s="9" t="s">
        <v>18636</v>
      </c>
      <c r="B1380" s="9" t="s">
        <v>14</v>
      </c>
      <c r="C1380" s="9" t="s">
        <v>6573</v>
      </c>
      <c r="D1380" s="6" t="s">
        <v>6574</v>
      </c>
      <c r="E1380" s="22">
        <v>44106</v>
      </c>
      <c r="F1380" s="22">
        <v>45931</v>
      </c>
      <c r="G1380" s="6" t="s">
        <v>6575</v>
      </c>
      <c r="H1380" s="6" t="s">
        <v>18</v>
      </c>
      <c r="I1380" s="6" t="s">
        <v>26</v>
      </c>
      <c r="J1380" s="6" t="s">
        <v>6576</v>
      </c>
      <c r="K1380" s="9" t="s">
        <v>6577</v>
      </c>
      <c r="L1380" s="10" t="s">
        <v>22</v>
      </c>
      <c r="M1380" s="10" t="s">
        <v>22</v>
      </c>
      <c r="N1380" s="10" t="s">
        <v>22</v>
      </c>
      <c r="U1380" s="10" t="s">
        <v>22</v>
      </c>
      <c r="V1380" s="10" t="s">
        <v>22</v>
      </c>
      <c r="W1380" s="10" t="s">
        <v>22</v>
      </c>
    </row>
    <row r="1381" spans="1:26" ht="24" customHeight="1" x14ac:dyDescent="0.2">
      <c r="A1381" s="9" t="s">
        <v>18637</v>
      </c>
      <c r="B1381" s="9" t="s">
        <v>14</v>
      </c>
      <c r="C1381" s="9" t="s">
        <v>6578</v>
      </c>
      <c r="D1381" s="6" t="s">
        <v>6579</v>
      </c>
      <c r="E1381" s="22">
        <v>44104</v>
      </c>
      <c r="F1381" s="22">
        <v>45929</v>
      </c>
      <c r="G1381" s="6" t="s">
        <v>6580</v>
      </c>
      <c r="H1381" s="6" t="s">
        <v>2069</v>
      </c>
      <c r="I1381" s="6" t="s">
        <v>6581</v>
      </c>
      <c r="J1381" s="6" t="s">
        <v>6582</v>
      </c>
      <c r="K1381" s="9" t="s">
        <v>6583</v>
      </c>
      <c r="P1381" s="10" t="s">
        <v>22</v>
      </c>
      <c r="Q1381" s="10" t="s">
        <v>22</v>
      </c>
      <c r="Y1381" s="10" t="s">
        <v>22</v>
      </c>
      <c r="Z1381" s="10" t="s">
        <v>22</v>
      </c>
    </row>
    <row r="1382" spans="1:26" ht="24" customHeight="1" x14ac:dyDescent="0.2">
      <c r="A1382" s="9" t="s">
        <v>18638</v>
      </c>
      <c r="B1382" s="9" t="s">
        <v>14</v>
      </c>
      <c r="C1382" s="9" t="s">
        <v>6584</v>
      </c>
      <c r="D1382" s="6" t="s">
        <v>6585</v>
      </c>
      <c r="E1382" s="22">
        <v>44106</v>
      </c>
      <c r="F1382" s="22">
        <v>45931</v>
      </c>
      <c r="G1382" s="6" t="s">
        <v>6586</v>
      </c>
      <c r="H1382" s="6" t="s">
        <v>18</v>
      </c>
      <c r="I1382" s="6" t="s">
        <v>26</v>
      </c>
      <c r="J1382" s="6" t="s">
        <v>6587</v>
      </c>
      <c r="K1382" s="9" t="s">
        <v>6588</v>
      </c>
      <c r="L1382" s="10" t="s">
        <v>22</v>
      </c>
      <c r="M1382" s="10" t="s">
        <v>22</v>
      </c>
      <c r="N1382" s="10" t="s">
        <v>22</v>
      </c>
      <c r="O1382" s="10" t="s">
        <v>22</v>
      </c>
      <c r="P1382" s="10" t="s">
        <v>22</v>
      </c>
      <c r="Q1382" s="10" t="s">
        <v>22</v>
      </c>
      <c r="U1382" s="10" t="s">
        <v>22</v>
      </c>
      <c r="V1382" s="10" t="s">
        <v>22</v>
      </c>
      <c r="W1382" s="10" t="s">
        <v>22</v>
      </c>
      <c r="X1382" s="10" t="s">
        <v>22</v>
      </c>
      <c r="Y1382" s="10" t="s">
        <v>22</v>
      </c>
      <c r="Z1382" s="10" t="s">
        <v>22</v>
      </c>
    </row>
    <row r="1383" spans="1:26" ht="24" customHeight="1" x14ac:dyDescent="0.2">
      <c r="A1383" s="9" t="s">
        <v>18639</v>
      </c>
      <c r="B1383" s="9" t="s">
        <v>14</v>
      </c>
      <c r="C1383" s="9" t="s">
        <v>6589</v>
      </c>
      <c r="D1383" s="6" t="s">
        <v>6590</v>
      </c>
      <c r="E1383" s="22">
        <v>44106</v>
      </c>
      <c r="F1383" s="22">
        <v>45931</v>
      </c>
      <c r="G1383" s="6" t="s">
        <v>6591</v>
      </c>
      <c r="H1383" s="6" t="s">
        <v>1047</v>
      </c>
      <c r="I1383" s="6" t="s">
        <v>6592</v>
      </c>
      <c r="J1383" s="6" t="s">
        <v>6593</v>
      </c>
      <c r="K1383" s="9" t="s">
        <v>6594</v>
      </c>
      <c r="M1383" s="10" t="s">
        <v>22</v>
      </c>
      <c r="N1383" s="10" t="s">
        <v>22</v>
      </c>
      <c r="P1383" s="10" t="s">
        <v>22</v>
      </c>
      <c r="Q1383" s="10" t="s">
        <v>22</v>
      </c>
      <c r="S1383" s="10" t="s">
        <v>22</v>
      </c>
      <c r="T1383" s="10" t="s">
        <v>22</v>
      </c>
      <c r="V1383" s="10" t="s">
        <v>22</v>
      </c>
      <c r="W1383" s="10" t="s">
        <v>22</v>
      </c>
      <c r="Y1383" s="10" t="s">
        <v>22</v>
      </c>
      <c r="Z1383" s="10" t="s">
        <v>22</v>
      </c>
    </row>
    <row r="1384" spans="1:26" ht="24" customHeight="1" x14ac:dyDescent="0.2">
      <c r="A1384" s="9" t="s">
        <v>18640</v>
      </c>
      <c r="B1384" s="9" t="s">
        <v>14</v>
      </c>
      <c r="C1384" s="9" t="s">
        <v>6595</v>
      </c>
      <c r="D1384" s="6" t="s">
        <v>6596</v>
      </c>
      <c r="E1384" s="22">
        <v>44112</v>
      </c>
      <c r="F1384" s="22">
        <v>45937</v>
      </c>
      <c r="G1384" s="6" t="s">
        <v>6597</v>
      </c>
      <c r="H1384" s="6" t="s">
        <v>202</v>
      </c>
      <c r="I1384" s="6" t="s">
        <v>3050</v>
      </c>
      <c r="J1384" s="6" t="s">
        <v>6598</v>
      </c>
      <c r="L1384" s="10" t="s">
        <v>22</v>
      </c>
      <c r="M1384" s="10" t="s">
        <v>22</v>
      </c>
      <c r="N1384" s="10" t="s">
        <v>22</v>
      </c>
      <c r="O1384" s="10" t="s">
        <v>22</v>
      </c>
      <c r="P1384" s="10" t="s">
        <v>22</v>
      </c>
      <c r="Q1384" s="10" t="s">
        <v>22</v>
      </c>
      <c r="R1384" s="10" t="s">
        <v>22</v>
      </c>
      <c r="S1384" s="10" t="s">
        <v>22</v>
      </c>
      <c r="T1384" s="10" t="s">
        <v>22</v>
      </c>
      <c r="U1384" s="10" t="s">
        <v>22</v>
      </c>
      <c r="V1384" s="10" t="s">
        <v>22</v>
      </c>
      <c r="W1384" s="10" t="s">
        <v>22</v>
      </c>
      <c r="X1384" s="10" t="s">
        <v>22</v>
      </c>
      <c r="Y1384" s="10" t="s">
        <v>22</v>
      </c>
      <c r="Z1384" s="10" t="s">
        <v>22</v>
      </c>
    </row>
    <row r="1385" spans="1:26" ht="24" customHeight="1" x14ac:dyDescent="0.2">
      <c r="A1385" s="9" t="s">
        <v>18641</v>
      </c>
      <c r="B1385" s="9" t="s">
        <v>14</v>
      </c>
      <c r="C1385" s="9" t="s">
        <v>6599</v>
      </c>
      <c r="D1385" s="6" t="s">
        <v>6600</v>
      </c>
      <c r="E1385" s="22">
        <v>44117</v>
      </c>
      <c r="F1385" s="22">
        <v>45942</v>
      </c>
      <c r="G1385" s="6" t="s">
        <v>6601</v>
      </c>
      <c r="H1385" s="6" t="s">
        <v>202</v>
      </c>
      <c r="I1385" s="6" t="s">
        <v>873</v>
      </c>
      <c r="J1385" s="6" t="s">
        <v>6602</v>
      </c>
      <c r="K1385" s="9" t="s">
        <v>6603</v>
      </c>
      <c r="L1385" s="10" t="s">
        <v>22</v>
      </c>
      <c r="M1385" s="10" t="s">
        <v>22</v>
      </c>
      <c r="N1385" s="10" t="s">
        <v>22</v>
      </c>
      <c r="O1385" s="10" t="s">
        <v>22</v>
      </c>
      <c r="P1385" s="10" t="s">
        <v>22</v>
      </c>
      <c r="Q1385" s="10" t="s">
        <v>22</v>
      </c>
      <c r="U1385" s="10" t="s">
        <v>22</v>
      </c>
      <c r="V1385" s="10" t="s">
        <v>22</v>
      </c>
      <c r="W1385" s="10" t="s">
        <v>22</v>
      </c>
      <c r="X1385" s="10" t="s">
        <v>22</v>
      </c>
      <c r="Y1385" s="10" t="s">
        <v>22</v>
      </c>
      <c r="Z1385" s="10" t="s">
        <v>22</v>
      </c>
    </row>
    <row r="1386" spans="1:26" ht="24" customHeight="1" x14ac:dyDescent="0.2">
      <c r="A1386" s="9" t="s">
        <v>18642</v>
      </c>
      <c r="B1386" s="9" t="s">
        <v>14</v>
      </c>
      <c r="C1386" s="9" t="s">
        <v>6604</v>
      </c>
      <c r="D1386" s="6" t="s">
        <v>6605</v>
      </c>
      <c r="E1386" s="22">
        <v>44117</v>
      </c>
      <c r="F1386" s="22">
        <v>45942</v>
      </c>
      <c r="G1386" s="6" t="s">
        <v>6606</v>
      </c>
      <c r="H1386" s="6" t="s">
        <v>202</v>
      </c>
      <c r="I1386" s="6" t="s">
        <v>863</v>
      </c>
      <c r="J1386" s="6" t="s">
        <v>6607</v>
      </c>
      <c r="K1386" s="9" t="s">
        <v>6608</v>
      </c>
      <c r="L1386" s="10" t="s">
        <v>22</v>
      </c>
      <c r="M1386" s="10" t="s">
        <v>22</v>
      </c>
      <c r="N1386" s="10" t="s">
        <v>22</v>
      </c>
      <c r="O1386" s="10" t="s">
        <v>22</v>
      </c>
      <c r="P1386" s="10" t="s">
        <v>22</v>
      </c>
      <c r="Q1386" s="10" t="s">
        <v>22</v>
      </c>
      <c r="U1386" s="10" t="s">
        <v>22</v>
      </c>
      <c r="V1386" s="10" t="s">
        <v>22</v>
      </c>
      <c r="W1386" s="10" t="s">
        <v>22</v>
      </c>
      <c r="X1386" s="10" t="s">
        <v>22</v>
      </c>
      <c r="Y1386" s="10" t="s">
        <v>22</v>
      </c>
      <c r="Z1386" s="10" t="s">
        <v>22</v>
      </c>
    </row>
    <row r="1387" spans="1:26" ht="24" customHeight="1" x14ac:dyDescent="0.2">
      <c r="A1387" s="9" t="s">
        <v>18643</v>
      </c>
      <c r="B1387" s="9" t="s">
        <v>14</v>
      </c>
      <c r="C1387" s="9" t="s">
        <v>6609</v>
      </c>
      <c r="D1387" s="6" t="s">
        <v>6610</v>
      </c>
      <c r="E1387" s="22">
        <v>44117</v>
      </c>
      <c r="F1387" s="22">
        <v>45942</v>
      </c>
      <c r="G1387" s="6" t="s">
        <v>6611</v>
      </c>
      <c r="H1387" s="6" t="s">
        <v>18</v>
      </c>
      <c r="I1387" s="6" t="s">
        <v>19</v>
      </c>
      <c r="J1387" s="6" t="s">
        <v>6612</v>
      </c>
      <c r="K1387" s="9" t="s">
        <v>6613</v>
      </c>
      <c r="L1387" s="10" t="s">
        <v>22</v>
      </c>
      <c r="M1387" s="10" t="s">
        <v>22</v>
      </c>
      <c r="N1387" s="10" t="s">
        <v>22</v>
      </c>
      <c r="O1387" s="10" t="s">
        <v>22</v>
      </c>
      <c r="P1387" s="10" t="s">
        <v>22</v>
      </c>
      <c r="Q1387" s="10" t="s">
        <v>22</v>
      </c>
      <c r="R1387" s="10" t="s">
        <v>22</v>
      </c>
      <c r="S1387" s="10" t="s">
        <v>22</v>
      </c>
      <c r="T1387" s="10" t="s">
        <v>22</v>
      </c>
      <c r="U1387" s="10" t="s">
        <v>22</v>
      </c>
      <c r="V1387" s="10" t="s">
        <v>22</v>
      </c>
      <c r="W1387" s="10" t="s">
        <v>22</v>
      </c>
      <c r="X1387" s="10" t="s">
        <v>22</v>
      </c>
      <c r="Y1387" s="10" t="s">
        <v>22</v>
      </c>
      <c r="Z1387" s="10" t="s">
        <v>22</v>
      </c>
    </row>
    <row r="1388" spans="1:26" ht="24" customHeight="1" x14ac:dyDescent="0.2">
      <c r="A1388" s="9" t="s">
        <v>18644</v>
      </c>
      <c r="B1388" s="9" t="s">
        <v>14</v>
      </c>
      <c r="C1388" s="9" t="s">
        <v>6614</v>
      </c>
      <c r="D1388" s="6" t="s">
        <v>6615</v>
      </c>
      <c r="E1388" s="22">
        <v>44117</v>
      </c>
      <c r="F1388" s="22">
        <v>45942</v>
      </c>
      <c r="G1388" s="6" t="s">
        <v>6616</v>
      </c>
      <c r="H1388" s="6" t="s">
        <v>62</v>
      </c>
      <c r="I1388" s="6" t="s">
        <v>493</v>
      </c>
      <c r="J1388" s="6" t="s">
        <v>6617</v>
      </c>
      <c r="K1388" s="9" t="s">
        <v>6618</v>
      </c>
      <c r="L1388" s="10" t="s">
        <v>22</v>
      </c>
      <c r="M1388" s="10" t="s">
        <v>22</v>
      </c>
      <c r="N1388" s="10" t="s">
        <v>22</v>
      </c>
      <c r="O1388" s="10" t="s">
        <v>22</v>
      </c>
      <c r="P1388" s="10" t="s">
        <v>22</v>
      </c>
      <c r="Q1388" s="10" t="s">
        <v>22</v>
      </c>
      <c r="R1388" s="10" t="s">
        <v>22</v>
      </c>
      <c r="S1388" s="10" t="s">
        <v>22</v>
      </c>
      <c r="T1388" s="10" t="s">
        <v>22</v>
      </c>
      <c r="U1388" s="10" t="s">
        <v>22</v>
      </c>
      <c r="V1388" s="10" t="s">
        <v>22</v>
      </c>
      <c r="W1388" s="10" t="s">
        <v>22</v>
      </c>
      <c r="X1388" s="10" t="s">
        <v>22</v>
      </c>
      <c r="Y1388" s="10" t="s">
        <v>22</v>
      </c>
      <c r="Z1388" s="10" t="s">
        <v>22</v>
      </c>
    </row>
    <row r="1389" spans="1:26" ht="24" customHeight="1" x14ac:dyDescent="0.2">
      <c r="A1389" s="9" t="s">
        <v>18645</v>
      </c>
      <c r="B1389" s="9" t="s">
        <v>14</v>
      </c>
      <c r="C1389" s="9" t="s">
        <v>6619</v>
      </c>
      <c r="D1389" s="6" t="s">
        <v>6620</v>
      </c>
      <c r="E1389" s="22">
        <v>44125</v>
      </c>
      <c r="F1389" s="22">
        <v>45950</v>
      </c>
      <c r="G1389" s="6" t="s">
        <v>6621</v>
      </c>
      <c r="H1389" s="6" t="s">
        <v>18</v>
      </c>
      <c r="I1389" s="6" t="s">
        <v>19</v>
      </c>
      <c r="J1389" s="6" t="s">
        <v>6622</v>
      </c>
      <c r="K1389" s="9" t="s">
        <v>6623</v>
      </c>
      <c r="L1389" s="10" t="s">
        <v>22</v>
      </c>
      <c r="M1389" s="10" t="s">
        <v>22</v>
      </c>
      <c r="N1389" s="10" t="s">
        <v>22</v>
      </c>
    </row>
    <row r="1390" spans="1:26" ht="24" customHeight="1" x14ac:dyDescent="0.2">
      <c r="A1390" s="9" t="s">
        <v>18646</v>
      </c>
      <c r="B1390" s="9" t="s">
        <v>14</v>
      </c>
      <c r="C1390" s="9" t="s">
        <v>6624</v>
      </c>
      <c r="D1390" s="6" t="s">
        <v>6625</v>
      </c>
      <c r="E1390" s="22">
        <v>44125</v>
      </c>
      <c r="F1390" s="22">
        <v>45950</v>
      </c>
      <c r="G1390" s="6" t="s">
        <v>6626</v>
      </c>
      <c r="H1390" s="6" t="s">
        <v>202</v>
      </c>
      <c r="I1390" s="6" t="s">
        <v>3050</v>
      </c>
      <c r="J1390" s="6" t="s">
        <v>6598</v>
      </c>
      <c r="L1390" s="10" t="s">
        <v>22</v>
      </c>
      <c r="M1390" s="10" t="s">
        <v>22</v>
      </c>
      <c r="N1390" s="10" t="s">
        <v>22</v>
      </c>
      <c r="O1390" s="10" t="s">
        <v>22</v>
      </c>
      <c r="P1390" s="10" t="s">
        <v>22</v>
      </c>
      <c r="Q1390" s="10" t="s">
        <v>22</v>
      </c>
      <c r="R1390" s="10" t="s">
        <v>22</v>
      </c>
      <c r="S1390" s="10" t="s">
        <v>22</v>
      </c>
      <c r="T1390" s="10" t="s">
        <v>22</v>
      </c>
      <c r="U1390" s="10" t="s">
        <v>22</v>
      </c>
      <c r="V1390" s="10" t="s">
        <v>22</v>
      </c>
      <c r="W1390" s="10" t="s">
        <v>22</v>
      </c>
      <c r="X1390" s="10" t="s">
        <v>22</v>
      </c>
      <c r="Y1390" s="10" t="s">
        <v>22</v>
      </c>
      <c r="Z1390" s="10" t="s">
        <v>22</v>
      </c>
    </row>
    <row r="1391" spans="1:26" ht="24" customHeight="1" x14ac:dyDescent="0.2">
      <c r="A1391" s="9" t="s">
        <v>18647</v>
      </c>
      <c r="B1391" s="9" t="s">
        <v>14</v>
      </c>
      <c r="C1391" s="9" t="s">
        <v>6627</v>
      </c>
      <c r="D1391" s="6" t="s">
        <v>6628</v>
      </c>
      <c r="E1391" s="22">
        <v>44125</v>
      </c>
      <c r="F1391" s="22">
        <v>45950</v>
      </c>
      <c r="G1391" s="6" t="s">
        <v>6629</v>
      </c>
      <c r="H1391" s="6" t="s">
        <v>62</v>
      </c>
      <c r="I1391" s="6" t="s">
        <v>312</v>
      </c>
      <c r="J1391" s="6" t="s">
        <v>6630</v>
      </c>
      <c r="K1391" s="9" t="s">
        <v>6631</v>
      </c>
      <c r="L1391" s="10" t="s">
        <v>22</v>
      </c>
      <c r="M1391" s="10" t="s">
        <v>22</v>
      </c>
      <c r="N1391" s="10" t="s">
        <v>22</v>
      </c>
      <c r="O1391" s="10" t="s">
        <v>22</v>
      </c>
      <c r="P1391" s="10" t="s">
        <v>22</v>
      </c>
      <c r="Q1391" s="10" t="s">
        <v>22</v>
      </c>
      <c r="R1391" s="10" t="s">
        <v>22</v>
      </c>
      <c r="S1391" s="10" t="s">
        <v>22</v>
      </c>
      <c r="T1391" s="10" t="s">
        <v>22</v>
      </c>
      <c r="U1391" s="10" t="s">
        <v>22</v>
      </c>
      <c r="V1391" s="10" t="s">
        <v>22</v>
      </c>
      <c r="W1391" s="10" t="s">
        <v>22</v>
      </c>
      <c r="X1391" s="10" t="s">
        <v>22</v>
      </c>
      <c r="Y1391" s="10" t="s">
        <v>22</v>
      </c>
      <c r="Z1391" s="10" t="s">
        <v>22</v>
      </c>
    </row>
    <row r="1392" spans="1:26" ht="24" customHeight="1" x14ac:dyDescent="0.2">
      <c r="A1392" s="9" t="s">
        <v>18648</v>
      </c>
      <c r="B1392" s="9" t="s">
        <v>14</v>
      </c>
      <c r="C1392" s="9" t="s">
        <v>6632</v>
      </c>
      <c r="D1392" s="6" t="s">
        <v>6633</v>
      </c>
      <c r="E1392" s="22">
        <v>44125</v>
      </c>
      <c r="F1392" s="22">
        <v>45950</v>
      </c>
      <c r="G1392" s="6" t="s">
        <v>6634</v>
      </c>
      <c r="H1392" s="6" t="s">
        <v>2368</v>
      </c>
      <c r="I1392" s="6" t="s">
        <v>2369</v>
      </c>
      <c r="J1392" s="6" t="s">
        <v>6635</v>
      </c>
      <c r="K1392" s="9" t="s">
        <v>6636</v>
      </c>
      <c r="L1392" s="10" t="s">
        <v>22</v>
      </c>
      <c r="M1392" s="10" t="s">
        <v>22</v>
      </c>
      <c r="N1392" s="10" t="s">
        <v>22</v>
      </c>
      <c r="O1392" s="10" t="s">
        <v>22</v>
      </c>
      <c r="P1392" s="10" t="s">
        <v>22</v>
      </c>
      <c r="Q1392" s="10" t="s">
        <v>22</v>
      </c>
      <c r="R1392" s="10" t="s">
        <v>22</v>
      </c>
      <c r="S1392" s="10" t="s">
        <v>22</v>
      </c>
      <c r="T1392" s="10" t="s">
        <v>22</v>
      </c>
      <c r="U1392" s="10" t="s">
        <v>22</v>
      </c>
      <c r="V1392" s="10" t="s">
        <v>22</v>
      </c>
      <c r="W1392" s="10" t="s">
        <v>22</v>
      </c>
      <c r="X1392" s="10" t="s">
        <v>22</v>
      </c>
      <c r="Y1392" s="10" t="s">
        <v>22</v>
      </c>
      <c r="Z1392" s="10" t="s">
        <v>22</v>
      </c>
    </row>
    <row r="1393" spans="1:26" ht="24" customHeight="1" x14ac:dyDescent="0.2">
      <c r="A1393" s="9" t="s">
        <v>18649</v>
      </c>
      <c r="B1393" s="9" t="s">
        <v>14</v>
      </c>
      <c r="C1393" s="9" t="s">
        <v>6637</v>
      </c>
      <c r="D1393" s="6" t="s">
        <v>6638</v>
      </c>
      <c r="E1393" s="22">
        <v>44125</v>
      </c>
      <c r="F1393" s="22">
        <v>45950</v>
      </c>
      <c r="G1393" s="6" t="s">
        <v>6639</v>
      </c>
      <c r="H1393" s="6" t="s">
        <v>363</v>
      </c>
      <c r="I1393" s="6" t="s">
        <v>646</v>
      </c>
      <c r="J1393" s="6" t="s">
        <v>6640</v>
      </c>
      <c r="K1393" s="9" t="s">
        <v>6641</v>
      </c>
      <c r="L1393" s="10" t="s">
        <v>22</v>
      </c>
      <c r="M1393" s="10" t="s">
        <v>22</v>
      </c>
      <c r="N1393" s="10" t="s">
        <v>22</v>
      </c>
      <c r="O1393" s="10" t="s">
        <v>22</v>
      </c>
      <c r="P1393" s="10" t="s">
        <v>22</v>
      </c>
      <c r="Q1393" s="10" t="s">
        <v>22</v>
      </c>
      <c r="U1393" s="10" t="s">
        <v>22</v>
      </c>
      <c r="V1393" s="10" t="s">
        <v>22</v>
      </c>
      <c r="W1393" s="10" t="s">
        <v>22</v>
      </c>
      <c r="X1393" s="10" t="s">
        <v>22</v>
      </c>
      <c r="Y1393" s="10" t="s">
        <v>22</v>
      </c>
      <c r="Z1393" s="10" t="s">
        <v>22</v>
      </c>
    </row>
    <row r="1394" spans="1:26" ht="24" customHeight="1" x14ac:dyDescent="0.2">
      <c r="A1394" s="9" t="s">
        <v>18650</v>
      </c>
      <c r="B1394" s="9" t="s">
        <v>14</v>
      </c>
      <c r="C1394" s="9" t="s">
        <v>6642</v>
      </c>
      <c r="D1394" s="6" t="s">
        <v>6643</v>
      </c>
      <c r="E1394" s="22">
        <v>44125</v>
      </c>
      <c r="F1394" s="22">
        <v>45950</v>
      </c>
      <c r="G1394" s="6" t="s">
        <v>6644</v>
      </c>
      <c r="H1394" s="6" t="s">
        <v>62</v>
      </c>
      <c r="I1394" s="6" t="s">
        <v>186</v>
      </c>
      <c r="J1394" s="6" t="s">
        <v>6645</v>
      </c>
      <c r="Q1394" s="10" t="s">
        <v>22</v>
      </c>
      <c r="Z1394" s="10" t="s">
        <v>22</v>
      </c>
    </row>
    <row r="1395" spans="1:26" ht="24" customHeight="1" x14ac:dyDescent="0.2">
      <c r="A1395" s="9" t="s">
        <v>18651</v>
      </c>
      <c r="B1395" s="9" t="s">
        <v>14</v>
      </c>
      <c r="C1395" s="9" t="s">
        <v>6646</v>
      </c>
      <c r="D1395" s="6" t="s">
        <v>6647</v>
      </c>
      <c r="E1395" s="22">
        <v>44125</v>
      </c>
      <c r="F1395" s="22">
        <v>45950</v>
      </c>
      <c r="G1395" s="6" t="s">
        <v>6648</v>
      </c>
      <c r="H1395" s="6" t="s">
        <v>6649</v>
      </c>
      <c r="I1395" s="6" t="s">
        <v>6650</v>
      </c>
      <c r="J1395" s="6" t="s">
        <v>6651</v>
      </c>
      <c r="L1395" s="10" t="s">
        <v>22</v>
      </c>
      <c r="M1395" s="10" t="s">
        <v>22</v>
      </c>
      <c r="N1395" s="10" t="s">
        <v>22</v>
      </c>
      <c r="O1395" s="10" t="s">
        <v>22</v>
      </c>
      <c r="P1395" s="10" t="s">
        <v>22</v>
      </c>
      <c r="Q1395" s="10" t="s">
        <v>22</v>
      </c>
      <c r="R1395" s="10" t="s">
        <v>22</v>
      </c>
      <c r="S1395" s="10" t="s">
        <v>22</v>
      </c>
      <c r="T1395" s="10" t="s">
        <v>22</v>
      </c>
      <c r="V1395" s="10" t="s">
        <v>22</v>
      </c>
      <c r="W1395" s="10" t="s">
        <v>22</v>
      </c>
      <c r="X1395" s="10" t="s">
        <v>22</v>
      </c>
      <c r="Y1395" s="10" t="s">
        <v>22</v>
      </c>
      <c r="Z1395" s="10" t="s">
        <v>22</v>
      </c>
    </row>
    <row r="1396" spans="1:26" ht="24" customHeight="1" x14ac:dyDescent="0.2">
      <c r="A1396" s="9" t="s">
        <v>18652</v>
      </c>
      <c r="B1396" s="9" t="s">
        <v>14</v>
      </c>
      <c r="C1396" s="9" t="s">
        <v>6652</v>
      </c>
      <c r="D1396" s="6" t="s">
        <v>6653</v>
      </c>
      <c r="E1396" s="22">
        <v>44131</v>
      </c>
      <c r="F1396" s="22">
        <v>45956</v>
      </c>
      <c r="G1396" s="6" t="s">
        <v>6654</v>
      </c>
      <c r="H1396" s="6" t="s">
        <v>18</v>
      </c>
      <c r="I1396" s="6" t="s">
        <v>19</v>
      </c>
      <c r="J1396" s="6" t="s">
        <v>6655</v>
      </c>
      <c r="K1396" s="9" t="s">
        <v>6656</v>
      </c>
      <c r="L1396" s="10" t="s">
        <v>22</v>
      </c>
      <c r="N1396" s="10" t="s">
        <v>22</v>
      </c>
      <c r="O1396" s="10" t="s">
        <v>22</v>
      </c>
      <c r="Q1396" s="10" t="s">
        <v>22</v>
      </c>
    </row>
    <row r="1397" spans="1:26" ht="24" customHeight="1" x14ac:dyDescent="0.2">
      <c r="A1397" s="9" t="s">
        <v>18653</v>
      </c>
      <c r="B1397" s="9" t="s">
        <v>14</v>
      </c>
      <c r="C1397" s="9" t="s">
        <v>6657</v>
      </c>
      <c r="D1397" s="6" t="s">
        <v>6658</v>
      </c>
      <c r="E1397" s="22">
        <v>44133</v>
      </c>
      <c r="F1397" s="22">
        <v>45958</v>
      </c>
      <c r="G1397" s="6" t="s">
        <v>6659</v>
      </c>
      <c r="H1397" s="6" t="s">
        <v>18</v>
      </c>
      <c r="I1397" s="6" t="s">
        <v>19</v>
      </c>
      <c r="J1397" s="6" t="s">
        <v>6660</v>
      </c>
      <c r="K1397" s="9" t="s">
        <v>6661</v>
      </c>
      <c r="L1397" s="10" t="s">
        <v>22</v>
      </c>
      <c r="M1397" s="10" t="s">
        <v>22</v>
      </c>
      <c r="N1397" s="10" t="s">
        <v>22</v>
      </c>
      <c r="O1397" s="10" t="s">
        <v>22</v>
      </c>
      <c r="P1397" s="10" t="s">
        <v>22</v>
      </c>
      <c r="Q1397" s="10" t="s">
        <v>22</v>
      </c>
      <c r="U1397" s="10" t="s">
        <v>22</v>
      </c>
      <c r="V1397" s="10" t="s">
        <v>22</v>
      </c>
      <c r="W1397" s="10" t="s">
        <v>22</v>
      </c>
      <c r="X1397" s="10" t="s">
        <v>22</v>
      </c>
      <c r="Y1397" s="10" t="s">
        <v>22</v>
      </c>
      <c r="Z1397" s="10" t="s">
        <v>22</v>
      </c>
    </row>
    <row r="1398" spans="1:26" ht="24" customHeight="1" x14ac:dyDescent="0.2">
      <c r="A1398" s="9" t="s">
        <v>18654</v>
      </c>
      <c r="B1398" s="9" t="s">
        <v>14</v>
      </c>
      <c r="C1398" s="9" t="s">
        <v>6662</v>
      </c>
      <c r="D1398" s="6" t="s">
        <v>6663</v>
      </c>
      <c r="E1398" s="22">
        <v>44137</v>
      </c>
      <c r="F1398" s="22">
        <v>45962</v>
      </c>
      <c r="G1398" s="6" t="s">
        <v>6664</v>
      </c>
      <c r="H1398" s="6" t="s">
        <v>2368</v>
      </c>
      <c r="I1398" s="6" t="s">
        <v>2369</v>
      </c>
      <c r="J1398" s="6" t="s">
        <v>6665</v>
      </c>
      <c r="K1398" s="9" t="s">
        <v>6666</v>
      </c>
      <c r="L1398" s="10" t="s">
        <v>22</v>
      </c>
      <c r="M1398" s="10" t="s">
        <v>22</v>
      </c>
      <c r="N1398" s="10" t="s">
        <v>22</v>
      </c>
      <c r="O1398" s="10" t="s">
        <v>22</v>
      </c>
      <c r="P1398" s="10" t="s">
        <v>22</v>
      </c>
      <c r="Q1398" s="10" t="s">
        <v>22</v>
      </c>
      <c r="R1398" s="10" t="s">
        <v>22</v>
      </c>
      <c r="S1398" s="10" t="s">
        <v>22</v>
      </c>
      <c r="T1398" s="10" t="s">
        <v>22</v>
      </c>
      <c r="U1398" s="10" t="s">
        <v>22</v>
      </c>
      <c r="V1398" s="10" t="s">
        <v>22</v>
      </c>
      <c r="W1398" s="10" t="s">
        <v>22</v>
      </c>
      <c r="X1398" s="10" t="s">
        <v>22</v>
      </c>
      <c r="Y1398" s="10" t="s">
        <v>22</v>
      </c>
      <c r="Z1398" s="10" t="s">
        <v>22</v>
      </c>
    </row>
    <row r="1399" spans="1:26" ht="24" customHeight="1" x14ac:dyDescent="0.2">
      <c r="A1399" s="9" t="s">
        <v>18655</v>
      </c>
      <c r="B1399" s="9" t="s">
        <v>14</v>
      </c>
      <c r="C1399" s="9" t="s">
        <v>6667</v>
      </c>
      <c r="D1399" s="6" t="s">
        <v>6668</v>
      </c>
      <c r="E1399" s="22">
        <v>44140</v>
      </c>
      <c r="F1399" s="22">
        <v>45965</v>
      </c>
      <c r="G1399" s="6" t="s">
        <v>6669</v>
      </c>
      <c r="H1399" s="6" t="s">
        <v>202</v>
      </c>
      <c r="I1399" s="6" t="s">
        <v>1530</v>
      </c>
      <c r="J1399" s="6" t="s">
        <v>6670</v>
      </c>
      <c r="L1399" s="10" t="s">
        <v>22</v>
      </c>
      <c r="M1399" s="10" t="s">
        <v>22</v>
      </c>
      <c r="N1399" s="10" t="s">
        <v>22</v>
      </c>
      <c r="O1399" s="10" t="s">
        <v>22</v>
      </c>
      <c r="P1399" s="10" t="s">
        <v>22</v>
      </c>
      <c r="Q1399" s="10" t="s">
        <v>22</v>
      </c>
      <c r="R1399" s="10" t="s">
        <v>22</v>
      </c>
      <c r="S1399" s="10" t="s">
        <v>22</v>
      </c>
      <c r="T1399" s="10" t="s">
        <v>22</v>
      </c>
      <c r="U1399" s="10" t="s">
        <v>22</v>
      </c>
      <c r="V1399" s="10" t="s">
        <v>22</v>
      </c>
      <c r="W1399" s="10" t="s">
        <v>22</v>
      </c>
      <c r="X1399" s="10" t="s">
        <v>22</v>
      </c>
      <c r="Y1399" s="10" t="s">
        <v>22</v>
      </c>
      <c r="Z1399" s="10" t="s">
        <v>22</v>
      </c>
    </row>
    <row r="1400" spans="1:26" ht="24" customHeight="1" x14ac:dyDescent="0.2">
      <c r="A1400" s="9" t="s">
        <v>18656</v>
      </c>
      <c r="B1400" s="9" t="s">
        <v>14</v>
      </c>
      <c r="C1400" s="9" t="s">
        <v>6671</v>
      </c>
      <c r="D1400" s="6" t="s">
        <v>6672</v>
      </c>
      <c r="E1400" s="22">
        <v>44146</v>
      </c>
      <c r="F1400" s="22">
        <v>45971</v>
      </c>
      <c r="G1400" s="6" t="s">
        <v>6673</v>
      </c>
      <c r="H1400" s="6" t="s">
        <v>562</v>
      </c>
      <c r="I1400" s="6" t="s">
        <v>3855</v>
      </c>
      <c r="J1400" s="6" t="s">
        <v>6674</v>
      </c>
      <c r="K1400" s="9" t="s">
        <v>6675</v>
      </c>
      <c r="L1400" s="10" t="s">
        <v>22</v>
      </c>
      <c r="M1400" s="10" t="s">
        <v>22</v>
      </c>
      <c r="N1400" s="10" t="s">
        <v>22</v>
      </c>
      <c r="O1400" s="10" t="s">
        <v>22</v>
      </c>
      <c r="P1400" s="10" t="s">
        <v>22</v>
      </c>
      <c r="Q1400" s="10" t="s">
        <v>22</v>
      </c>
      <c r="R1400" s="10" t="s">
        <v>22</v>
      </c>
      <c r="S1400" s="10" t="s">
        <v>22</v>
      </c>
      <c r="T1400" s="10" t="s">
        <v>22</v>
      </c>
      <c r="U1400" s="10" t="s">
        <v>22</v>
      </c>
      <c r="V1400" s="10" t="s">
        <v>22</v>
      </c>
      <c r="W1400" s="10" t="s">
        <v>22</v>
      </c>
      <c r="X1400" s="10" t="s">
        <v>22</v>
      </c>
      <c r="Y1400" s="10" t="s">
        <v>22</v>
      </c>
      <c r="Z1400" s="10" t="s">
        <v>22</v>
      </c>
    </row>
    <row r="1401" spans="1:26" ht="24" customHeight="1" x14ac:dyDescent="0.2">
      <c r="A1401" s="9" t="s">
        <v>18657</v>
      </c>
      <c r="B1401" s="9" t="s">
        <v>14</v>
      </c>
      <c r="C1401" s="9" t="s">
        <v>6676</v>
      </c>
      <c r="D1401" s="6" t="s">
        <v>6677</v>
      </c>
      <c r="E1401" s="22">
        <v>44146</v>
      </c>
      <c r="F1401" s="22">
        <v>45971</v>
      </c>
      <c r="G1401" s="6" t="s">
        <v>6678</v>
      </c>
      <c r="H1401" s="6" t="s">
        <v>363</v>
      </c>
      <c r="I1401" s="6" t="s">
        <v>466</v>
      </c>
      <c r="J1401" s="6" t="s">
        <v>6679</v>
      </c>
      <c r="K1401" s="9" t="s">
        <v>6680</v>
      </c>
      <c r="L1401" s="10" t="s">
        <v>22</v>
      </c>
      <c r="M1401" s="10" t="s">
        <v>22</v>
      </c>
      <c r="N1401" s="10" t="s">
        <v>22</v>
      </c>
      <c r="O1401" s="10" t="s">
        <v>22</v>
      </c>
      <c r="P1401" s="10" t="s">
        <v>22</v>
      </c>
      <c r="Q1401" s="10" t="s">
        <v>22</v>
      </c>
      <c r="R1401" s="10" t="s">
        <v>22</v>
      </c>
      <c r="S1401" s="10" t="s">
        <v>22</v>
      </c>
      <c r="T1401" s="10" t="s">
        <v>22</v>
      </c>
      <c r="U1401" s="10" t="s">
        <v>22</v>
      </c>
      <c r="V1401" s="10" t="s">
        <v>22</v>
      </c>
      <c r="W1401" s="10" t="s">
        <v>22</v>
      </c>
      <c r="X1401" s="10" t="s">
        <v>22</v>
      </c>
      <c r="Y1401" s="10" t="s">
        <v>22</v>
      </c>
      <c r="Z1401" s="10" t="s">
        <v>22</v>
      </c>
    </row>
    <row r="1402" spans="1:26" ht="24" customHeight="1" x14ac:dyDescent="0.2">
      <c r="A1402" s="9" t="s">
        <v>18658</v>
      </c>
      <c r="B1402" s="9" t="s">
        <v>14</v>
      </c>
      <c r="C1402" s="9" t="s">
        <v>6681</v>
      </c>
      <c r="D1402" s="6" t="s">
        <v>6682</v>
      </c>
      <c r="E1402" s="22">
        <v>44146</v>
      </c>
      <c r="F1402" s="22">
        <v>45971</v>
      </c>
      <c r="G1402" s="6" t="s">
        <v>6683</v>
      </c>
      <c r="H1402" s="6" t="s">
        <v>62</v>
      </c>
      <c r="I1402" s="6" t="s">
        <v>318</v>
      </c>
      <c r="J1402" s="6" t="s">
        <v>6684</v>
      </c>
      <c r="K1402" s="9" t="s">
        <v>6685</v>
      </c>
      <c r="L1402" s="10" t="s">
        <v>22</v>
      </c>
      <c r="M1402" s="10" t="s">
        <v>22</v>
      </c>
      <c r="N1402" s="10" t="s">
        <v>22</v>
      </c>
      <c r="O1402" s="10" t="s">
        <v>22</v>
      </c>
      <c r="P1402" s="10" t="s">
        <v>22</v>
      </c>
      <c r="Q1402" s="10" t="s">
        <v>22</v>
      </c>
      <c r="U1402" s="10" t="s">
        <v>22</v>
      </c>
      <c r="V1402" s="10" t="s">
        <v>22</v>
      </c>
      <c r="W1402" s="10" t="s">
        <v>22</v>
      </c>
      <c r="X1402" s="10" t="s">
        <v>22</v>
      </c>
      <c r="Y1402" s="10" t="s">
        <v>22</v>
      </c>
      <c r="Z1402" s="10" t="s">
        <v>22</v>
      </c>
    </row>
    <row r="1403" spans="1:26" ht="24" customHeight="1" x14ac:dyDescent="0.2">
      <c r="A1403" s="9" t="s">
        <v>18659</v>
      </c>
      <c r="B1403" s="9" t="s">
        <v>14</v>
      </c>
      <c r="C1403" s="9" t="s">
        <v>6686</v>
      </c>
      <c r="D1403" s="6" t="s">
        <v>6687</v>
      </c>
      <c r="E1403" s="22">
        <v>44146</v>
      </c>
      <c r="F1403" s="22">
        <v>45971</v>
      </c>
      <c r="G1403" s="6" t="s">
        <v>6688</v>
      </c>
      <c r="H1403" s="6" t="s">
        <v>202</v>
      </c>
      <c r="I1403" s="6" t="s">
        <v>954</v>
      </c>
      <c r="J1403" s="6" t="s">
        <v>6689</v>
      </c>
      <c r="K1403" s="9" t="s">
        <v>6690</v>
      </c>
      <c r="L1403" s="10" t="s">
        <v>22</v>
      </c>
      <c r="M1403" s="10" t="s">
        <v>22</v>
      </c>
      <c r="N1403" s="10" t="s">
        <v>22</v>
      </c>
      <c r="O1403" s="10" t="s">
        <v>22</v>
      </c>
      <c r="P1403" s="10" t="s">
        <v>22</v>
      </c>
      <c r="Q1403" s="10" t="s">
        <v>22</v>
      </c>
      <c r="U1403" s="10" t="s">
        <v>22</v>
      </c>
      <c r="V1403" s="10" t="s">
        <v>22</v>
      </c>
      <c r="W1403" s="10" t="s">
        <v>22</v>
      </c>
      <c r="X1403" s="10" t="s">
        <v>22</v>
      </c>
      <c r="Y1403" s="10" t="s">
        <v>22</v>
      </c>
      <c r="Z1403" s="10" t="s">
        <v>22</v>
      </c>
    </row>
    <row r="1404" spans="1:26" ht="24" customHeight="1" x14ac:dyDescent="0.2">
      <c r="A1404" s="9" t="s">
        <v>18660</v>
      </c>
      <c r="B1404" s="9" t="s">
        <v>14</v>
      </c>
      <c r="C1404" s="9" t="s">
        <v>6691</v>
      </c>
      <c r="D1404" s="6" t="s">
        <v>6692</v>
      </c>
      <c r="E1404" s="22">
        <v>44146</v>
      </c>
      <c r="F1404" s="22">
        <v>45971</v>
      </c>
      <c r="G1404" s="6" t="s">
        <v>6693</v>
      </c>
      <c r="H1404" s="6" t="s">
        <v>18</v>
      </c>
      <c r="I1404" s="6" t="s">
        <v>19</v>
      </c>
      <c r="J1404" s="6" t="s">
        <v>6694</v>
      </c>
      <c r="K1404" s="9" t="s">
        <v>6695</v>
      </c>
      <c r="M1404" s="10" t="s">
        <v>22</v>
      </c>
      <c r="N1404" s="10" t="s">
        <v>22</v>
      </c>
      <c r="V1404" s="10" t="s">
        <v>22</v>
      </c>
      <c r="W1404" s="10" t="s">
        <v>22</v>
      </c>
    </row>
    <row r="1405" spans="1:26" ht="24" customHeight="1" x14ac:dyDescent="0.2">
      <c r="A1405" s="9" t="s">
        <v>18661</v>
      </c>
      <c r="B1405" s="9" t="s">
        <v>14</v>
      </c>
      <c r="C1405" s="9" t="s">
        <v>6696</v>
      </c>
      <c r="D1405" s="6" t="s">
        <v>6697</v>
      </c>
      <c r="E1405" s="22">
        <v>44147</v>
      </c>
      <c r="F1405" s="22">
        <v>45972</v>
      </c>
      <c r="G1405" s="6" t="s">
        <v>6698</v>
      </c>
      <c r="H1405" s="6" t="s">
        <v>18</v>
      </c>
      <c r="I1405" s="6" t="s">
        <v>26</v>
      </c>
      <c r="J1405" s="6" t="s">
        <v>6699</v>
      </c>
      <c r="K1405" s="9" t="s">
        <v>6700</v>
      </c>
      <c r="L1405" s="10" t="s">
        <v>22</v>
      </c>
      <c r="M1405" s="10" t="s">
        <v>22</v>
      </c>
      <c r="N1405" s="10" t="s">
        <v>22</v>
      </c>
      <c r="O1405" s="10" t="s">
        <v>22</v>
      </c>
      <c r="P1405" s="10" t="s">
        <v>22</v>
      </c>
      <c r="Q1405" s="10" t="s">
        <v>22</v>
      </c>
      <c r="R1405" s="10" t="s">
        <v>22</v>
      </c>
      <c r="S1405" s="10" t="s">
        <v>22</v>
      </c>
      <c r="T1405" s="10" t="s">
        <v>22</v>
      </c>
      <c r="U1405" s="10" t="s">
        <v>22</v>
      </c>
      <c r="V1405" s="10" t="s">
        <v>22</v>
      </c>
      <c r="W1405" s="10" t="s">
        <v>22</v>
      </c>
      <c r="X1405" s="10" t="s">
        <v>22</v>
      </c>
      <c r="Y1405" s="10" t="s">
        <v>22</v>
      </c>
      <c r="Z1405" s="10" t="s">
        <v>22</v>
      </c>
    </row>
    <row r="1406" spans="1:26" ht="24" customHeight="1" x14ac:dyDescent="0.2">
      <c r="A1406" s="9" t="s">
        <v>18662</v>
      </c>
      <c r="B1406" s="9" t="s">
        <v>14</v>
      </c>
      <c r="C1406" s="9" t="s">
        <v>6701</v>
      </c>
      <c r="D1406" s="6" t="s">
        <v>6702</v>
      </c>
      <c r="E1406" s="22">
        <v>44155</v>
      </c>
      <c r="F1406" s="22">
        <v>45980</v>
      </c>
      <c r="G1406" s="6" t="s">
        <v>6703</v>
      </c>
      <c r="H1406" s="6" t="s">
        <v>62</v>
      </c>
      <c r="I1406" s="6" t="s">
        <v>6704</v>
      </c>
      <c r="J1406" s="6" t="s">
        <v>6705</v>
      </c>
      <c r="K1406" s="9" t="s">
        <v>6706</v>
      </c>
      <c r="L1406" s="10" t="s">
        <v>22</v>
      </c>
      <c r="M1406" s="10" t="s">
        <v>22</v>
      </c>
      <c r="N1406" s="10" t="s">
        <v>22</v>
      </c>
      <c r="U1406" s="10" t="s">
        <v>22</v>
      </c>
      <c r="V1406" s="10" t="s">
        <v>22</v>
      </c>
      <c r="W1406" s="10" t="s">
        <v>22</v>
      </c>
    </row>
    <row r="1407" spans="1:26" ht="24" customHeight="1" x14ac:dyDescent="0.2">
      <c r="A1407" s="9" t="s">
        <v>18663</v>
      </c>
      <c r="B1407" s="9" t="s">
        <v>14</v>
      </c>
      <c r="C1407" s="9" t="s">
        <v>6707</v>
      </c>
      <c r="D1407" s="6" t="s">
        <v>6708</v>
      </c>
      <c r="E1407" s="22">
        <v>44155</v>
      </c>
      <c r="F1407" s="22">
        <v>45980</v>
      </c>
      <c r="G1407" s="6" t="s">
        <v>6709</v>
      </c>
      <c r="H1407" s="6" t="s">
        <v>202</v>
      </c>
      <c r="I1407" s="6" t="s">
        <v>873</v>
      </c>
      <c r="J1407" s="6" t="s">
        <v>6710</v>
      </c>
      <c r="K1407" s="9" t="s">
        <v>6711</v>
      </c>
      <c r="L1407" s="10" t="s">
        <v>22</v>
      </c>
      <c r="M1407" s="10" t="s">
        <v>22</v>
      </c>
      <c r="N1407" s="10" t="s">
        <v>22</v>
      </c>
      <c r="O1407" s="10" t="s">
        <v>22</v>
      </c>
      <c r="P1407" s="10" t="s">
        <v>22</v>
      </c>
      <c r="Q1407" s="10" t="s">
        <v>22</v>
      </c>
      <c r="U1407" s="10" t="s">
        <v>22</v>
      </c>
      <c r="V1407" s="10" t="s">
        <v>22</v>
      </c>
      <c r="W1407" s="10" t="s">
        <v>22</v>
      </c>
      <c r="X1407" s="10" t="s">
        <v>22</v>
      </c>
      <c r="Y1407" s="10" t="s">
        <v>22</v>
      </c>
      <c r="Z1407" s="10" t="s">
        <v>22</v>
      </c>
    </row>
    <row r="1408" spans="1:26" ht="24" customHeight="1" x14ac:dyDescent="0.2">
      <c r="A1408" s="9" t="s">
        <v>18664</v>
      </c>
      <c r="B1408" s="9" t="s">
        <v>14</v>
      </c>
      <c r="C1408" s="9" t="s">
        <v>6712</v>
      </c>
      <c r="D1408" s="6" t="s">
        <v>6713</v>
      </c>
      <c r="E1408" s="22">
        <v>44155</v>
      </c>
      <c r="F1408" s="22">
        <v>45980</v>
      </c>
      <c r="G1408" s="6" t="s">
        <v>6714</v>
      </c>
      <c r="H1408" s="6" t="s">
        <v>62</v>
      </c>
      <c r="I1408" s="6" t="s">
        <v>842</v>
      </c>
      <c r="J1408" s="6" t="s">
        <v>6715</v>
      </c>
      <c r="K1408" s="9" t="s">
        <v>6716</v>
      </c>
      <c r="L1408" s="10" t="s">
        <v>22</v>
      </c>
      <c r="M1408" s="10" t="s">
        <v>22</v>
      </c>
      <c r="N1408" s="10" t="s">
        <v>22</v>
      </c>
      <c r="O1408" s="10" t="s">
        <v>22</v>
      </c>
      <c r="P1408" s="10" t="s">
        <v>22</v>
      </c>
      <c r="Q1408" s="10" t="s">
        <v>22</v>
      </c>
      <c r="U1408" s="10" t="s">
        <v>22</v>
      </c>
      <c r="V1408" s="10" t="s">
        <v>22</v>
      </c>
      <c r="W1408" s="10" t="s">
        <v>22</v>
      </c>
      <c r="X1408" s="10" t="s">
        <v>22</v>
      </c>
      <c r="Y1408" s="10" t="s">
        <v>22</v>
      </c>
      <c r="Z1408" s="10" t="s">
        <v>22</v>
      </c>
    </row>
    <row r="1409" spans="1:26" ht="24" customHeight="1" x14ac:dyDescent="0.2">
      <c r="A1409" s="9" t="s">
        <v>18665</v>
      </c>
      <c r="B1409" s="9" t="s">
        <v>14</v>
      </c>
      <c r="C1409" s="9" t="s">
        <v>6717</v>
      </c>
      <c r="D1409" s="6" t="s">
        <v>6718</v>
      </c>
      <c r="E1409" s="22">
        <v>44155</v>
      </c>
      <c r="F1409" s="22">
        <v>45980</v>
      </c>
      <c r="G1409" s="6" t="s">
        <v>6719</v>
      </c>
      <c r="H1409" s="6" t="s">
        <v>62</v>
      </c>
      <c r="I1409" s="6" t="s">
        <v>73</v>
      </c>
      <c r="J1409" s="6" t="s">
        <v>6720</v>
      </c>
      <c r="L1409" s="10" t="s">
        <v>22</v>
      </c>
      <c r="M1409" s="10" t="s">
        <v>22</v>
      </c>
      <c r="N1409" s="10" t="s">
        <v>22</v>
      </c>
      <c r="O1409" s="10" t="s">
        <v>22</v>
      </c>
      <c r="P1409" s="10" t="s">
        <v>22</v>
      </c>
      <c r="Q1409" s="10" t="s">
        <v>22</v>
      </c>
      <c r="R1409" s="10" t="s">
        <v>22</v>
      </c>
      <c r="S1409" s="10" t="s">
        <v>22</v>
      </c>
      <c r="T1409" s="10" t="s">
        <v>22</v>
      </c>
      <c r="U1409" s="10" t="s">
        <v>22</v>
      </c>
      <c r="V1409" s="10" t="s">
        <v>22</v>
      </c>
      <c r="W1409" s="10" t="s">
        <v>22</v>
      </c>
      <c r="X1409" s="10" t="s">
        <v>22</v>
      </c>
      <c r="Y1409" s="10" t="s">
        <v>22</v>
      </c>
      <c r="Z1409" s="10" t="s">
        <v>22</v>
      </c>
    </row>
    <row r="1410" spans="1:26" ht="24" customHeight="1" x14ac:dyDescent="0.2">
      <c r="A1410" s="9" t="s">
        <v>18666</v>
      </c>
      <c r="B1410" s="9" t="s">
        <v>14</v>
      </c>
      <c r="C1410" s="9" t="s">
        <v>6721</v>
      </c>
      <c r="D1410" s="6" t="s">
        <v>6722</v>
      </c>
      <c r="E1410" s="22">
        <v>44160</v>
      </c>
      <c r="F1410" s="22">
        <v>45985</v>
      </c>
      <c r="G1410" s="6" t="s">
        <v>6723</v>
      </c>
      <c r="H1410" s="6" t="s">
        <v>62</v>
      </c>
      <c r="I1410" s="6" t="s">
        <v>186</v>
      </c>
      <c r="J1410" s="6" t="s">
        <v>6724</v>
      </c>
      <c r="K1410" s="9" t="s">
        <v>6725</v>
      </c>
      <c r="L1410" s="10" t="s">
        <v>22</v>
      </c>
      <c r="M1410" s="10" t="s">
        <v>22</v>
      </c>
      <c r="N1410" s="10" t="s">
        <v>22</v>
      </c>
      <c r="O1410" s="10" t="s">
        <v>22</v>
      </c>
      <c r="P1410" s="10" t="s">
        <v>22</v>
      </c>
      <c r="Q1410" s="10" t="s">
        <v>22</v>
      </c>
      <c r="U1410" s="10" t="s">
        <v>22</v>
      </c>
      <c r="V1410" s="10" t="s">
        <v>22</v>
      </c>
      <c r="W1410" s="10" t="s">
        <v>22</v>
      </c>
      <c r="X1410" s="10" t="s">
        <v>22</v>
      </c>
      <c r="Y1410" s="10" t="s">
        <v>22</v>
      </c>
      <c r="Z1410" s="10" t="s">
        <v>22</v>
      </c>
    </row>
    <row r="1411" spans="1:26" ht="24" customHeight="1" x14ac:dyDescent="0.2">
      <c r="A1411" s="9" t="s">
        <v>18667</v>
      </c>
      <c r="B1411" s="9" t="s">
        <v>14</v>
      </c>
      <c r="C1411" s="9" t="s">
        <v>6726</v>
      </c>
      <c r="D1411" s="6" t="s">
        <v>6727</v>
      </c>
      <c r="E1411" s="22">
        <v>44160</v>
      </c>
      <c r="F1411" s="22">
        <v>45985</v>
      </c>
      <c r="G1411" s="6" t="s">
        <v>6728</v>
      </c>
      <c r="H1411" s="6" t="s">
        <v>18</v>
      </c>
      <c r="I1411" s="6" t="s">
        <v>19</v>
      </c>
      <c r="J1411" s="6" t="s">
        <v>6729</v>
      </c>
      <c r="K1411" s="9" t="s">
        <v>6730</v>
      </c>
      <c r="L1411" s="10" t="s">
        <v>22</v>
      </c>
      <c r="M1411" s="10" t="s">
        <v>22</v>
      </c>
      <c r="N1411" s="10" t="s">
        <v>22</v>
      </c>
      <c r="O1411" s="10" t="s">
        <v>22</v>
      </c>
      <c r="P1411" s="10" t="s">
        <v>22</v>
      </c>
      <c r="Q1411" s="10" t="s">
        <v>22</v>
      </c>
      <c r="R1411" s="10" t="s">
        <v>22</v>
      </c>
      <c r="S1411" s="10" t="s">
        <v>22</v>
      </c>
      <c r="T1411" s="10" t="s">
        <v>22</v>
      </c>
      <c r="U1411" s="10" t="s">
        <v>22</v>
      </c>
      <c r="V1411" s="10" t="s">
        <v>22</v>
      </c>
      <c r="W1411" s="10" t="s">
        <v>22</v>
      </c>
      <c r="X1411" s="10" t="s">
        <v>22</v>
      </c>
      <c r="Y1411" s="10" t="s">
        <v>22</v>
      </c>
      <c r="Z1411" s="10" t="s">
        <v>22</v>
      </c>
    </row>
    <row r="1412" spans="1:26" ht="24" customHeight="1" x14ac:dyDescent="0.2">
      <c r="A1412" s="9" t="s">
        <v>18668</v>
      </c>
      <c r="B1412" s="9" t="s">
        <v>14</v>
      </c>
      <c r="C1412" s="9" t="s">
        <v>6731</v>
      </c>
      <c r="D1412" s="6" t="s">
        <v>6732</v>
      </c>
      <c r="E1412" s="22">
        <v>44160</v>
      </c>
      <c r="F1412" s="22">
        <v>45985</v>
      </c>
      <c r="G1412" s="6" t="s">
        <v>6733</v>
      </c>
      <c r="H1412" s="6" t="s">
        <v>62</v>
      </c>
      <c r="I1412" s="6" t="s">
        <v>1955</v>
      </c>
      <c r="J1412" s="6" t="s">
        <v>6734</v>
      </c>
      <c r="K1412" s="9" t="s">
        <v>6735</v>
      </c>
      <c r="L1412" s="10" t="s">
        <v>22</v>
      </c>
      <c r="M1412" s="10" t="s">
        <v>22</v>
      </c>
      <c r="N1412" s="10" t="s">
        <v>22</v>
      </c>
      <c r="O1412" s="10" t="s">
        <v>22</v>
      </c>
      <c r="P1412" s="10" t="s">
        <v>22</v>
      </c>
      <c r="Q1412" s="10" t="s">
        <v>22</v>
      </c>
      <c r="R1412" s="10" t="s">
        <v>22</v>
      </c>
      <c r="S1412" s="10" t="s">
        <v>22</v>
      </c>
      <c r="T1412" s="10" t="s">
        <v>22</v>
      </c>
      <c r="U1412" s="10" t="s">
        <v>22</v>
      </c>
      <c r="V1412" s="10" t="s">
        <v>22</v>
      </c>
      <c r="W1412" s="10" t="s">
        <v>22</v>
      </c>
      <c r="X1412" s="10" t="s">
        <v>22</v>
      </c>
      <c r="Y1412" s="10" t="s">
        <v>22</v>
      </c>
      <c r="Z1412" s="10" t="s">
        <v>22</v>
      </c>
    </row>
    <row r="1413" spans="1:26" ht="24" customHeight="1" x14ac:dyDescent="0.2">
      <c r="A1413" s="9" t="s">
        <v>18669</v>
      </c>
      <c r="B1413" s="9" t="s">
        <v>14</v>
      </c>
      <c r="C1413" s="9" t="s">
        <v>6736</v>
      </c>
      <c r="D1413" s="6" t="s">
        <v>6737</v>
      </c>
      <c r="E1413" s="22">
        <v>44167</v>
      </c>
      <c r="F1413" s="22">
        <v>45992</v>
      </c>
      <c r="G1413" s="6" t="s">
        <v>6738</v>
      </c>
      <c r="H1413" s="6" t="s">
        <v>202</v>
      </c>
      <c r="I1413" s="6" t="s">
        <v>1707</v>
      </c>
      <c r="J1413" s="6" t="s">
        <v>6739</v>
      </c>
      <c r="L1413" s="10" t="s">
        <v>22</v>
      </c>
      <c r="M1413" s="10" t="s">
        <v>22</v>
      </c>
      <c r="N1413" s="10" t="s">
        <v>22</v>
      </c>
      <c r="O1413" s="10" t="s">
        <v>22</v>
      </c>
      <c r="P1413" s="10" t="s">
        <v>22</v>
      </c>
      <c r="Q1413" s="10" t="s">
        <v>22</v>
      </c>
      <c r="R1413" s="10" t="s">
        <v>22</v>
      </c>
      <c r="S1413" s="10" t="s">
        <v>22</v>
      </c>
      <c r="T1413" s="10" t="s">
        <v>22</v>
      </c>
      <c r="U1413" s="10" t="s">
        <v>22</v>
      </c>
      <c r="V1413" s="10" t="s">
        <v>22</v>
      </c>
      <c r="W1413" s="10" t="s">
        <v>22</v>
      </c>
      <c r="X1413" s="10" t="s">
        <v>22</v>
      </c>
      <c r="Y1413" s="10" t="s">
        <v>22</v>
      </c>
      <c r="Z1413" s="10" t="s">
        <v>22</v>
      </c>
    </row>
    <row r="1414" spans="1:26" ht="24" customHeight="1" x14ac:dyDescent="0.2">
      <c r="A1414" s="9" t="s">
        <v>18670</v>
      </c>
      <c r="B1414" s="9" t="s">
        <v>14</v>
      </c>
      <c r="C1414" s="9" t="s">
        <v>6740</v>
      </c>
      <c r="D1414" s="6" t="s">
        <v>6741</v>
      </c>
      <c r="E1414" s="22">
        <v>44167</v>
      </c>
      <c r="F1414" s="22">
        <v>45992</v>
      </c>
      <c r="G1414" s="6" t="s">
        <v>6742</v>
      </c>
      <c r="H1414" s="6" t="s">
        <v>2069</v>
      </c>
      <c r="I1414" s="6" t="s">
        <v>6743</v>
      </c>
      <c r="J1414" s="6" t="s">
        <v>6744</v>
      </c>
      <c r="K1414" s="9" t="s">
        <v>6745</v>
      </c>
      <c r="L1414" s="10" t="s">
        <v>22</v>
      </c>
      <c r="M1414" s="10" t="s">
        <v>22</v>
      </c>
      <c r="N1414" s="10" t="s">
        <v>22</v>
      </c>
      <c r="O1414" s="10" t="s">
        <v>22</v>
      </c>
      <c r="P1414" s="10" t="s">
        <v>22</v>
      </c>
      <c r="Q1414" s="10" t="s">
        <v>22</v>
      </c>
      <c r="R1414" s="10" t="s">
        <v>22</v>
      </c>
      <c r="S1414" s="10" t="s">
        <v>22</v>
      </c>
      <c r="T1414" s="10" t="s">
        <v>22</v>
      </c>
      <c r="U1414" s="10" t="s">
        <v>22</v>
      </c>
      <c r="V1414" s="10" t="s">
        <v>22</v>
      </c>
      <c r="W1414" s="10" t="s">
        <v>22</v>
      </c>
      <c r="X1414" s="10" t="s">
        <v>22</v>
      </c>
      <c r="Y1414" s="10" t="s">
        <v>22</v>
      </c>
      <c r="Z1414" s="10" t="s">
        <v>22</v>
      </c>
    </row>
    <row r="1415" spans="1:26" ht="24" customHeight="1" x14ac:dyDescent="0.2">
      <c r="A1415" s="9" t="s">
        <v>18671</v>
      </c>
      <c r="B1415" s="9" t="s">
        <v>14</v>
      </c>
      <c r="C1415" s="9" t="s">
        <v>6746</v>
      </c>
      <c r="D1415" s="6" t="s">
        <v>4642</v>
      </c>
      <c r="E1415" s="22">
        <v>44167</v>
      </c>
      <c r="F1415" s="22">
        <v>45992</v>
      </c>
      <c r="G1415" s="6" t="s">
        <v>4643</v>
      </c>
      <c r="H1415" s="6" t="s">
        <v>62</v>
      </c>
      <c r="I1415" s="6" t="s">
        <v>306</v>
      </c>
      <c r="J1415" s="6" t="s">
        <v>6747</v>
      </c>
      <c r="L1415" s="10" t="s">
        <v>22</v>
      </c>
      <c r="M1415" s="10" t="s">
        <v>22</v>
      </c>
      <c r="N1415" s="10" t="s">
        <v>22</v>
      </c>
      <c r="O1415" s="10" t="s">
        <v>22</v>
      </c>
      <c r="P1415" s="10" t="s">
        <v>22</v>
      </c>
      <c r="Q1415" s="10" t="s">
        <v>22</v>
      </c>
      <c r="R1415" s="10" t="s">
        <v>22</v>
      </c>
      <c r="S1415" s="10" t="s">
        <v>22</v>
      </c>
      <c r="T1415" s="10" t="s">
        <v>22</v>
      </c>
      <c r="U1415" s="10" t="s">
        <v>22</v>
      </c>
      <c r="V1415" s="10" t="s">
        <v>22</v>
      </c>
      <c r="W1415" s="10" t="s">
        <v>22</v>
      </c>
      <c r="X1415" s="10" t="s">
        <v>22</v>
      </c>
      <c r="Y1415" s="10" t="s">
        <v>22</v>
      </c>
      <c r="Z1415" s="10" t="s">
        <v>22</v>
      </c>
    </row>
    <row r="1416" spans="1:26" ht="24" customHeight="1" x14ac:dyDescent="0.2">
      <c r="A1416" s="9" t="s">
        <v>18672</v>
      </c>
      <c r="B1416" s="9" t="s">
        <v>14</v>
      </c>
      <c r="C1416" s="9" t="s">
        <v>6748</v>
      </c>
      <c r="D1416" s="6" t="s">
        <v>6749</v>
      </c>
      <c r="E1416" s="22">
        <v>44168</v>
      </c>
      <c r="F1416" s="22">
        <v>45993</v>
      </c>
      <c r="G1416" s="6" t="s">
        <v>6750</v>
      </c>
      <c r="H1416" s="6" t="s">
        <v>202</v>
      </c>
      <c r="I1416" s="6" t="s">
        <v>1530</v>
      </c>
      <c r="J1416" s="6" t="s">
        <v>6751</v>
      </c>
      <c r="K1416" s="9" t="s">
        <v>6752</v>
      </c>
      <c r="M1416" s="10" t="s">
        <v>22</v>
      </c>
      <c r="N1416" s="10" t="s">
        <v>22</v>
      </c>
      <c r="O1416" s="10" t="s">
        <v>22</v>
      </c>
      <c r="P1416" s="10" t="s">
        <v>22</v>
      </c>
      <c r="Q1416" s="10" t="s">
        <v>22</v>
      </c>
      <c r="R1416" s="10" t="s">
        <v>22</v>
      </c>
      <c r="S1416" s="10" t="s">
        <v>22</v>
      </c>
      <c r="T1416" s="10" t="s">
        <v>22</v>
      </c>
      <c r="V1416" s="10" t="s">
        <v>22</v>
      </c>
      <c r="W1416" s="10" t="s">
        <v>22</v>
      </c>
      <c r="Y1416" s="10" t="s">
        <v>22</v>
      </c>
      <c r="Z1416" s="10" t="s">
        <v>22</v>
      </c>
    </row>
    <row r="1417" spans="1:26" ht="24" customHeight="1" x14ac:dyDescent="0.2">
      <c r="A1417" s="9" t="s">
        <v>18673</v>
      </c>
      <c r="B1417" s="9" t="s">
        <v>14</v>
      </c>
      <c r="C1417" s="9" t="s">
        <v>6753</v>
      </c>
      <c r="D1417" s="6" t="s">
        <v>6754</v>
      </c>
      <c r="E1417" s="22">
        <v>44173</v>
      </c>
      <c r="F1417" s="22">
        <v>45998</v>
      </c>
      <c r="G1417" s="6" t="s">
        <v>6755</v>
      </c>
      <c r="H1417" s="6" t="s">
        <v>62</v>
      </c>
      <c r="I1417" s="6" t="s">
        <v>352</v>
      </c>
      <c r="J1417" s="6" t="s">
        <v>6756</v>
      </c>
      <c r="K1417" s="9" t="s">
        <v>6757</v>
      </c>
      <c r="L1417" s="10" t="s">
        <v>22</v>
      </c>
      <c r="M1417" s="10" t="s">
        <v>22</v>
      </c>
      <c r="N1417" s="10" t="s">
        <v>22</v>
      </c>
      <c r="O1417" s="10" t="s">
        <v>22</v>
      </c>
      <c r="P1417" s="10" t="s">
        <v>22</v>
      </c>
      <c r="Q1417" s="10" t="s">
        <v>22</v>
      </c>
      <c r="R1417" s="10" t="s">
        <v>22</v>
      </c>
      <c r="S1417" s="10" t="s">
        <v>22</v>
      </c>
      <c r="T1417" s="10" t="s">
        <v>22</v>
      </c>
      <c r="U1417" s="10" t="s">
        <v>22</v>
      </c>
      <c r="V1417" s="10" t="s">
        <v>22</v>
      </c>
      <c r="W1417" s="10" t="s">
        <v>22</v>
      </c>
      <c r="X1417" s="10" t="s">
        <v>22</v>
      </c>
      <c r="Y1417" s="10" t="s">
        <v>22</v>
      </c>
      <c r="Z1417" s="10" t="s">
        <v>22</v>
      </c>
    </row>
    <row r="1418" spans="1:26" ht="34" customHeight="1" x14ac:dyDescent="0.2">
      <c r="A1418" s="9" t="s">
        <v>18674</v>
      </c>
      <c r="B1418" s="9" t="s">
        <v>14</v>
      </c>
      <c r="C1418" s="9" t="s">
        <v>6758</v>
      </c>
      <c r="D1418" s="6" t="s">
        <v>6759</v>
      </c>
      <c r="E1418" s="22">
        <v>44173</v>
      </c>
      <c r="F1418" s="22">
        <v>45998</v>
      </c>
      <c r="G1418" s="6" t="s">
        <v>6760</v>
      </c>
      <c r="H1418" s="6" t="s">
        <v>18</v>
      </c>
      <c r="I1418" s="6" t="s">
        <v>26</v>
      </c>
      <c r="J1418" s="6" t="s">
        <v>6761</v>
      </c>
      <c r="L1418" s="10" t="s">
        <v>22</v>
      </c>
      <c r="M1418" s="10" t="s">
        <v>22</v>
      </c>
      <c r="N1418" s="10" t="s">
        <v>22</v>
      </c>
      <c r="O1418" s="10" t="s">
        <v>22</v>
      </c>
      <c r="P1418" s="10" t="s">
        <v>22</v>
      </c>
      <c r="Q1418" s="10" t="s">
        <v>22</v>
      </c>
      <c r="R1418" s="10" t="s">
        <v>22</v>
      </c>
      <c r="S1418" s="10" t="s">
        <v>22</v>
      </c>
      <c r="T1418" s="10" t="s">
        <v>22</v>
      </c>
      <c r="U1418" s="10" t="s">
        <v>22</v>
      </c>
      <c r="V1418" s="10" t="s">
        <v>22</v>
      </c>
      <c r="W1418" s="10" t="s">
        <v>22</v>
      </c>
      <c r="X1418" s="10" t="s">
        <v>22</v>
      </c>
      <c r="Y1418" s="10" t="s">
        <v>22</v>
      </c>
      <c r="Z1418" s="10" t="s">
        <v>22</v>
      </c>
    </row>
    <row r="1419" spans="1:26" ht="24" customHeight="1" x14ac:dyDescent="0.2">
      <c r="A1419" s="9" t="s">
        <v>18675</v>
      </c>
      <c r="B1419" s="9" t="s">
        <v>14</v>
      </c>
      <c r="C1419" s="9" t="s">
        <v>6762</v>
      </c>
      <c r="D1419" s="6" t="s">
        <v>6763</v>
      </c>
      <c r="E1419" s="22">
        <v>44173</v>
      </c>
      <c r="F1419" s="22">
        <v>45998</v>
      </c>
      <c r="G1419" s="6" t="s">
        <v>6764</v>
      </c>
      <c r="H1419" s="6" t="s">
        <v>1625</v>
      </c>
      <c r="I1419" s="6" t="s">
        <v>3516</v>
      </c>
      <c r="J1419" s="6" t="s">
        <v>6765</v>
      </c>
      <c r="K1419" s="9" t="s">
        <v>6766</v>
      </c>
      <c r="L1419" s="10" t="s">
        <v>22</v>
      </c>
      <c r="M1419" s="10" t="s">
        <v>22</v>
      </c>
      <c r="N1419" s="10" t="s">
        <v>22</v>
      </c>
      <c r="O1419" s="10" t="s">
        <v>22</v>
      </c>
      <c r="P1419" s="10" t="s">
        <v>22</v>
      </c>
      <c r="Q1419" s="10" t="s">
        <v>22</v>
      </c>
      <c r="R1419" s="10" t="s">
        <v>22</v>
      </c>
      <c r="S1419" s="10" t="s">
        <v>22</v>
      </c>
      <c r="T1419" s="10" t="s">
        <v>22</v>
      </c>
      <c r="U1419" s="10" t="s">
        <v>22</v>
      </c>
      <c r="V1419" s="10" t="s">
        <v>22</v>
      </c>
      <c r="W1419" s="10" t="s">
        <v>22</v>
      </c>
      <c r="X1419" s="10" t="s">
        <v>22</v>
      </c>
      <c r="Y1419" s="10" t="s">
        <v>22</v>
      </c>
      <c r="Z1419" s="10" t="s">
        <v>22</v>
      </c>
    </row>
    <row r="1420" spans="1:26" ht="24" customHeight="1" x14ac:dyDescent="0.2">
      <c r="A1420" s="9" t="s">
        <v>18676</v>
      </c>
      <c r="B1420" s="9" t="s">
        <v>14</v>
      </c>
      <c r="C1420" s="9" t="s">
        <v>6767</v>
      </c>
      <c r="D1420" s="6" t="s">
        <v>6768</v>
      </c>
      <c r="E1420" s="22">
        <v>44173</v>
      </c>
      <c r="F1420" s="22">
        <v>45998</v>
      </c>
      <c r="G1420" s="6" t="s">
        <v>6769</v>
      </c>
      <c r="H1420" s="6" t="s">
        <v>62</v>
      </c>
      <c r="I1420" s="6" t="s">
        <v>6770</v>
      </c>
      <c r="J1420" s="6" t="s">
        <v>6771</v>
      </c>
      <c r="K1420" s="9" t="s">
        <v>6772</v>
      </c>
      <c r="L1420" s="10" t="s">
        <v>22</v>
      </c>
      <c r="M1420" s="10" t="s">
        <v>22</v>
      </c>
      <c r="N1420" s="10" t="s">
        <v>22</v>
      </c>
      <c r="O1420" s="10" t="s">
        <v>22</v>
      </c>
      <c r="P1420" s="10" t="s">
        <v>22</v>
      </c>
      <c r="Q1420" s="10" t="s">
        <v>22</v>
      </c>
      <c r="U1420" s="10" t="s">
        <v>22</v>
      </c>
      <c r="V1420" s="10" t="s">
        <v>22</v>
      </c>
      <c r="W1420" s="10" t="s">
        <v>22</v>
      </c>
      <c r="X1420" s="10" t="s">
        <v>22</v>
      </c>
      <c r="Y1420" s="10" t="s">
        <v>22</v>
      </c>
      <c r="Z1420" s="10" t="s">
        <v>22</v>
      </c>
    </row>
    <row r="1421" spans="1:26" ht="24" customHeight="1" x14ac:dyDescent="0.2">
      <c r="A1421" s="9" t="s">
        <v>18677</v>
      </c>
      <c r="B1421" s="9" t="s">
        <v>14</v>
      </c>
      <c r="C1421" s="9" t="s">
        <v>6773</v>
      </c>
      <c r="D1421" s="6" t="s">
        <v>6774</v>
      </c>
      <c r="E1421" s="22">
        <v>44180</v>
      </c>
      <c r="F1421" s="22">
        <v>46005</v>
      </c>
      <c r="G1421" s="6" t="s">
        <v>6775</v>
      </c>
      <c r="H1421" s="6" t="s">
        <v>3401</v>
      </c>
      <c r="I1421" s="6" t="s">
        <v>6776</v>
      </c>
      <c r="J1421" s="6" t="s">
        <v>6777</v>
      </c>
      <c r="K1421" s="9" t="s">
        <v>6778</v>
      </c>
      <c r="L1421" s="10" t="s">
        <v>22</v>
      </c>
      <c r="M1421" s="10" t="s">
        <v>22</v>
      </c>
      <c r="N1421" s="10" t="s">
        <v>22</v>
      </c>
      <c r="O1421" s="10" t="s">
        <v>22</v>
      </c>
      <c r="P1421" s="10" t="s">
        <v>22</v>
      </c>
      <c r="Q1421" s="10" t="s">
        <v>22</v>
      </c>
      <c r="R1421" s="10" t="s">
        <v>22</v>
      </c>
      <c r="S1421" s="10" t="s">
        <v>22</v>
      </c>
      <c r="T1421" s="10" t="s">
        <v>22</v>
      </c>
      <c r="U1421" s="10" t="s">
        <v>22</v>
      </c>
      <c r="V1421" s="10" t="s">
        <v>22</v>
      </c>
      <c r="W1421" s="10" t="s">
        <v>22</v>
      </c>
      <c r="X1421" s="10" t="s">
        <v>22</v>
      </c>
      <c r="Y1421" s="10" t="s">
        <v>22</v>
      </c>
      <c r="Z1421" s="10" t="s">
        <v>22</v>
      </c>
    </row>
    <row r="1422" spans="1:26" ht="24" customHeight="1" x14ac:dyDescent="0.2">
      <c r="A1422" s="9" t="s">
        <v>18678</v>
      </c>
      <c r="B1422" s="9" t="s">
        <v>14</v>
      </c>
      <c r="C1422" s="9" t="s">
        <v>6773</v>
      </c>
      <c r="D1422" s="6" t="s">
        <v>6774</v>
      </c>
      <c r="E1422" s="22">
        <v>44180</v>
      </c>
      <c r="F1422" s="22">
        <v>46005</v>
      </c>
      <c r="G1422" s="6" t="s">
        <v>6779</v>
      </c>
      <c r="H1422" s="6" t="s">
        <v>6780</v>
      </c>
      <c r="I1422" s="6" t="s">
        <v>6781</v>
      </c>
      <c r="J1422" s="6" t="s">
        <v>6782</v>
      </c>
      <c r="K1422" s="9" t="s">
        <v>6783</v>
      </c>
      <c r="L1422" s="10" t="s">
        <v>22</v>
      </c>
      <c r="M1422" s="10" t="s">
        <v>22</v>
      </c>
      <c r="N1422" s="10" t="s">
        <v>22</v>
      </c>
      <c r="O1422" s="10" t="s">
        <v>22</v>
      </c>
      <c r="P1422" s="10" t="s">
        <v>22</v>
      </c>
      <c r="Q1422" s="10" t="s">
        <v>22</v>
      </c>
      <c r="R1422" s="10" t="s">
        <v>22</v>
      </c>
      <c r="S1422" s="10" t="s">
        <v>22</v>
      </c>
      <c r="T1422" s="10" t="s">
        <v>22</v>
      </c>
      <c r="U1422" s="10" t="s">
        <v>22</v>
      </c>
      <c r="V1422" s="10" t="s">
        <v>22</v>
      </c>
      <c r="W1422" s="10" t="s">
        <v>22</v>
      </c>
      <c r="X1422" s="10" t="s">
        <v>22</v>
      </c>
      <c r="Y1422" s="10" t="s">
        <v>22</v>
      </c>
      <c r="Z1422" s="10" t="s">
        <v>22</v>
      </c>
    </row>
    <row r="1423" spans="1:26" ht="24" customHeight="1" x14ac:dyDescent="0.2">
      <c r="A1423" s="9" t="s">
        <v>18679</v>
      </c>
      <c r="B1423" s="9" t="s">
        <v>14</v>
      </c>
      <c r="C1423" s="9" t="s">
        <v>6784</v>
      </c>
      <c r="D1423" s="6" t="s">
        <v>6785</v>
      </c>
      <c r="E1423" s="22">
        <v>44180</v>
      </c>
      <c r="F1423" s="22">
        <v>46005</v>
      </c>
      <c r="G1423" s="6" t="s">
        <v>6786</v>
      </c>
      <c r="H1423" s="6" t="s">
        <v>62</v>
      </c>
      <c r="I1423" s="6" t="s">
        <v>403</v>
      </c>
      <c r="J1423" s="6" t="s">
        <v>6787</v>
      </c>
      <c r="K1423" s="9" t="s">
        <v>6788</v>
      </c>
      <c r="L1423" s="10" t="s">
        <v>22</v>
      </c>
      <c r="M1423" s="10" t="s">
        <v>22</v>
      </c>
      <c r="N1423" s="10" t="s">
        <v>22</v>
      </c>
      <c r="O1423" s="10" t="s">
        <v>22</v>
      </c>
      <c r="P1423" s="10" t="s">
        <v>22</v>
      </c>
      <c r="Q1423" s="10" t="s">
        <v>22</v>
      </c>
      <c r="R1423" s="10" t="s">
        <v>22</v>
      </c>
      <c r="S1423" s="10" t="s">
        <v>22</v>
      </c>
      <c r="T1423" s="10" t="s">
        <v>22</v>
      </c>
      <c r="U1423" s="10" t="s">
        <v>22</v>
      </c>
      <c r="V1423" s="10" t="s">
        <v>22</v>
      </c>
      <c r="W1423" s="10" t="s">
        <v>22</v>
      </c>
      <c r="X1423" s="10" t="s">
        <v>22</v>
      </c>
      <c r="Y1423" s="10" t="s">
        <v>22</v>
      </c>
      <c r="Z1423" s="10" t="s">
        <v>22</v>
      </c>
    </row>
    <row r="1424" spans="1:26" ht="24" customHeight="1" x14ac:dyDescent="0.2">
      <c r="A1424" s="9" t="s">
        <v>18680</v>
      </c>
      <c r="B1424" s="9" t="s">
        <v>14</v>
      </c>
      <c r="C1424" s="9" t="s">
        <v>6789</v>
      </c>
      <c r="D1424" s="6" t="s">
        <v>6790</v>
      </c>
      <c r="E1424" s="22">
        <v>44180</v>
      </c>
      <c r="F1424" s="22">
        <v>46005</v>
      </c>
      <c r="G1424" s="6" t="s">
        <v>6791</v>
      </c>
      <c r="H1424" s="6" t="s">
        <v>363</v>
      </c>
      <c r="I1424" s="6" t="s">
        <v>364</v>
      </c>
      <c r="J1424" s="6" t="s">
        <v>6792</v>
      </c>
      <c r="K1424" s="9" t="s">
        <v>6793</v>
      </c>
      <c r="L1424" s="10" t="s">
        <v>22</v>
      </c>
      <c r="M1424" s="10" t="s">
        <v>22</v>
      </c>
      <c r="N1424" s="10" t="s">
        <v>22</v>
      </c>
      <c r="O1424" s="10" t="s">
        <v>22</v>
      </c>
      <c r="P1424" s="10" t="s">
        <v>22</v>
      </c>
      <c r="Q1424" s="10" t="s">
        <v>22</v>
      </c>
      <c r="R1424" s="10" t="s">
        <v>22</v>
      </c>
      <c r="S1424" s="10" t="s">
        <v>22</v>
      </c>
      <c r="T1424" s="10" t="s">
        <v>22</v>
      </c>
      <c r="U1424" s="10" t="s">
        <v>22</v>
      </c>
      <c r="V1424" s="10" t="s">
        <v>22</v>
      </c>
      <c r="W1424" s="10" t="s">
        <v>22</v>
      </c>
      <c r="X1424" s="10" t="s">
        <v>22</v>
      </c>
      <c r="Y1424" s="10" t="s">
        <v>22</v>
      </c>
      <c r="Z1424" s="10" t="s">
        <v>22</v>
      </c>
    </row>
    <row r="1425" spans="1:26" ht="24" customHeight="1" x14ac:dyDescent="0.2">
      <c r="A1425" s="9" t="s">
        <v>18681</v>
      </c>
      <c r="B1425" s="9" t="s">
        <v>14</v>
      </c>
      <c r="C1425" s="9" t="s">
        <v>6794</v>
      </c>
      <c r="D1425" s="6" t="s">
        <v>16226</v>
      </c>
      <c r="E1425" s="22">
        <v>44180</v>
      </c>
      <c r="F1425" s="22">
        <v>46005</v>
      </c>
      <c r="G1425" s="6" t="s">
        <v>6795</v>
      </c>
      <c r="H1425" s="6" t="s">
        <v>62</v>
      </c>
      <c r="I1425" s="6" t="s">
        <v>591</v>
      </c>
      <c r="J1425" s="6" t="s">
        <v>6796</v>
      </c>
      <c r="K1425" s="9" t="s">
        <v>6797</v>
      </c>
      <c r="L1425" s="10" t="s">
        <v>22</v>
      </c>
      <c r="M1425" s="10" t="s">
        <v>22</v>
      </c>
      <c r="N1425" s="10" t="s">
        <v>22</v>
      </c>
      <c r="O1425" s="10" t="s">
        <v>22</v>
      </c>
      <c r="P1425" s="10" t="s">
        <v>22</v>
      </c>
      <c r="Q1425" s="10" t="s">
        <v>22</v>
      </c>
      <c r="R1425" s="10" t="s">
        <v>22</v>
      </c>
      <c r="S1425" s="10" t="s">
        <v>22</v>
      </c>
      <c r="T1425" s="10" t="s">
        <v>22</v>
      </c>
      <c r="U1425" s="10" t="s">
        <v>22</v>
      </c>
      <c r="V1425" s="10" t="s">
        <v>22</v>
      </c>
      <c r="W1425" s="10" t="s">
        <v>22</v>
      </c>
      <c r="X1425" s="10" t="s">
        <v>22</v>
      </c>
      <c r="Y1425" s="10" t="s">
        <v>22</v>
      </c>
      <c r="Z1425" s="10" t="s">
        <v>22</v>
      </c>
    </row>
    <row r="1426" spans="1:26" ht="24" customHeight="1" x14ac:dyDescent="0.2">
      <c r="A1426" s="9" t="s">
        <v>18682</v>
      </c>
      <c r="B1426" s="9" t="s">
        <v>14</v>
      </c>
      <c r="C1426" s="9" t="s">
        <v>6798</v>
      </c>
      <c r="D1426" s="6" t="s">
        <v>6799</v>
      </c>
      <c r="E1426" s="22">
        <v>44181</v>
      </c>
      <c r="F1426" s="22">
        <v>46006</v>
      </c>
      <c r="G1426" s="6" t="s">
        <v>6800</v>
      </c>
      <c r="H1426" s="6" t="s">
        <v>18</v>
      </c>
      <c r="I1426" s="6" t="s">
        <v>19</v>
      </c>
      <c r="J1426" s="6" t="s">
        <v>6801</v>
      </c>
      <c r="L1426" s="10" t="s">
        <v>22</v>
      </c>
      <c r="M1426" s="10" t="s">
        <v>22</v>
      </c>
      <c r="N1426" s="10" t="s">
        <v>22</v>
      </c>
      <c r="U1426" s="10" t="s">
        <v>22</v>
      </c>
      <c r="V1426" s="10" t="s">
        <v>22</v>
      </c>
      <c r="W1426" s="10" t="s">
        <v>22</v>
      </c>
    </row>
    <row r="1427" spans="1:26" ht="24" customHeight="1" x14ac:dyDescent="0.2">
      <c r="A1427" s="9" t="s">
        <v>18683</v>
      </c>
      <c r="B1427" s="9" t="s">
        <v>14</v>
      </c>
      <c r="C1427" s="9" t="s">
        <v>6802</v>
      </c>
      <c r="D1427" s="6" t="s">
        <v>6803</v>
      </c>
      <c r="E1427" s="22">
        <v>44187</v>
      </c>
      <c r="F1427" s="22">
        <v>46012</v>
      </c>
      <c r="G1427" s="6" t="s">
        <v>6804</v>
      </c>
      <c r="H1427" s="6" t="s">
        <v>62</v>
      </c>
      <c r="I1427" s="6" t="s">
        <v>73</v>
      </c>
      <c r="J1427" s="6" t="s">
        <v>6805</v>
      </c>
      <c r="L1427" s="10" t="s">
        <v>22</v>
      </c>
      <c r="M1427" s="10" t="s">
        <v>22</v>
      </c>
      <c r="N1427" s="10" t="s">
        <v>22</v>
      </c>
      <c r="O1427" s="10" t="s">
        <v>22</v>
      </c>
      <c r="P1427" s="10" t="s">
        <v>22</v>
      </c>
      <c r="Q1427" s="10" t="s">
        <v>22</v>
      </c>
      <c r="R1427" s="10" t="s">
        <v>22</v>
      </c>
      <c r="S1427" s="10" t="s">
        <v>22</v>
      </c>
      <c r="T1427" s="10" t="s">
        <v>22</v>
      </c>
      <c r="U1427" s="10" t="s">
        <v>22</v>
      </c>
      <c r="V1427" s="10" t="s">
        <v>22</v>
      </c>
      <c r="W1427" s="10" t="s">
        <v>22</v>
      </c>
      <c r="X1427" s="10" t="s">
        <v>22</v>
      </c>
      <c r="Y1427" s="10" t="s">
        <v>22</v>
      </c>
      <c r="Z1427" s="10" t="s">
        <v>22</v>
      </c>
    </row>
    <row r="1428" spans="1:26" ht="24" customHeight="1" x14ac:dyDescent="0.2">
      <c r="A1428" s="9" t="s">
        <v>18684</v>
      </c>
      <c r="B1428" s="9" t="s">
        <v>14</v>
      </c>
      <c r="C1428" s="9" t="s">
        <v>6806</v>
      </c>
      <c r="D1428" s="6" t="s">
        <v>6807</v>
      </c>
      <c r="E1428" s="22">
        <v>44187</v>
      </c>
      <c r="F1428" s="22">
        <v>46012</v>
      </c>
      <c r="G1428" s="6" t="s">
        <v>6808</v>
      </c>
      <c r="H1428" s="6" t="s">
        <v>62</v>
      </c>
      <c r="I1428" s="6" t="s">
        <v>186</v>
      </c>
      <c r="J1428" s="6" t="s">
        <v>6809</v>
      </c>
      <c r="K1428" s="9" t="s">
        <v>6810</v>
      </c>
      <c r="L1428" s="10" t="s">
        <v>22</v>
      </c>
      <c r="M1428" s="10" t="s">
        <v>22</v>
      </c>
      <c r="N1428" s="10" t="s">
        <v>22</v>
      </c>
      <c r="O1428" s="10" t="s">
        <v>22</v>
      </c>
      <c r="P1428" s="10" t="s">
        <v>22</v>
      </c>
      <c r="Q1428" s="10" t="s">
        <v>22</v>
      </c>
      <c r="U1428" s="10" t="s">
        <v>22</v>
      </c>
      <c r="V1428" s="10" t="s">
        <v>22</v>
      </c>
      <c r="W1428" s="10" t="s">
        <v>22</v>
      </c>
      <c r="X1428" s="10" t="s">
        <v>22</v>
      </c>
      <c r="Y1428" s="10" t="s">
        <v>22</v>
      </c>
      <c r="Z1428" s="10" t="s">
        <v>22</v>
      </c>
    </row>
    <row r="1429" spans="1:26" ht="24" customHeight="1" x14ac:dyDescent="0.2">
      <c r="A1429" s="9" t="s">
        <v>18685</v>
      </c>
      <c r="B1429" s="9" t="s">
        <v>14</v>
      </c>
      <c r="C1429" s="9" t="s">
        <v>6811</v>
      </c>
      <c r="D1429" s="6" t="s">
        <v>6812</v>
      </c>
      <c r="E1429" s="22">
        <v>44187</v>
      </c>
      <c r="F1429" s="22">
        <v>46012</v>
      </c>
      <c r="G1429" s="6" t="s">
        <v>6813</v>
      </c>
      <c r="H1429" s="6" t="s">
        <v>62</v>
      </c>
      <c r="I1429" s="6" t="s">
        <v>186</v>
      </c>
      <c r="J1429" s="6" t="s">
        <v>20969</v>
      </c>
      <c r="K1429" s="9" t="s">
        <v>20970</v>
      </c>
      <c r="L1429" s="10" t="s">
        <v>22</v>
      </c>
      <c r="M1429" s="10" t="s">
        <v>22</v>
      </c>
      <c r="N1429" s="10" t="s">
        <v>22</v>
      </c>
      <c r="O1429" s="10" t="s">
        <v>22</v>
      </c>
      <c r="P1429" s="10" t="s">
        <v>22</v>
      </c>
      <c r="Q1429" s="10" t="s">
        <v>22</v>
      </c>
      <c r="U1429" s="10" t="s">
        <v>22</v>
      </c>
      <c r="V1429" s="10" t="s">
        <v>22</v>
      </c>
      <c r="W1429" s="10" t="s">
        <v>22</v>
      </c>
      <c r="X1429" s="10" t="s">
        <v>22</v>
      </c>
      <c r="Y1429" s="10" t="s">
        <v>22</v>
      </c>
      <c r="Z1429" s="10" t="s">
        <v>22</v>
      </c>
    </row>
    <row r="1430" spans="1:26" ht="24" customHeight="1" x14ac:dyDescent="0.2">
      <c r="A1430" s="9" t="s">
        <v>18686</v>
      </c>
      <c r="B1430" s="9" t="s">
        <v>14</v>
      </c>
      <c r="C1430" s="9" t="s">
        <v>6814</v>
      </c>
      <c r="D1430" s="6" t="s">
        <v>6815</v>
      </c>
      <c r="E1430" s="22">
        <v>44190</v>
      </c>
      <c r="F1430" s="22">
        <v>46015</v>
      </c>
      <c r="G1430" s="6" t="s">
        <v>6816</v>
      </c>
      <c r="H1430" s="6" t="s">
        <v>363</v>
      </c>
      <c r="I1430" s="6" t="s">
        <v>466</v>
      </c>
      <c r="J1430" s="6" t="s">
        <v>6817</v>
      </c>
      <c r="K1430" s="9" t="s">
        <v>6818</v>
      </c>
      <c r="L1430" s="10" t="s">
        <v>22</v>
      </c>
      <c r="M1430" s="10" t="s">
        <v>22</v>
      </c>
      <c r="N1430" s="10" t="s">
        <v>22</v>
      </c>
      <c r="O1430" s="10" t="s">
        <v>22</v>
      </c>
      <c r="P1430" s="10" t="s">
        <v>22</v>
      </c>
      <c r="Q1430" s="10" t="s">
        <v>22</v>
      </c>
      <c r="U1430" s="10" t="s">
        <v>22</v>
      </c>
      <c r="V1430" s="10" t="s">
        <v>22</v>
      </c>
      <c r="W1430" s="10" t="s">
        <v>22</v>
      </c>
    </row>
    <row r="1431" spans="1:26" ht="24" customHeight="1" x14ac:dyDescent="0.2">
      <c r="A1431" s="9" t="s">
        <v>18687</v>
      </c>
      <c r="B1431" s="9" t="s">
        <v>14</v>
      </c>
      <c r="C1431" s="9" t="s">
        <v>6819</v>
      </c>
      <c r="D1431" s="6" t="s">
        <v>6820</v>
      </c>
      <c r="E1431" s="22">
        <v>44190</v>
      </c>
      <c r="F1431" s="22">
        <v>46015</v>
      </c>
      <c r="G1431" s="6" t="s">
        <v>6821</v>
      </c>
      <c r="H1431" s="6" t="s">
        <v>4493</v>
      </c>
      <c r="I1431" s="6" t="s">
        <v>6822</v>
      </c>
      <c r="J1431" s="6" t="s">
        <v>6823</v>
      </c>
      <c r="K1431" s="9" t="s">
        <v>6824</v>
      </c>
      <c r="L1431" s="10" t="s">
        <v>22</v>
      </c>
      <c r="M1431" s="10" t="s">
        <v>22</v>
      </c>
      <c r="N1431" s="10" t="s">
        <v>22</v>
      </c>
      <c r="O1431" s="10" t="s">
        <v>22</v>
      </c>
      <c r="P1431" s="10" t="s">
        <v>22</v>
      </c>
      <c r="Q1431" s="10" t="s">
        <v>22</v>
      </c>
      <c r="R1431" s="10" t="s">
        <v>22</v>
      </c>
      <c r="S1431" s="10" t="s">
        <v>22</v>
      </c>
      <c r="T1431" s="10" t="s">
        <v>22</v>
      </c>
      <c r="U1431" s="10" t="s">
        <v>22</v>
      </c>
      <c r="V1431" s="10" t="s">
        <v>22</v>
      </c>
      <c r="W1431" s="10" t="s">
        <v>22</v>
      </c>
      <c r="X1431" s="10" t="s">
        <v>22</v>
      </c>
      <c r="Y1431" s="10" t="s">
        <v>22</v>
      </c>
      <c r="Z1431" s="10" t="s">
        <v>22</v>
      </c>
    </row>
    <row r="1432" spans="1:26" ht="34.75" customHeight="1" x14ac:dyDescent="0.2">
      <c r="A1432" s="9" t="s">
        <v>18688</v>
      </c>
      <c r="B1432" s="9" t="s">
        <v>14</v>
      </c>
      <c r="C1432" s="9" t="s">
        <v>6825</v>
      </c>
      <c r="D1432" s="6" t="s">
        <v>6826</v>
      </c>
      <c r="E1432" s="22">
        <v>44190</v>
      </c>
      <c r="F1432" s="22">
        <v>46015</v>
      </c>
      <c r="G1432" s="6" t="s">
        <v>6827</v>
      </c>
      <c r="H1432" s="6" t="s">
        <v>202</v>
      </c>
      <c r="I1432" s="6" t="s">
        <v>863</v>
      </c>
      <c r="J1432" s="6" t="s">
        <v>6828</v>
      </c>
      <c r="K1432" s="9" t="s">
        <v>6829</v>
      </c>
      <c r="L1432" s="10" t="s">
        <v>22</v>
      </c>
      <c r="M1432" s="10" t="s">
        <v>22</v>
      </c>
      <c r="N1432" s="10" t="s">
        <v>22</v>
      </c>
      <c r="O1432" s="10" t="s">
        <v>22</v>
      </c>
      <c r="P1432" s="10" t="s">
        <v>22</v>
      </c>
      <c r="Q1432" s="10" t="s">
        <v>22</v>
      </c>
      <c r="R1432" s="10" t="s">
        <v>22</v>
      </c>
      <c r="S1432" s="10" t="s">
        <v>22</v>
      </c>
      <c r="T1432" s="10" t="s">
        <v>22</v>
      </c>
      <c r="U1432" s="10" t="s">
        <v>22</v>
      </c>
      <c r="V1432" s="10" t="s">
        <v>22</v>
      </c>
      <c r="W1432" s="10" t="s">
        <v>22</v>
      </c>
      <c r="X1432" s="10" t="s">
        <v>22</v>
      </c>
      <c r="Y1432" s="10" t="s">
        <v>22</v>
      </c>
      <c r="Z1432" s="10" t="s">
        <v>22</v>
      </c>
    </row>
    <row r="1433" spans="1:26" ht="24" customHeight="1" x14ac:dyDescent="0.2">
      <c r="A1433" s="9" t="s">
        <v>18689</v>
      </c>
      <c r="B1433" s="9" t="s">
        <v>14</v>
      </c>
      <c r="C1433" s="9" t="s">
        <v>6830</v>
      </c>
      <c r="D1433" s="6" t="s">
        <v>6831</v>
      </c>
      <c r="E1433" s="22">
        <v>44200</v>
      </c>
      <c r="F1433" s="22">
        <v>46025</v>
      </c>
      <c r="G1433" s="6" t="s">
        <v>6832</v>
      </c>
      <c r="H1433" s="6" t="s">
        <v>202</v>
      </c>
      <c r="I1433" s="6" t="s">
        <v>1857</v>
      </c>
      <c r="J1433" s="6" t="s">
        <v>6833</v>
      </c>
      <c r="K1433" s="9" t="s">
        <v>6834</v>
      </c>
      <c r="L1433" s="10" t="s">
        <v>22</v>
      </c>
      <c r="M1433" s="10" t="s">
        <v>22</v>
      </c>
      <c r="N1433" s="10" t="s">
        <v>22</v>
      </c>
      <c r="O1433" s="10" t="s">
        <v>22</v>
      </c>
      <c r="P1433" s="10" t="s">
        <v>22</v>
      </c>
      <c r="Q1433" s="10" t="s">
        <v>22</v>
      </c>
      <c r="U1433" s="10" t="s">
        <v>22</v>
      </c>
      <c r="V1433" s="10" t="s">
        <v>22</v>
      </c>
      <c r="W1433" s="10" t="s">
        <v>22</v>
      </c>
      <c r="X1433" s="10" t="s">
        <v>22</v>
      </c>
      <c r="Y1433" s="10" t="s">
        <v>22</v>
      </c>
      <c r="Z1433" s="10" t="s">
        <v>22</v>
      </c>
    </row>
    <row r="1434" spans="1:26" ht="24" customHeight="1" x14ac:dyDescent="0.2">
      <c r="A1434" s="9" t="s">
        <v>18690</v>
      </c>
      <c r="B1434" s="9" t="s">
        <v>14</v>
      </c>
      <c r="C1434" s="9" t="s">
        <v>6835</v>
      </c>
      <c r="D1434" s="6" t="s">
        <v>6836</v>
      </c>
      <c r="E1434" s="22">
        <v>44200</v>
      </c>
      <c r="F1434" s="22">
        <v>46025</v>
      </c>
      <c r="G1434" s="6" t="s">
        <v>6837</v>
      </c>
      <c r="H1434" s="6" t="s">
        <v>3283</v>
      </c>
      <c r="I1434" s="6" t="s">
        <v>3284</v>
      </c>
      <c r="J1434" s="6" t="s">
        <v>6838</v>
      </c>
      <c r="K1434" s="9" t="s">
        <v>6839</v>
      </c>
      <c r="L1434" s="10" t="s">
        <v>22</v>
      </c>
      <c r="M1434" s="10" t="s">
        <v>22</v>
      </c>
      <c r="N1434" s="10" t="s">
        <v>22</v>
      </c>
      <c r="O1434" s="10" t="s">
        <v>22</v>
      </c>
      <c r="P1434" s="10" t="s">
        <v>22</v>
      </c>
      <c r="Q1434" s="10" t="s">
        <v>22</v>
      </c>
      <c r="R1434" s="10" t="s">
        <v>22</v>
      </c>
      <c r="S1434" s="10" t="s">
        <v>22</v>
      </c>
      <c r="T1434" s="10" t="s">
        <v>22</v>
      </c>
      <c r="U1434" s="10" t="s">
        <v>22</v>
      </c>
      <c r="V1434" s="10" t="s">
        <v>22</v>
      </c>
      <c r="W1434" s="10" t="s">
        <v>22</v>
      </c>
      <c r="X1434" s="10" t="s">
        <v>22</v>
      </c>
      <c r="Y1434" s="10" t="s">
        <v>22</v>
      </c>
      <c r="Z1434" s="10" t="s">
        <v>22</v>
      </c>
    </row>
    <row r="1435" spans="1:26" ht="24" customHeight="1" x14ac:dyDescent="0.2">
      <c r="A1435" s="9" t="s">
        <v>18691</v>
      </c>
      <c r="B1435" s="9" t="s">
        <v>14</v>
      </c>
      <c r="C1435" s="9" t="s">
        <v>6840</v>
      </c>
      <c r="D1435" s="6" t="s">
        <v>6841</v>
      </c>
      <c r="E1435" s="22">
        <v>44200</v>
      </c>
      <c r="F1435" s="22">
        <v>46025</v>
      </c>
      <c r="G1435" s="6" t="s">
        <v>6842</v>
      </c>
      <c r="H1435" s="6" t="s">
        <v>62</v>
      </c>
      <c r="I1435" s="6" t="s">
        <v>414</v>
      </c>
      <c r="J1435" s="6" t="s">
        <v>6843</v>
      </c>
      <c r="K1435" s="9" t="s">
        <v>6844</v>
      </c>
      <c r="M1435" s="10" t="s">
        <v>22</v>
      </c>
      <c r="N1435" s="10" t="s">
        <v>22</v>
      </c>
      <c r="V1435" s="10" t="s">
        <v>22</v>
      </c>
      <c r="W1435" s="10" t="s">
        <v>22</v>
      </c>
    </row>
    <row r="1436" spans="1:26" ht="24" customHeight="1" x14ac:dyDescent="0.2">
      <c r="A1436" s="9" t="s">
        <v>18692</v>
      </c>
      <c r="B1436" s="9" t="s">
        <v>14</v>
      </c>
      <c r="C1436" s="9" t="s">
        <v>6845</v>
      </c>
      <c r="D1436" s="6" t="s">
        <v>6846</v>
      </c>
      <c r="E1436" s="22">
        <v>44203</v>
      </c>
      <c r="F1436" s="22">
        <v>46028</v>
      </c>
      <c r="G1436" s="6" t="s">
        <v>6847</v>
      </c>
      <c r="H1436" s="6" t="s">
        <v>202</v>
      </c>
      <c r="I1436" s="6" t="s">
        <v>3050</v>
      </c>
      <c r="J1436" s="6" t="s">
        <v>6848</v>
      </c>
      <c r="K1436" s="9" t="s">
        <v>6849</v>
      </c>
      <c r="L1436" s="10" t="s">
        <v>22</v>
      </c>
      <c r="M1436" s="10" t="s">
        <v>22</v>
      </c>
      <c r="N1436" s="10" t="s">
        <v>22</v>
      </c>
      <c r="O1436" s="10" t="s">
        <v>22</v>
      </c>
      <c r="P1436" s="10" t="s">
        <v>22</v>
      </c>
      <c r="Q1436" s="10" t="s">
        <v>22</v>
      </c>
      <c r="R1436" s="10" t="s">
        <v>22</v>
      </c>
      <c r="S1436" s="10" t="s">
        <v>22</v>
      </c>
      <c r="T1436" s="10" t="s">
        <v>22</v>
      </c>
      <c r="U1436" s="10" t="s">
        <v>22</v>
      </c>
      <c r="V1436" s="10" t="s">
        <v>22</v>
      </c>
      <c r="W1436" s="10" t="s">
        <v>22</v>
      </c>
      <c r="X1436" s="10" t="s">
        <v>22</v>
      </c>
      <c r="Y1436" s="10" t="s">
        <v>22</v>
      </c>
      <c r="Z1436" s="10" t="s">
        <v>22</v>
      </c>
    </row>
    <row r="1437" spans="1:26" ht="24" customHeight="1" x14ac:dyDescent="0.2">
      <c r="A1437" s="9" t="s">
        <v>18693</v>
      </c>
      <c r="B1437" s="9" t="s">
        <v>14</v>
      </c>
      <c r="C1437" s="9" t="s">
        <v>6850</v>
      </c>
      <c r="D1437" s="6" t="s">
        <v>6851</v>
      </c>
      <c r="E1437" s="22">
        <v>44203</v>
      </c>
      <c r="F1437" s="22">
        <v>46028</v>
      </c>
      <c r="G1437" s="6" t="s">
        <v>6852</v>
      </c>
      <c r="H1437" s="6" t="s">
        <v>202</v>
      </c>
      <c r="I1437" s="6" t="s">
        <v>3050</v>
      </c>
      <c r="J1437" s="6" t="s">
        <v>6853</v>
      </c>
      <c r="K1437" s="9" t="s">
        <v>6854</v>
      </c>
      <c r="L1437" s="10" t="s">
        <v>22</v>
      </c>
      <c r="M1437" s="10" t="s">
        <v>22</v>
      </c>
      <c r="N1437" s="10" t="s">
        <v>22</v>
      </c>
      <c r="O1437" s="10" t="s">
        <v>22</v>
      </c>
      <c r="P1437" s="10" t="s">
        <v>22</v>
      </c>
      <c r="Q1437" s="10" t="s">
        <v>22</v>
      </c>
      <c r="U1437" s="10" t="s">
        <v>22</v>
      </c>
      <c r="V1437" s="10" t="s">
        <v>22</v>
      </c>
      <c r="W1437" s="10" t="s">
        <v>22</v>
      </c>
      <c r="X1437" s="10" t="s">
        <v>22</v>
      </c>
      <c r="Y1437" s="10" t="s">
        <v>22</v>
      </c>
      <c r="Z1437" s="10" t="s">
        <v>22</v>
      </c>
    </row>
    <row r="1438" spans="1:26" ht="24" customHeight="1" x14ac:dyDescent="0.2">
      <c r="A1438" s="9" t="s">
        <v>18694</v>
      </c>
      <c r="B1438" s="9" t="s">
        <v>14</v>
      </c>
      <c r="C1438" s="9" t="s">
        <v>6855</v>
      </c>
      <c r="D1438" s="6" t="s">
        <v>4318</v>
      </c>
      <c r="E1438" s="22">
        <v>44203</v>
      </c>
      <c r="F1438" s="22">
        <v>46028</v>
      </c>
      <c r="G1438" s="6" t="s">
        <v>4319</v>
      </c>
      <c r="H1438" s="6" t="s">
        <v>363</v>
      </c>
      <c r="I1438" s="6" t="s">
        <v>597</v>
      </c>
      <c r="J1438" s="6" t="s">
        <v>6856</v>
      </c>
      <c r="K1438" s="9" t="s">
        <v>6857</v>
      </c>
      <c r="L1438" s="10" t="s">
        <v>22</v>
      </c>
      <c r="M1438" s="10" t="s">
        <v>22</v>
      </c>
      <c r="N1438" s="10" t="s">
        <v>22</v>
      </c>
      <c r="O1438" s="10" t="s">
        <v>22</v>
      </c>
      <c r="P1438" s="10" t="s">
        <v>22</v>
      </c>
      <c r="Q1438" s="10" t="s">
        <v>22</v>
      </c>
      <c r="R1438" s="10" t="s">
        <v>22</v>
      </c>
      <c r="S1438" s="10" t="s">
        <v>22</v>
      </c>
      <c r="T1438" s="10" t="s">
        <v>22</v>
      </c>
      <c r="U1438" s="10" t="s">
        <v>22</v>
      </c>
      <c r="V1438" s="10" t="s">
        <v>22</v>
      </c>
      <c r="W1438" s="10" t="s">
        <v>22</v>
      </c>
      <c r="X1438" s="10" t="s">
        <v>22</v>
      </c>
      <c r="Y1438" s="10" t="s">
        <v>22</v>
      </c>
      <c r="Z1438" s="10" t="s">
        <v>22</v>
      </c>
    </row>
    <row r="1439" spans="1:26" ht="24" customHeight="1" x14ac:dyDescent="0.2">
      <c r="A1439" s="9" t="s">
        <v>18695</v>
      </c>
      <c r="B1439" s="9" t="s">
        <v>14</v>
      </c>
      <c r="C1439" s="9" t="s">
        <v>6858</v>
      </c>
      <c r="D1439" s="6" t="s">
        <v>6859</v>
      </c>
      <c r="E1439" s="22">
        <v>44203</v>
      </c>
      <c r="F1439" s="22">
        <v>46028</v>
      </c>
      <c r="G1439" s="6" t="s">
        <v>6860</v>
      </c>
      <c r="H1439" s="6" t="s">
        <v>62</v>
      </c>
      <c r="I1439" s="6" t="s">
        <v>186</v>
      </c>
      <c r="J1439" s="6" t="s">
        <v>6861</v>
      </c>
      <c r="K1439" s="9" t="s">
        <v>6862</v>
      </c>
      <c r="L1439" s="10" t="s">
        <v>22</v>
      </c>
      <c r="M1439" s="10" t="s">
        <v>22</v>
      </c>
      <c r="N1439" s="10" t="s">
        <v>22</v>
      </c>
      <c r="O1439" s="10" t="s">
        <v>22</v>
      </c>
      <c r="P1439" s="10" t="s">
        <v>22</v>
      </c>
      <c r="Q1439" s="10" t="s">
        <v>22</v>
      </c>
      <c r="R1439" s="10" t="s">
        <v>22</v>
      </c>
      <c r="S1439" s="10" t="s">
        <v>22</v>
      </c>
      <c r="T1439" s="10" t="s">
        <v>22</v>
      </c>
      <c r="U1439" s="10" t="s">
        <v>22</v>
      </c>
      <c r="V1439" s="10" t="s">
        <v>22</v>
      </c>
      <c r="W1439" s="10" t="s">
        <v>22</v>
      </c>
      <c r="X1439" s="10" t="s">
        <v>22</v>
      </c>
      <c r="Y1439" s="10" t="s">
        <v>22</v>
      </c>
      <c r="Z1439" s="10" t="s">
        <v>22</v>
      </c>
    </row>
    <row r="1440" spans="1:26" ht="24" customHeight="1" x14ac:dyDescent="0.2">
      <c r="A1440" s="9" t="s">
        <v>18696</v>
      </c>
      <c r="B1440" s="9" t="s">
        <v>14</v>
      </c>
      <c r="C1440" s="9" t="s">
        <v>6863</v>
      </c>
      <c r="D1440" s="6" t="s">
        <v>6864</v>
      </c>
      <c r="E1440" s="22">
        <v>44209</v>
      </c>
      <c r="F1440" s="22">
        <v>46034</v>
      </c>
      <c r="G1440" s="6" t="s">
        <v>6865</v>
      </c>
      <c r="H1440" s="6" t="s">
        <v>202</v>
      </c>
      <c r="I1440" s="6" t="s">
        <v>203</v>
      </c>
      <c r="J1440" s="6" t="s">
        <v>6866</v>
      </c>
      <c r="K1440" s="9" t="s">
        <v>6867</v>
      </c>
      <c r="L1440" s="10" t="s">
        <v>22</v>
      </c>
      <c r="M1440" s="10" t="s">
        <v>22</v>
      </c>
      <c r="N1440" s="10" t="s">
        <v>22</v>
      </c>
      <c r="O1440" s="10" t="s">
        <v>22</v>
      </c>
      <c r="P1440" s="10" t="s">
        <v>22</v>
      </c>
      <c r="Q1440" s="10" t="s">
        <v>22</v>
      </c>
      <c r="U1440" s="10" t="s">
        <v>22</v>
      </c>
      <c r="V1440" s="10" t="s">
        <v>22</v>
      </c>
      <c r="W1440" s="10" t="s">
        <v>22</v>
      </c>
      <c r="X1440" s="10" t="s">
        <v>22</v>
      </c>
      <c r="Y1440" s="10" t="s">
        <v>22</v>
      </c>
      <c r="Z1440" s="10" t="s">
        <v>22</v>
      </c>
    </row>
    <row r="1441" spans="1:26" ht="24" customHeight="1" x14ac:dyDescent="0.2">
      <c r="A1441" s="9" t="s">
        <v>18697</v>
      </c>
      <c r="B1441" s="9" t="s">
        <v>14</v>
      </c>
      <c r="C1441" s="9" t="s">
        <v>6868</v>
      </c>
      <c r="D1441" s="6" t="s">
        <v>6869</v>
      </c>
      <c r="E1441" s="22">
        <v>44209</v>
      </c>
      <c r="F1441" s="22">
        <v>46034</v>
      </c>
      <c r="G1441" s="6" t="s">
        <v>6870</v>
      </c>
      <c r="H1441" s="6" t="s">
        <v>62</v>
      </c>
      <c r="I1441" s="6" t="s">
        <v>73</v>
      </c>
      <c r="J1441" s="6" t="s">
        <v>6871</v>
      </c>
      <c r="K1441" s="9" t="s">
        <v>6872</v>
      </c>
      <c r="L1441" s="10" t="s">
        <v>22</v>
      </c>
      <c r="M1441" s="10" t="s">
        <v>22</v>
      </c>
      <c r="N1441" s="10" t="s">
        <v>22</v>
      </c>
      <c r="R1441" s="10" t="s">
        <v>22</v>
      </c>
      <c r="S1441" s="10" t="s">
        <v>22</v>
      </c>
      <c r="T1441" s="10" t="s">
        <v>22</v>
      </c>
      <c r="U1441" s="10" t="s">
        <v>22</v>
      </c>
      <c r="V1441" s="10" t="s">
        <v>22</v>
      </c>
      <c r="W1441" s="10" t="s">
        <v>22</v>
      </c>
    </row>
    <row r="1442" spans="1:26" ht="24" customHeight="1" x14ac:dyDescent="0.2">
      <c r="A1442" s="9" t="s">
        <v>18698</v>
      </c>
      <c r="B1442" s="9" t="s">
        <v>14</v>
      </c>
      <c r="C1442" s="9" t="s">
        <v>6873</v>
      </c>
      <c r="D1442" s="6" t="s">
        <v>6874</v>
      </c>
      <c r="E1442" s="22">
        <v>44215</v>
      </c>
      <c r="F1442" s="22">
        <v>46040</v>
      </c>
      <c r="G1442" s="6" t="s">
        <v>6875</v>
      </c>
      <c r="H1442" s="6" t="s">
        <v>62</v>
      </c>
      <c r="I1442" s="6" t="s">
        <v>290</v>
      </c>
      <c r="J1442" s="6" t="s">
        <v>6876</v>
      </c>
      <c r="L1442" s="10" t="s">
        <v>22</v>
      </c>
      <c r="M1442" s="10" t="s">
        <v>22</v>
      </c>
      <c r="N1442" s="10" t="s">
        <v>22</v>
      </c>
      <c r="O1442" s="10" t="s">
        <v>22</v>
      </c>
      <c r="P1442" s="10" t="s">
        <v>22</v>
      </c>
      <c r="Q1442" s="10" t="s">
        <v>22</v>
      </c>
      <c r="R1442" s="10" t="s">
        <v>22</v>
      </c>
      <c r="S1442" s="10" t="s">
        <v>22</v>
      </c>
      <c r="T1442" s="10" t="s">
        <v>22</v>
      </c>
      <c r="U1442" s="10" t="s">
        <v>22</v>
      </c>
      <c r="V1442" s="10" t="s">
        <v>22</v>
      </c>
      <c r="W1442" s="10" t="s">
        <v>22</v>
      </c>
      <c r="X1442" s="10" t="s">
        <v>22</v>
      </c>
      <c r="Y1442" s="10" t="s">
        <v>22</v>
      </c>
      <c r="Z1442" s="10" t="s">
        <v>22</v>
      </c>
    </row>
    <row r="1443" spans="1:26" ht="24" customHeight="1" x14ac:dyDescent="0.2">
      <c r="A1443" s="9" t="s">
        <v>18699</v>
      </c>
      <c r="B1443" s="9" t="s">
        <v>14</v>
      </c>
      <c r="C1443" s="9" t="s">
        <v>6877</v>
      </c>
      <c r="D1443" s="6" t="s">
        <v>6878</v>
      </c>
      <c r="E1443" s="22">
        <v>44215</v>
      </c>
      <c r="F1443" s="22">
        <v>46040</v>
      </c>
      <c r="G1443" s="6" t="s">
        <v>6879</v>
      </c>
      <c r="H1443" s="6" t="s">
        <v>18</v>
      </c>
      <c r="I1443" s="6" t="s">
        <v>19</v>
      </c>
      <c r="J1443" s="6" t="s">
        <v>6880</v>
      </c>
      <c r="K1443" s="9" t="s">
        <v>6881</v>
      </c>
      <c r="L1443" s="10" t="s">
        <v>22</v>
      </c>
      <c r="M1443" s="10" t="s">
        <v>22</v>
      </c>
      <c r="N1443" s="10" t="s">
        <v>22</v>
      </c>
      <c r="O1443" s="10" t="s">
        <v>22</v>
      </c>
      <c r="P1443" s="10" t="s">
        <v>22</v>
      </c>
      <c r="Q1443" s="10" t="s">
        <v>22</v>
      </c>
      <c r="R1443" s="10" t="s">
        <v>22</v>
      </c>
      <c r="S1443" s="10" t="s">
        <v>22</v>
      </c>
      <c r="T1443" s="10" t="s">
        <v>22</v>
      </c>
      <c r="U1443" s="10" t="s">
        <v>22</v>
      </c>
      <c r="V1443" s="10" t="s">
        <v>22</v>
      </c>
      <c r="W1443" s="10" t="s">
        <v>22</v>
      </c>
      <c r="X1443" s="10" t="s">
        <v>22</v>
      </c>
      <c r="Y1443" s="10" t="s">
        <v>22</v>
      </c>
      <c r="Z1443" s="10" t="s">
        <v>22</v>
      </c>
    </row>
    <row r="1444" spans="1:26" ht="24" customHeight="1" x14ac:dyDescent="0.2">
      <c r="A1444" s="9" t="s">
        <v>18700</v>
      </c>
      <c r="B1444" s="9" t="s">
        <v>14</v>
      </c>
      <c r="C1444" s="9" t="s">
        <v>6882</v>
      </c>
      <c r="D1444" s="6" t="s">
        <v>6883</v>
      </c>
      <c r="E1444" s="22">
        <v>44217</v>
      </c>
      <c r="F1444" s="22">
        <v>46042</v>
      </c>
      <c r="G1444" s="6" t="s">
        <v>6884</v>
      </c>
      <c r="H1444" s="6" t="s">
        <v>229</v>
      </c>
      <c r="I1444" s="6" t="s">
        <v>825</v>
      </c>
      <c r="J1444" s="6" t="s">
        <v>6885</v>
      </c>
      <c r="K1444" s="9" t="s">
        <v>6886</v>
      </c>
      <c r="L1444" s="10" t="s">
        <v>22</v>
      </c>
      <c r="M1444" s="10" t="s">
        <v>22</v>
      </c>
      <c r="N1444" s="10" t="s">
        <v>22</v>
      </c>
      <c r="O1444" s="10" t="s">
        <v>22</v>
      </c>
      <c r="P1444" s="10" t="s">
        <v>22</v>
      </c>
      <c r="Q1444" s="10" t="s">
        <v>22</v>
      </c>
      <c r="U1444" s="10" t="s">
        <v>22</v>
      </c>
      <c r="V1444" s="10" t="s">
        <v>22</v>
      </c>
      <c r="W1444" s="10" t="s">
        <v>22</v>
      </c>
      <c r="X1444" s="10" t="s">
        <v>22</v>
      </c>
      <c r="Y1444" s="10" t="s">
        <v>22</v>
      </c>
      <c r="Z1444" s="10" t="s">
        <v>22</v>
      </c>
    </row>
    <row r="1445" spans="1:26" ht="24" customHeight="1" x14ac:dyDescent="0.2">
      <c r="A1445" s="9" t="s">
        <v>18701</v>
      </c>
      <c r="B1445" s="9" t="s">
        <v>14</v>
      </c>
      <c r="C1445" s="9" t="s">
        <v>6887</v>
      </c>
      <c r="D1445" s="6" t="s">
        <v>6888</v>
      </c>
      <c r="E1445" s="22">
        <v>44217</v>
      </c>
      <c r="F1445" s="22">
        <v>46042</v>
      </c>
      <c r="G1445" s="6" t="s">
        <v>6889</v>
      </c>
      <c r="H1445" s="6" t="s">
        <v>18</v>
      </c>
      <c r="I1445" s="6" t="s">
        <v>26</v>
      </c>
      <c r="J1445" s="6" t="s">
        <v>6890</v>
      </c>
      <c r="K1445" s="9" t="s">
        <v>6891</v>
      </c>
      <c r="M1445" s="10" t="s">
        <v>22</v>
      </c>
      <c r="N1445" s="10" t="s">
        <v>22</v>
      </c>
      <c r="P1445" s="10" t="s">
        <v>22</v>
      </c>
      <c r="Q1445" s="10" t="s">
        <v>22</v>
      </c>
      <c r="S1445" s="10" t="s">
        <v>22</v>
      </c>
      <c r="T1445" s="10" t="s">
        <v>22</v>
      </c>
      <c r="V1445" s="10" t="s">
        <v>22</v>
      </c>
      <c r="W1445" s="10" t="s">
        <v>22</v>
      </c>
      <c r="Y1445" s="10" t="s">
        <v>22</v>
      </c>
      <c r="Z1445" s="10" t="s">
        <v>22</v>
      </c>
    </row>
    <row r="1446" spans="1:26" ht="24" customHeight="1" x14ac:dyDescent="0.2">
      <c r="A1446" s="9" t="s">
        <v>18702</v>
      </c>
      <c r="B1446" s="9" t="s">
        <v>14</v>
      </c>
      <c r="C1446" s="9" t="s">
        <v>6892</v>
      </c>
      <c r="D1446" s="6" t="s">
        <v>6893</v>
      </c>
      <c r="E1446" s="22">
        <v>44224</v>
      </c>
      <c r="F1446" s="22">
        <v>46049</v>
      </c>
      <c r="G1446" s="6" t="s">
        <v>6894</v>
      </c>
      <c r="H1446" s="6" t="s">
        <v>202</v>
      </c>
      <c r="I1446" s="6" t="s">
        <v>863</v>
      </c>
      <c r="J1446" s="6" t="s">
        <v>6895</v>
      </c>
      <c r="K1446" s="9" t="s">
        <v>6896</v>
      </c>
      <c r="L1446" s="10" t="s">
        <v>22</v>
      </c>
      <c r="M1446" s="10" t="s">
        <v>22</v>
      </c>
      <c r="N1446" s="10" t="s">
        <v>22</v>
      </c>
      <c r="O1446" s="10" t="s">
        <v>22</v>
      </c>
      <c r="P1446" s="10" t="s">
        <v>22</v>
      </c>
      <c r="Q1446" s="10" t="s">
        <v>22</v>
      </c>
      <c r="R1446" s="10" t="s">
        <v>22</v>
      </c>
      <c r="S1446" s="10" t="s">
        <v>22</v>
      </c>
      <c r="T1446" s="10" t="s">
        <v>22</v>
      </c>
      <c r="U1446" s="10" t="s">
        <v>22</v>
      </c>
      <c r="V1446" s="10" t="s">
        <v>22</v>
      </c>
      <c r="W1446" s="10" t="s">
        <v>22</v>
      </c>
      <c r="X1446" s="10" t="s">
        <v>22</v>
      </c>
      <c r="Y1446" s="10" t="s">
        <v>22</v>
      </c>
      <c r="Z1446" s="10" t="s">
        <v>22</v>
      </c>
    </row>
    <row r="1447" spans="1:26" ht="24" customHeight="1" x14ac:dyDescent="0.2">
      <c r="A1447" s="9" t="s">
        <v>18703</v>
      </c>
      <c r="B1447" s="9" t="s">
        <v>14</v>
      </c>
      <c r="C1447" s="9" t="s">
        <v>6897</v>
      </c>
      <c r="D1447" s="6" t="s">
        <v>6898</v>
      </c>
      <c r="E1447" s="22">
        <v>44224</v>
      </c>
      <c r="F1447" s="22">
        <v>46049</v>
      </c>
      <c r="G1447" s="6" t="s">
        <v>6899</v>
      </c>
      <c r="H1447" s="6" t="s">
        <v>62</v>
      </c>
      <c r="I1447" s="6" t="s">
        <v>591</v>
      </c>
      <c r="J1447" s="6" t="s">
        <v>6900</v>
      </c>
      <c r="K1447" s="9" t="s">
        <v>6901</v>
      </c>
      <c r="L1447" s="10" t="s">
        <v>22</v>
      </c>
      <c r="M1447" s="10" t="s">
        <v>22</v>
      </c>
      <c r="N1447" s="10" t="s">
        <v>22</v>
      </c>
      <c r="O1447" s="10" t="s">
        <v>22</v>
      </c>
      <c r="P1447" s="10" t="s">
        <v>22</v>
      </c>
      <c r="Q1447" s="10" t="s">
        <v>22</v>
      </c>
      <c r="R1447" s="10" t="s">
        <v>22</v>
      </c>
      <c r="S1447" s="10" t="s">
        <v>22</v>
      </c>
      <c r="T1447" s="10" t="s">
        <v>22</v>
      </c>
      <c r="V1447" s="10" t="s">
        <v>22</v>
      </c>
      <c r="W1447" s="10" t="s">
        <v>22</v>
      </c>
      <c r="Y1447" s="10" t="s">
        <v>22</v>
      </c>
      <c r="Z1447" s="10" t="s">
        <v>22</v>
      </c>
    </row>
    <row r="1448" spans="1:26" ht="24" customHeight="1" x14ac:dyDescent="0.2">
      <c r="A1448" s="9" t="s">
        <v>18704</v>
      </c>
      <c r="B1448" s="9" t="s">
        <v>14</v>
      </c>
      <c r="C1448" s="9" t="s">
        <v>6902</v>
      </c>
      <c r="D1448" s="6" t="s">
        <v>6903</v>
      </c>
      <c r="E1448" s="22">
        <v>44230</v>
      </c>
      <c r="F1448" s="22">
        <v>46055</v>
      </c>
      <c r="G1448" s="6" t="s">
        <v>6904</v>
      </c>
      <c r="H1448" s="6" t="s">
        <v>62</v>
      </c>
      <c r="I1448" s="6" t="s">
        <v>435</v>
      </c>
      <c r="J1448" s="6" t="s">
        <v>6905</v>
      </c>
      <c r="K1448" s="9" t="s">
        <v>6906</v>
      </c>
      <c r="L1448" s="10" t="s">
        <v>22</v>
      </c>
      <c r="M1448" s="10" t="s">
        <v>22</v>
      </c>
      <c r="N1448" s="10" t="s">
        <v>22</v>
      </c>
      <c r="O1448" s="10" t="s">
        <v>22</v>
      </c>
      <c r="P1448" s="10" t="s">
        <v>22</v>
      </c>
      <c r="Q1448" s="10" t="s">
        <v>22</v>
      </c>
      <c r="R1448" s="10" t="s">
        <v>22</v>
      </c>
      <c r="S1448" s="10" t="s">
        <v>22</v>
      </c>
      <c r="T1448" s="10" t="s">
        <v>22</v>
      </c>
      <c r="U1448" s="10" t="s">
        <v>22</v>
      </c>
      <c r="V1448" s="10" t="s">
        <v>22</v>
      </c>
      <c r="W1448" s="10" t="s">
        <v>22</v>
      </c>
      <c r="X1448" s="10" t="s">
        <v>22</v>
      </c>
      <c r="Y1448" s="10" t="s">
        <v>22</v>
      </c>
      <c r="Z1448" s="10" t="s">
        <v>22</v>
      </c>
    </row>
    <row r="1449" spans="1:26" ht="24" customHeight="1" x14ac:dyDescent="0.2">
      <c r="A1449" s="9" t="s">
        <v>18705</v>
      </c>
      <c r="B1449" s="9" t="s">
        <v>14</v>
      </c>
      <c r="C1449" s="9" t="s">
        <v>6907</v>
      </c>
      <c r="D1449" s="6" t="s">
        <v>6908</v>
      </c>
      <c r="E1449" s="22">
        <v>44230</v>
      </c>
      <c r="F1449" s="22">
        <v>46055</v>
      </c>
      <c r="G1449" s="6" t="s">
        <v>6909</v>
      </c>
      <c r="H1449" s="6" t="s">
        <v>62</v>
      </c>
      <c r="I1449" s="6" t="s">
        <v>318</v>
      </c>
      <c r="J1449" s="6" t="s">
        <v>6910</v>
      </c>
      <c r="K1449" s="9" t="s">
        <v>6911</v>
      </c>
      <c r="L1449" s="10" t="s">
        <v>22</v>
      </c>
      <c r="M1449" s="10" t="s">
        <v>22</v>
      </c>
      <c r="N1449" s="10" t="s">
        <v>22</v>
      </c>
      <c r="R1449" s="10" t="s">
        <v>22</v>
      </c>
      <c r="S1449" s="10" t="s">
        <v>22</v>
      </c>
      <c r="T1449" s="10" t="s">
        <v>22</v>
      </c>
      <c r="U1449" s="10" t="s">
        <v>22</v>
      </c>
      <c r="V1449" s="10" t="s">
        <v>22</v>
      </c>
      <c r="W1449" s="10" t="s">
        <v>22</v>
      </c>
    </row>
    <row r="1450" spans="1:26" ht="24" customHeight="1" x14ac:dyDescent="0.2">
      <c r="A1450" s="9" t="s">
        <v>18706</v>
      </c>
      <c r="B1450" s="9" t="s">
        <v>14</v>
      </c>
      <c r="C1450" s="9" t="s">
        <v>6912</v>
      </c>
      <c r="D1450" s="6" t="s">
        <v>6913</v>
      </c>
      <c r="E1450" s="22">
        <v>44230</v>
      </c>
      <c r="F1450" s="22">
        <v>46055</v>
      </c>
      <c r="G1450" s="6" t="s">
        <v>6914</v>
      </c>
      <c r="H1450" s="6" t="s">
        <v>3401</v>
      </c>
      <c r="I1450" s="6" t="s">
        <v>6915</v>
      </c>
      <c r="J1450" s="6" t="s">
        <v>6916</v>
      </c>
      <c r="K1450" s="9" t="s">
        <v>6917</v>
      </c>
      <c r="L1450" s="10" t="s">
        <v>22</v>
      </c>
      <c r="M1450" s="10" t="s">
        <v>22</v>
      </c>
      <c r="N1450" s="10" t="s">
        <v>22</v>
      </c>
      <c r="O1450" s="10" t="s">
        <v>22</v>
      </c>
      <c r="P1450" s="10" t="s">
        <v>22</v>
      </c>
      <c r="Q1450" s="10" t="s">
        <v>22</v>
      </c>
      <c r="R1450" s="10" t="s">
        <v>22</v>
      </c>
      <c r="S1450" s="10" t="s">
        <v>22</v>
      </c>
      <c r="T1450" s="10" t="s">
        <v>22</v>
      </c>
      <c r="U1450" s="10" t="s">
        <v>22</v>
      </c>
      <c r="V1450" s="10" t="s">
        <v>22</v>
      </c>
      <c r="W1450" s="10" t="s">
        <v>22</v>
      </c>
      <c r="X1450" s="10" t="s">
        <v>22</v>
      </c>
      <c r="Y1450" s="10" t="s">
        <v>22</v>
      </c>
      <c r="Z1450" s="10" t="s">
        <v>22</v>
      </c>
    </row>
    <row r="1451" spans="1:26" ht="24" customHeight="1" x14ac:dyDescent="0.2">
      <c r="A1451" s="9" t="s">
        <v>18707</v>
      </c>
      <c r="B1451" s="9" t="s">
        <v>14</v>
      </c>
      <c r="C1451" s="9" t="s">
        <v>6918</v>
      </c>
      <c r="D1451" s="6" t="s">
        <v>6919</v>
      </c>
      <c r="E1451" s="22">
        <v>44230</v>
      </c>
      <c r="F1451" s="22">
        <v>46055</v>
      </c>
      <c r="G1451" s="6" t="s">
        <v>6920</v>
      </c>
      <c r="H1451" s="6" t="s">
        <v>62</v>
      </c>
      <c r="I1451" s="6" t="s">
        <v>352</v>
      </c>
      <c r="J1451" s="6" t="s">
        <v>6921</v>
      </c>
      <c r="K1451" s="9" t="s">
        <v>6922</v>
      </c>
      <c r="L1451" s="10" t="s">
        <v>22</v>
      </c>
      <c r="M1451" s="10" t="s">
        <v>22</v>
      </c>
      <c r="N1451" s="10" t="s">
        <v>22</v>
      </c>
      <c r="O1451" s="10" t="s">
        <v>22</v>
      </c>
      <c r="P1451" s="10" t="s">
        <v>22</v>
      </c>
      <c r="Q1451" s="10" t="s">
        <v>22</v>
      </c>
      <c r="R1451" s="10" t="s">
        <v>22</v>
      </c>
      <c r="S1451" s="10" t="s">
        <v>22</v>
      </c>
      <c r="T1451" s="10" t="s">
        <v>22</v>
      </c>
      <c r="U1451" s="10" t="s">
        <v>22</v>
      </c>
      <c r="V1451" s="10" t="s">
        <v>22</v>
      </c>
      <c r="W1451" s="10" t="s">
        <v>22</v>
      </c>
      <c r="X1451" s="10" t="s">
        <v>22</v>
      </c>
      <c r="Y1451" s="10" t="s">
        <v>22</v>
      </c>
      <c r="Z1451" s="10" t="s">
        <v>22</v>
      </c>
    </row>
    <row r="1452" spans="1:26" ht="24" customHeight="1" x14ac:dyDescent="0.2">
      <c r="A1452" s="9" t="s">
        <v>18708</v>
      </c>
      <c r="B1452" s="9" t="s">
        <v>14</v>
      </c>
      <c r="C1452" s="9" t="s">
        <v>6923</v>
      </c>
      <c r="D1452" s="6" t="s">
        <v>6924</v>
      </c>
      <c r="E1452" s="22">
        <v>44237</v>
      </c>
      <c r="F1452" s="22">
        <v>46062</v>
      </c>
      <c r="G1452" s="6" t="s">
        <v>6925</v>
      </c>
      <c r="H1452" s="6" t="s">
        <v>62</v>
      </c>
      <c r="I1452" s="6" t="s">
        <v>1186</v>
      </c>
      <c r="J1452" s="6" t="s">
        <v>6926</v>
      </c>
      <c r="K1452" s="9" t="s">
        <v>6927</v>
      </c>
      <c r="L1452" s="10" t="s">
        <v>22</v>
      </c>
      <c r="M1452" s="10" t="s">
        <v>22</v>
      </c>
      <c r="N1452" s="10" t="s">
        <v>22</v>
      </c>
      <c r="O1452" s="10" t="s">
        <v>22</v>
      </c>
      <c r="P1452" s="10" t="s">
        <v>22</v>
      </c>
      <c r="Q1452" s="10" t="s">
        <v>22</v>
      </c>
      <c r="R1452" s="10" t="s">
        <v>22</v>
      </c>
      <c r="S1452" s="10" t="s">
        <v>22</v>
      </c>
      <c r="T1452" s="10" t="s">
        <v>22</v>
      </c>
      <c r="U1452" s="10" t="s">
        <v>22</v>
      </c>
      <c r="V1452" s="10" t="s">
        <v>22</v>
      </c>
      <c r="W1452" s="10" t="s">
        <v>22</v>
      </c>
      <c r="X1452" s="10" t="s">
        <v>22</v>
      </c>
      <c r="Y1452" s="10" t="s">
        <v>22</v>
      </c>
      <c r="Z1452" s="10" t="s">
        <v>22</v>
      </c>
    </row>
    <row r="1453" spans="1:26" ht="24" customHeight="1" x14ac:dyDescent="0.2">
      <c r="A1453" s="9" t="s">
        <v>18709</v>
      </c>
      <c r="B1453" s="9" t="s">
        <v>14</v>
      </c>
      <c r="C1453" s="9" t="s">
        <v>6928</v>
      </c>
      <c r="D1453" s="6" t="s">
        <v>2090</v>
      </c>
      <c r="E1453" s="22">
        <v>44237</v>
      </c>
      <c r="F1453" s="22">
        <v>46062</v>
      </c>
      <c r="G1453" s="6" t="s">
        <v>2091</v>
      </c>
      <c r="H1453" s="6" t="s">
        <v>18</v>
      </c>
      <c r="I1453" s="6" t="s">
        <v>19</v>
      </c>
      <c r="J1453" s="6" t="s">
        <v>6929</v>
      </c>
      <c r="K1453" s="9" t="s">
        <v>6930</v>
      </c>
      <c r="L1453" s="10" t="s">
        <v>22</v>
      </c>
      <c r="M1453" s="10" t="s">
        <v>22</v>
      </c>
      <c r="N1453" s="10" t="s">
        <v>22</v>
      </c>
      <c r="O1453" s="10" t="s">
        <v>22</v>
      </c>
      <c r="P1453" s="10" t="s">
        <v>22</v>
      </c>
      <c r="Q1453" s="10" t="s">
        <v>22</v>
      </c>
      <c r="R1453" s="10" t="s">
        <v>22</v>
      </c>
      <c r="S1453" s="10" t="s">
        <v>22</v>
      </c>
      <c r="T1453" s="10" t="s">
        <v>22</v>
      </c>
      <c r="U1453" s="10" t="s">
        <v>22</v>
      </c>
      <c r="V1453" s="10" t="s">
        <v>22</v>
      </c>
      <c r="W1453" s="10" t="s">
        <v>22</v>
      </c>
      <c r="X1453" s="10" t="s">
        <v>22</v>
      </c>
      <c r="Y1453" s="10" t="s">
        <v>22</v>
      </c>
      <c r="Z1453" s="10" t="s">
        <v>22</v>
      </c>
    </row>
    <row r="1454" spans="1:26" ht="24" customHeight="1" x14ac:dyDescent="0.2">
      <c r="A1454" s="9" t="s">
        <v>18710</v>
      </c>
      <c r="B1454" s="9" t="s">
        <v>14</v>
      </c>
      <c r="C1454" s="9" t="s">
        <v>6931</v>
      </c>
      <c r="D1454" s="6" t="s">
        <v>6932</v>
      </c>
      <c r="E1454" s="22">
        <v>44237</v>
      </c>
      <c r="F1454" s="22">
        <v>46062</v>
      </c>
      <c r="G1454" s="6" t="s">
        <v>6933</v>
      </c>
      <c r="H1454" s="6" t="s">
        <v>62</v>
      </c>
      <c r="I1454" s="6" t="s">
        <v>1816</v>
      </c>
      <c r="J1454" s="6" t="s">
        <v>6934</v>
      </c>
      <c r="K1454" s="9" t="s">
        <v>6935</v>
      </c>
      <c r="L1454" s="10" t="s">
        <v>22</v>
      </c>
      <c r="M1454" s="10" t="s">
        <v>22</v>
      </c>
      <c r="N1454" s="10" t="s">
        <v>22</v>
      </c>
      <c r="O1454" s="10" t="s">
        <v>22</v>
      </c>
      <c r="P1454" s="10" t="s">
        <v>22</v>
      </c>
      <c r="Q1454" s="10" t="s">
        <v>22</v>
      </c>
      <c r="R1454" s="10" t="s">
        <v>22</v>
      </c>
      <c r="S1454" s="10" t="s">
        <v>22</v>
      </c>
      <c r="T1454" s="10" t="s">
        <v>22</v>
      </c>
      <c r="U1454" s="10" t="s">
        <v>22</v>
      </c>
      <c r="V1454" s="10" t="s">
        <v>22</v>
      </c>
      <c r="W1454" s="10" t="s">
        <v>22</v>
      </c>
      <c r="X1454" s="10" t="s">
        <v>22</v>
      </c>
      <c r="Y1454" s="10" t="s">
        <v>22</v>
      </c>
      <c r="Z1454" s="10" t="s">
        <v>22</v>
      </c>
    </row>
    <row r="1455" spans="1:26" ht="24" customHeight="1" x14ac:dyDescent="0.2">
      <c r="A1455" s="9" t="s">
        <v>18711</v>
      </c>
      <c r="B1455" s="9" t="s">
        <v>14</v>
      </c>
      <c r="C1455" s="9" t="s">
        <v>6936</v>
      </c>
      <c r="D1455" s="6" t="s">
        <v>6937</v>
      </c>
      <c r="E1455" s="22">
        <v>44237</v>
      </c>
      <c r="F1455" s="22">
        <v>46062</v>
      </c>
      <c r="G1455" s="6" t="s">
        <v>6938</v>
      </c>
      <c r="H1455" s="6" t="s">
        <v>62</v>
      </c>
      <c r="I1455" s="6" t="s">
        <v>306</v>
      </c>
      <c r="J1455" s="6" t="s">
        <v>6939</v>
      </c>
      <c r="K1455" s="9" t="s">
        <v>6940</v>
      </c>
      <c r="L1455" s="10" t="s">
        <v>22</v>
      </c>
      <c r="M1455" s="10" t="s">
        <v>22</v>
      </c>
      <c r="N1455" s="10" t="s">
        <v>22</v>
      </c>
      <c r="O1455" s="10" t="s">
        <v>22</v>
      </c>
      <c r="P1455" s="10" t="s">
        <v>22</v>
      </c>
      <c r="Q1455" s="10" t="s">
        <v>22</v>
      </c>
      <c r="R1455" s="10" t="s">
        <v>22</v>
      </c>
      <c r="S1455" s="10" t="s">
        <v>22</v>
      </c>
      <c r="T1455" s="10" t="s">
        <v>22</v>
      </c>
      <c r="U1455" s="10" t="s">
        <v>22</v>
      </c>
      <c r="V1455" s="10" t="s">
        <v>22</v>
      </c>
      <c r="W1455" s="10" t="s">
        <v>22</v>
      </c>
      <c r="X1455" s="10" t="s">
        <v>22</v>
      </c>
      <c r="Y1455" s="10" t="s">
        <v>22</v>
      </c>
      <c r="Z1455" s="10" t="s">
        <v>22</v>
      </c>
    </row>
    <row r="1456" spans="1:26" ht="24" customHeight="1" x14ac:dyDescent="0.2">
      <c r="A1456" s="9" t="s">
        <v>18712</v>
      </c>
      <c r="B1456" s="9" t="s">
        <v>14</v>
      </c>
      <c r="C1456" s="9" t="s">
        <v>6941</v>
      </c>
      <c r="D1456" s="6" t="s">
        <v>6942</v>
      </c>
      <c r="E1456" s="22">
        <v>44237</v>
      </c>
      <c r="F1456" s="22">
        <v>46062</v>
      </c>
      <c r="G1456" s="6" t="s">
        <v>6943</v>
      </c>
      <c r="H1456" s="6" t="s">
        <v>62</v>
      </c>
      <c r="I1456" s="6" t="s">
        <v>493</v>
      </c>
      <c r="J1456" s="6" t="s">
        <v>6944</v>
      </c>
      <c r="K1456" s="9" t="s">
        <v>6945</v>
      </c>
      <c r="L1456" s="10" t="s">
        <v>22</v>
      </c>
      <c r="M1456" s="10" t="s">
        <v>22</v>
      </c>
      <c r="N1456" s="10" t="s">
        <v>22</v>
      </c>
      <c r="O1456" s="10" t="s">
        <v>22</v>
      </c>
      <c r="P1456" s="10" t="s">
        <v>22</v>
      </c>
      <c r="Q1456" s="10" t="s">
        <v>22</v>
      </c>
      <c r="R1456" s="10" t="s">
        <v>22</v>
      </c>
      <c r="S1456" s="10" t="s">
        <v>22</v>
      </c>
      <c r="T1456" s="10" t="s">
        <v>22</v>
      </c>
      <c r="U1456" s="10" t="s">
        <v>22</v>
      </c>
      <c r="V1456" s="10" t="s">
        <v>22</v>
      </c>
      <c r="W1456" s="10" t="s">
        <v>22</v>
      </c>
      <c r="X1456" s="10" t="s">
        <v>22</v>
      </c>
      <c r="Y1456" s="10" t="s">
        <v>22</v>
      </c>
      <c r="Z1456" s="10" t="s">
        <v>22</v>
      </c>
    </row>
    <row r="1457" spans="1:26" ht="24" customHeight="1" x14ac:dyDescent="0.2">
      <c r="A1457" s="9" t="s">
        <v>18713</v>
      </c>
      <c r="B1457" s="9" t="s">
        <v>14</v>
      </c>
      <c r="C1457" s="9" t="s">
        <v>6946</v>
      </c>
      <c r="D1457" s="6" t="s">
        <v>6947</v>
      </c>
      <c r="E1457" s="22">
        <v>44237</v>
      </c>
      <c r="F1457" s="22">
        <v>46062</v>
      </c>
      <c r="G1457" s="6" t="s">
        <v>6948</v>
      </c>
      <c r="H1457" s="6" t="s">
        <v>202</v>
      </c>
      <c r="I1457" s="6" t="s">
        <v>6427</v>
      </c>
      <c r="J1457" s="6" t="s">
        <v>6949</v>
      </c>
      <c r="K1457" s="9" t="s">
        <v>6950</v>
      </c>
      <c r="M1457" s="10" t="s">
        <v>22</v>
      </c>
      <c r="N1457" s="10" t="s">
        <v>22</v>
      </c>
      <c r="V1457" s="10" t="s">
        <v>22</v>
      </c>
      <c r="W1457" s="10" t="s">
        <v>22</v>
      </c>
    </row>
    <row r="1458" spans="1:26" ht="24" customHeight="1" x14ac:dyDescent="0.2">
      <c r="A1458" s="9" t="s">
        <v>18714</v>
      </c>
      <c r="B1458" s="9" t="s">
        <v>14</v>
      </c>
      <c r="C1458" s="9" t="s">
        <v>6951</v>
      </c>
      <c r="D1458" s="6" t="s">
        <v>6952</v>
      </c>
      <c r="E1458" s="22">
        <v>44237</v>
      </c>
      <c r="F1458" s="22">
        <v>46062</v>
      </c>
      <c r="G1458" s="6" t="s">
        <v>6953</v>
      </c>
      <c r="H1458" s="6" t="s">
        <v>1625</v>
      </c>
      <c r="I1458" s="6" t="s">
        <v>4540</v>
      </c>
      <c r="J1458" s="6" t="s">
        <v>6954</v>
      </c>
      <c r="K1458" s="9" t="s">
        <v>6955</v>
      </c>
      <c r="L1458" s="10" t="s">
        <v>22</v>
      </c>
      <c r="M1458" s="10" t="s">
        <v>22</v>
      </c>
      <c r="N1458" s="10" t="s">
        <v>22</v>
      </c>
      <c r="O1458" s="10" t="s">
        <v>22</v>
      </c>
      <c r="P1458" s="10" t="s">
        <v>22</v>
      </c>
      <c r="Q1458" s="10" t="s">
        <v>22</v>
      </c>
      <c r="R1458" s="10" t="s">
        <v>22</v>
      </c>
      <c r="S1458" s="10" t="s">
        <v>22</v>
      </c>
      <c r="T1458" s="10" t="s">
        <v>22</v>
      </c>
      <c r="U1458" s="10" t="s">
        <v>22</v>
      </c>
      <c r="V1458" s="10" t="s">
        <v>22</v>
      </c>
      <c r="W1458" s="10" t="s">
        <v>22</v>
      </c>
      <c r="X1458" s="10" t="s">
        <v>22</v>
      </c>
      <c r="Y1458" s="10" t="s">
        <v>22</v>
      </c>
      <c r="Z1458" s="10" t="s">
        <v>22</v>
      </c>
    </row>
    <row r="1459" spans="1:26" ht="24" customHeight="1" x14ac:dyDescent="0.2">
      <c r="A1459" s="9" t="s">
        <v>18715</v>
      </c>
      <c r="B1459" s="9" t="s">
        <v>14</v>
      </c>
      <c r="C1459" s="9" t="s">
        <v>6956</v>
      </c>
      <c r="D1459" s="6" t="s">
        <v>6957</v>
      </c>
      <c r="E1459" s="22">
        <v>44237</v>
      </c>
      <c r="F1459" s="22">
        <v>46062</v>
      </c>
      <c r="G1459" s="6" t="s">
        <v>6958</v>
      </c>
      <c r="H1459" s="6" t="s">
        <v>62</v>
      </c>
      <c r="I1459" s="6" t="s">
        <v>1125</v>
      </c>
      <c r="J1459" s="6" t="s">
        <v>6959</v>
      </c>
      <c r="K1459" s="9" t="s">
        <v>6960</v>
      </c>
      <c r="L1459" s="10" t="s">
        <v>22</v>
      </c>
      <c r="M1459" s="10" t="s">
        <v>22</v>
      </c>
      <c r="N1459" s="10" t="s">
        <v>22</v>
      </c>
      <c r="O1459" s="10" t="s">
        <v>22</v>
      </c>
      <c r="P1459" s="10" t="s">
        <v>22</v>
      </c>
      <c r="Q1459" s="10" t="s">
        <v>22</v>
      </c>
      <c r="R1459" s="10" t="s">
        <v>22</v>
      </c>
      <c r="S1459" s="10" t="s">
        <v>22</v>
      </c>
      <c r="T1459" s="10" t="s">
        <v>22</v>
      </c>
      <c r="U1459" s="10" t="s">
        <v>22</v>
      </c>
      <c r="V1459" s="10" t="s">
        <v>22</v>
      </c>
      <c r="W1459" s="10" t="s">
        <v>22</v>
      </c>
      <c r="X1459" s="10" t="s">
        <v>22</v>
      </c>
      <c r="Y1459" s="10" t="s">
        <v>22</v>
      </c>
      <c r="Z1459" s="10" t="s">
        <v>22</v>
      </c>
    </row>
    <row r="1460" spans="1:26" ht="24" customHeight="1" x14ac:dyDescent="0.2">
      <c r="A1460" s="9" t="s">
        <v>18716</v>
      </c>
      <c r="B1460" s="9" t="s">
        <v>14</v>
      </c>
      <c r="C1460" s="9" t="s">
        <v>6961</v>
      </c>
      <c r="D1460" s="6" t="s">
        <v>6962</v>
      </c>
      <c r="E1460" s="22">
        <v>44237</v>
      </c>
      <c r="F1460" s="22">
        <v>46062</v>
      </c>
      <c r="G1460" s="6" t="s">
        <v>6963</v>
      </c>
      <c r="H1460" s="6" t="s">
        <v>363</v>
      </c>
      <c r="I1460" s="6" t="s">
        <v>597</v>
      </c>
      <c r="J1460" s="6" t="s">
        <v>6964</v>
      </c>
      <c r="K1460" s="9" t="s">
        <v>6965</v>
      </c>
      <c r="L1460" s="10" t="s">
        <v>22</v>
      </c>
      <c r="M1460" s="10" t="s">
        <v>22</v>
      </c>
      <c r="N1460" s="10" t="s">
        <v>22</v>
      </c>
      <c r="O1460" s="10" t="s">
        <v>22</v>
      </c>
      <c r="P1460" s="10" t="s">
        <v>22</v>
      </c>
      <c r="Q1460" s="10" t="s">
        <v>22</v>
      </c>
      <c r="R1460" s="10" t="s">
        <v>22</v>
      </c>
      <c r="S1460" s="10" t="s">
        <v>22</v>
      </c>
      <c r="T1460" s="10" t="s">
        <v>22</v>
      </c>
      <c r="U1460" s="10" t="s">
        <v>22</v>
      </c>
      <c r="V1460" s="10" t="s">
        <v>22</v>
      </c>
      <c r="W1460" s="10" t="s">
        <v>22</v>
      </c>
      <c r="X1460" s="10" t="s">
        <v>22</v>
      </c>
      <c r="Y1460" s="10" t="s">
        <v>22</v>
      </c>
      <c r="Z1460" s="10" t="s">
        <v>22</v>
      </c>
    </row>
    <row r="1461" spans="1:26" ht="24" customHeight="1" x14ac:dyDescent="0.2">
      <c r="A1461" s="9" t="s">
        <v>18717</v>
      </c>
      <c r="B1461" s="9" t="s">
        <v>14</v>
      </c>
      <c r="C1461" s="9" t="s">
        <v>6966</v>
      </c>
      <c r="D1461" s="6" t="s">
        <v>6967</v>
      </c>
      <c r="E1461" s="22">
        <v>44237</v>
      </c>
      <c r="F1461" s="22">
        <v>46062</v>
      </c>
      <c r="G1461" s="6" t="s">
        <v>6968</v>
      </c>
      <c r="H1461" s="6" t="s">
        <v>3803</v>
      </c>
      <c r="I1461" s="6" t="s">
        <v>3804</v>
      </c>
      <c r="J1461" s="6" t="s">
        <v>6969</v>
      </c>
      <c r="K1461" s="9" t="s">
        <v>6970</v>
      </c>
      <c r="P1461" s="10" t="s">
        <v>22</v>
      </c>
      <c r="Q1461" s="10" t="s">
        <v>22</v>
      </c>
      <c r="Y1461" s="10" t="s">
        <v>22</v>
      </c>
      <c r="Z1461" s="10" t="s">
        <v>22</v>
      </c>
    </row>
    <row r="1462" spans="1:26" ht="24" customHeight="1" x14ac:dyDescent="0.2">
      <c r="A1462" s="9" t="s">
        <v>18718</v>
      </c>
      <c r="B1462" s="9" t="s">
        <v>14</v>
      </c>
      <c r="C1462" s="9" t="s">
        <v>6971</v>
      </c>
      <c r="D1462" s="6" t="s">
        <v>6972</v>
      </c>
      <c r="E1462" s="22">
        <v>44245</v>
      </c>
      <c r="F1462" s="22">
        <v>46070</v>
      </c>
      <c r="G1462" s="6" t="s">
        <v>6973</v>
      </c>
      <c r="H1462" s="6" t="s">
        <v>202</v>
      </c>
      <c r="I1462" s="6" t="s">
        <v>3655</v>
      </c>
      <c r="J1462" s="6" t="s">
        <v>6974</v>
      </c>
      <c r="K1462" s="9" t="s">
        <v>6975</v>
      </c>
      <c r="L1462" s="10" t="s">
        <v>22</v>
      </c>
      <c r="M1462" s="10" t="s">
        <v>22</v>
      </c>
      <c r="N1462" s="10" t="s">
        <v>22</v>
      </c>
      <c r="O1462" s="10" t="s">
        <v>22</v>
      </c>
      <c r="P1462" s="10" t="s">
        <v>22</v>
      </c>
      <c r="Q1462" s="10" t="s">
        <v>22</v>
      </c>
      <c r="R1462" s="10" t="s">
        <v>22</v>
      </c>
      <c r="S1462" s="10" t="s">
        <v>22</v>
      </c>
      <c r="T1462" s="10" t="s">
        <v>22</v>
      </c>
      <c r="U1462" s="10" t="s">
        <v>22</v>
      </c>
      <c r="V1462" s="10" t="s">
        <v>22</v>
      </c>
      <c r="W1462" s="10" t="s">
        <v>22</v>
      </c>
      <c r="X1462" s="10" t="s">
        <v>22</v>
      </c>
      <c r="Y1462" s="10" t="s">
        <v>22</v>
      </c>
      <c r="Z1462" s="10" t="s">
        <v>22</v>
      </c>
    </row>
    <row r="1463" spans="1:26" ht="24" customHeight="1" x14ac:dyDescent="0.2">
      <c r="A1463" s="9" t="s">
        <v>18719</v>
      </c>
      <c r="B1463" s="9" t="s">
        <v>14</v>
      </c>
      <c r="C1463" s="9" t="s">
        <v>6976</v>
      </c>
      <c r="D1463" s="6" t="s">
        <v>6977</v>
      </c>
      <c r="E1463" s="22">
        <v>44250</v>
      </c>
      <c r="F1463" s="22">
        <v>46075</v>
      </c>
      <c r="G1463" s="6" t="s">
        <v>6978</v>
      </c>
      <c r="H1463" s="6" t="s">
        <v>562</v>
      </c>
      <c r="I1463" s="6" t="s">
        <v>3855</v>
      </c>
      <c r="J1463" s="6" t="s">
        <v>6979</v>
      </c>
      <c r="K1463" s="9" t="s">
        <v>6980</v>
      </c>
      <c r="L1463" s="10" t="s">
        <v>22</v>
      </c>
      <c r="M1463" s="10" t="s">
        <v>22</v>
      </c>
      <c r="N1463" s="10" t="s">
        <v>22</v>
      </c>
      <c r="O1463" s="10" t="s">
        <v>22</v>
      </c>
      <c r="P1463" s="10" t="s">
        <v>22</v>
      </c>
      <c r="Q1463" s="10" t="s">
        <v>22</v>
      </c>
      <c r="R1463" s="10" t="s">
        <v>22</v>
      </c>
      <c r="S1463" s="10" t="s">
        <v>22</v>
      </c>
      <c r="T1463" s="10" t="s">
        <v>22</v>
      </c>
      <c r="U1463" s="10" t="s">
        <v>22</v>
      </c>
      <c r="V1463" s="10" t="s">
        <v>22</v>
      </c>
      <c r="W1463" s="10" t="s">
        <v>22</v>
      </c>
      <c r="X1463" s="10" t="s">
        <v>22</v>
      </c>
      <c r="Y1463" s="10" t="s">
        <v>22</v>
      </c>
      <c r="Z1463" s="10" t="s">
        <v>22</v>
      </c>
    </row>
    <row r="1464" spans="1:26" ht="24" customHeight="1" x14ac:dyDescent="0.2">
      <c r="A1464" s="9" t="s">
        <v>18720</v>
      </c>
      <c r="B1464" s="9" t="s">
        <v>14</v>
      </c>
      <c r="C1464" s="9" t="s">
        <v>6981</v>
      </c>
      <c r="D1464" s="6" t="s">
        <v>6982</v>
      </c>
      <c r="E1464" s="22">
        <v>44256</v>
      </c>
      <c r="F1464" s="22">
        <v>46081</v>
      </c>
      <c r="G1464" s="6" t="s">
        <v>6983</v>
      </c>
      <c r="H1464" s="6" t="s">
        <v>4409</v>
      </c>
      <c r="I1464" s="6" t="s">
        <v>6984</v>
      </c>
      <c r="J1464" s="6" t="s">
        <v>6985</v>
      </c>
      <c r="K1464" s="9" t="s">
        <v>6986</v>
      </c>
      <c r="L1464" s="10" t="s">
        <v>22</v>
      </c>
      <c r="M1464" s="10" t="s">
        <v>22</v>
      </c>
      <c r="N1464" s="10" t="s">
        <v>22</v>
      </c>
      <c r="O1464" s="10" t="s">
        <v>22</v>
      </c>
      <c r="P1464" s="10" t="s">
        <v>22</v>
      </c>
      <c r="Q1464" s="10" t="s">
        <v>22</v>
      </c>
      <c r="R1464" s="10" t="s">
        <v>22</v>
      </c>
      <c r="S1464" s="10" t="s">
        <v>22</v>
      </c>
      <c r="T1464" s="10" t="s">
        <v>22</v>
      </c>
      <c r="U1464" s="10" t="s">
        <v>22</v>
      </c>
      <c r="V1464" s="10" t="s">
        <v>22</v>
      </c>
      <c r="W1464" s="10" t="s">
        <v>22</v>
      </c>
      <c r="X1464" s="10" t="s">
        <v>22</v>
      </c>
      <c r="Y1464" s="10" t="s">
        <v>22</v>
      </c>
      <c r="Z1464" s="10" t="s">
        <v>22</v>
      </c>
    </row>
    <row r="1465" spans="1:26" ht="24" customHeight="1" x14ac:dyDescent="0.2">
      <c r="A1465" s="9" t="s">
        <v>18721</v>
      </c>
      <c r="B1465" s="9" t="s">
        <v>14</v>
      </c>
      <c r="C1465" s="9" t="s">
        <v>6987</v>
      </c>
      <c r="D1465" s="6" t="s">
        <v>6988</v>
      </c>
      <c r="E1465" s="22">
        <v>44256</v>
      </c>
      <c r="F1465" s="22">
        <v>46081</v>
      </c>
      <c r="G1465" s="6" t="s">
        <v>6989</v>
      </c>
      <c r="H1465" s="6" t="s">
        <v>6990</v>
      </c>
      <c r="I1465" s="6" t="s">
        <v>6991</v>
      </c>
      <c r="J1465" s="6" t="s">
        <v>6992</v>
      </c>
      <c r="K1465" s="9" t="s">
        <v>6993</v>
      </c>
      <c r="O1465" s="10" t="s">
        <v>22</v>
      </c>
      <c r="P1465" s="10" t="s">
        <v>22</v>
      </c>
      <c r="Q1465" s="10" t="s">
        <v>22</v>
      </c>
      <c r="X1465" s="10" t="s">
        <v>22</v>
      </c>
      <c r="Y1465" s="10" t="s">
        <v>22</v>
      </c>
      <c r="Z1465" s="10" t="s">
        <v>22</v>
      </c>
    </row>
    <row r="1466" spans="1:26" ht="24" customHeight="1" x14ac:dyDescent="0.2">
      <c r="A1466" s="9" t="s">
        <v>18722</v>
      </c>
      <c r="B1466" s="9" t="s">
        <v>14</v>
      </c>
      <c r="C1466" s="9" t="s">
        <v>6994</v>
      </c>
      <c r="D1466" s="6" t="s">
        <v>6995</v>
      </c>
      <c r="E1466" s="22">
        <v>44258</v>
      </c>
      <c r="F1466" s="22">
        <v>46083</v>
      </c>
      <c r="G1466" s="6" t="s">
        <v>6996</v>
      </c>
      <c r="H1466" s="6" t="s">
        <v>62</v>
      </c>
      <c r="I1466" s="6" t="s">
        <v>252</v>
      </c>
      <c r="J1466" s="6" t="s">
        <v>6997</v>
      </c>
      <c r="K1466" s="9" t="s">
        <v>6998</v>
      </c>
      <c r="L1466" s="10" t="s">
        <v>22</v>
      </c>
      <c r="M1466" s="10" t="s">
        <v>22</v>
      </c>
      <c r="N1466" s="10" t="s">
        <v>22</v>
      </c>
      <c r="O1466" s="10" t="s">
        <v>22</v>
      </c>
      <c r="P1466" s="10" t="s">
        <v>22</v>
      </c>
      <c r="Q1466" s="10" t="s">
        <v>22</v>
      </c>
      <c r="R1466" s="10" t="s">
        <v>22</v>
      </c>
      <c r="S1466" s="10" t="s">
        <v>22</v>
      </c>
      <c r="T1466" s="10" t="s">
        <v>22</v>
      </c>
      <c r="U1466" s="10" t="s">
        <v>22</v>
      </c>
      <c r="V1466" s="10" t="s">
        <v>22</v>
      </c>
      <c r="W1466" s="10" t="s">
        <v>22</v>
      </c>
      <c r="X1466" s="10" t="s">
        <v>22</v>
      </c>
      <c r="Y1466" s="10" t="s">
        <v>22</v>
      </c>
      <c r="Z1466" s="10" t="s">
        <v>22</v>
      </c>
    </row>
    <row r="1467" spans="1:26" ht="24" customHeight="1" x14ac:dyDescent="0.2">
      <c r="A1467" s="9" t="s">
        <v>18723</v>
      </c>
      <c r="B1467" s="9" t="s">
        <v>14</v>
      </c>
      <c r="C1467" s="9" t="s">
        <v>6994</v>
      </c>
      <c r="D1467" s="6" t="s">
        <v>6995</v>
      </c>
      <c r="E1467" s="22">
        <v>44258</v>
      </c>
      <c r="F1467" s="22">
        <v>46083</v>
      </c>
      <c r="G1467" s="6" t="s">
        <v>6999</v>
      </c>
      <c r="H1467" s="6" t="s">
        <v>62</v>
      </c>
      <c r="I1467" s="6" t="s">
        <v>435</v>
      </c>
      <c r="J1467" s="6" t="s">
        <v>7000</v>
      </c>
      <c r="K1467" s="9" t="s">
        <v>7001</v>
      </c>
      <c r="L1467" s="10" t="s">
        <v>22</v>
      </c>
      <c r="M1467" s="10" t="s">
        <v>22</v>
      </c>
      <c r="N1467" s="10" t="s">
        <v>22</v>
      </c>
      <c r="O1467" s="10" t="s">
        <v>22</v>
      </c>
      <c r="P1467" s="10" t="s">
        <v>22</v>
      </c>
      <c r="Q1467" s="10" t="s">
        <v>22</v>
      </c>
      <c r="R1467" s="10" t="s">
        <v>22</v>
      </c>
      <c r="S1467" s="10" t="s">
        <v>22</v>
      </c>
      <c r="T1467" s="10" t="s">
        <v>22</v>
      </c>
      <c r="U1467" s="10" t="s">
        <v>22</v>
      </c>
      <c r="V1467" s="10" t="s">
        <v>22</v>
      </c>
      <c r="W1467" s="10" t="s">
        <v>22</v>
      </c>
      <c r="X1467" s="10" t="s">
        <v>22</v>
      </c>
      <c r="Y1467" s="10" t="s">
        <v>22</v>
      </c>
      <c r="Z1467" s="10" t="s">
        <v>22</v>
      </c>
    </row>
    <row r="1468" spans="1:26" ht="30" customHeight="1" x14ac:dyDescent="0.2">
      <c r="A1468" s="9" t="s">
        <v>18724</v>
      </c>
      <c r="B1468" s="9" t="s">
        <v>14</v>
      </c>
      <c r="C1468" s="9" t="s">
        <v>6994</v>
      </c>
      <c r="D1468" s="6" t="s">
        <v>6995</v>
      </c>
      <c r="E1468" s="22">
        <v>44258</v>
      </c>
      <c r="F1468" s="22">
        <v>46083</v>
      </c>
      <c r="G1468" s="6" t="s">
        <v>7002</v>
      </c>
      <c r="H1468" s="6" t="s">
        <v>18</v>
      </c>
      <c r="I1468" s="6" t="s">
        <v>19</v>
      </c>
      <c r="J1468" s="6" t="s">
        <v>7003</v>
      </c>
      <c r="K1468" s="9" t="s">
        <v>7004</v>
      </c>
      <c r="L1468" s="10" t="s">
        <v>22</v>
      </c>
      <c r="M1468" s="10" t="s">
        <v>22</v>
      </c>
      <c r="N1468" s="10" t="s">
        <v>22</v>
      </c>
      <c r="O1468" s="10" t="s">
        <v>22</v>
      </c>
      <c r="P1468" s="10" t="s">
        <v>22</v>
      </c>
      <c r="Q1468" s="10" t="s">
        <v>22</v>
      </c>
      <c r="R1468" s="10" t="s">
        <v>22</v>
      </c>
      <c r="S1468" s="10" t="s">
        <v>22</v>
      </c>
      <c r="T1468" s="10" t="s">
        <v>22</v>
      </c>
      <c r="U1468" s="10" t="s">
        <v>22</v>
      </c>
      <c r="V1468" s="10" t="s">
        <v>22</v>
      </c>
      <c r="W1468" s="10" t="s">
        <v>22</v>
      </c>
      <c r="X1468" s="10" t="s">
        <v>22</v>
      </c>
      <c r="Y1468" s="10" t="s">
        <v>22</v>
      </c>
      <c r="Z1468" s="10" t="s">
        <v>22</v>
      </c>
    </row>
    <row r="1469" spans="1:26" ht="24" customHeight="1" x14ac:dyDescent="0.2">
      <c r="A1469" s="9" t="s">
        <v>18725</v>
      </c>
      <c r="B1469" s="9" t="s">
        <v>14</v>
      </c>
      <c r="C1469" s="9" t="s">
        <v>6994</v>
      </c>
      <c r="D1469" s="6" t="s">
        <v>6995</v>
      </c>
      <c r="E1469" s="22">
        <v>44258</v>
      </c>
      <c r="F1469" s="22">
        <v>46083</v>
      </c>
      <c r="G1469" s="6" t="s">
        <v>7005</v>
      </c>
      <c r="H1469" s="6" t="s">
        <v>18</v>
      </c>
      <c r="I1469" s="6" t="s">
        <v>26</v>
      </c>
      <c r="J1469" s="6" t="s">
        <v>7006</v>
      </c>
      <c r="K1469" s="9" t="s">
        <v>7007</v>
      </c>
      <c r="L1469" s="10" t="s">
        <v>22</v>
      </c>
      <c r="M1469" s="10" t="s">
        <v>22</v>
      </c>
      <c r="N1469" s="10" t="s">
        <v>22</v>
      </c>
      <c r="O1469" s="10" t="s">
        <v>22</v>
      </c>
      <c r="P1469" s="10" t="s">
        <v>22</v>
      </c>
      <c r="Q1469" s="10" t="s">
        <v>22</v>
      </c>
      <c r="R1469" s="10" t="s">
        <v>22</v>
      </c>
      <c r="S1469" s="10" t="s">
        <v>22</v>
      </c>
      <c r="T1469" s="10" t="s">
        <v>22</v>
      </c>
      <c r="U1469" s="10" t="s">
        <v>22</v>
      </c>
      <c r="V1469" s="10" t="s">
        <v>22</v>
      </c>
      <c r="W1469" s="10" t="s">
        <v>22</v>
      </c>
      <c r="X1469" s="10" t="s">
        <v>22</v>
      </c>
      <c r="Y1469" s="10" t="s">
        <v>22</v>
      </c>
      <c r="Z1469" s="10" t="s">
        <v>22</v>
      </c>
    </row>
    <row r="1470" spans="1:26" ht="24" customHeight="1" x14ac:dyDescent="0.2">
      <c r="A1470" s="9" t="s">
        <v>18726</v>
      </c>
      <c r="B1470" s="9" t="s">
        <v>14</v>
      </c>
      <c r="C1470" s="9" t="s">
        <v>7008</v>
      </c>
      <c r="D1470" s="6" t="s">
        <v>7009</v>
      </c>
      <c r="E1470" s="22">
        <v>44258</v>
      </c>
      <c r="F1470" s="22">
        <v>46083</v>
      </c>
      <c r="G1470" s="6" t="s">
        <v>7010</v>
      </c>
      <c r="H1470" s="6" t="s">
        <v>229</v>
      </c>
      <c r="I1470" s="6" t="s">
        <v>4848</v>
      </c>
      <c r="J1470" s="6" t="s">
        <v>7011</v>
      </c>
      <c r="K1470" s="9" t="s">
        <v>7012</v>
      </c>
      <c r="L1470" s="10" t="s">
        <v>22</v>
      </c>
      <c r="M1470" s="10" t="s">
        <v>22</v>
      </c>
      <c r="N1470" s="10" t="s">
        <v>22</v>
      </c>
      <c r="O1470" s="10" t="s">
        <v>22</v>
      </c>
      <c r="P1470" s="10" t="s">
        <v>22</v>
      </c>
      <c r="Q1470" s="10" t="s">
        <v>22</v>
      </c>
      <c r="R1470" s="10" t="s">
        <v>22</v>
      </c>
      <c r="S1470" s="10" t="s">
        <v>22</v>
      </c>
      <c r="T1470" s="10" t="s">
        <v>22</v>
      </c>
      <c r="U1470" s="10" t="s">
        <v>22</v>
      </c>
      <c r="V1470" s="10" t="s">
        <v>22</v>
      </c>
      <c r="W1470" s="10" t="s">
        <v>22</v>
      </c>
      <c r="X1470" s="10" t="s">
        <v>22</v>
      </c>
      <c r="Y1470" s="10" t="s">
        <v>22</v>
      </c>
      <c r="Z1470" s="10" t="s">
        <v>22</v>
      </c>
    </row>
    <row r="1471" spans="1:26" ht="24" customHeight="1" x14ac:dyDescent="0.2">
      <c r="A1471" s="9" t="s">
        <v>18727</v>
      </c>
      <c r="B1471" s="9" t="s">
        <v>14</v>
      </c>
      <c r="C1471" s="9" t="s">
        <v>7013</v>
      </c>
      <c r="D1471" s="6" t="s">
        <v>7014</v>
      </c>
      <c r="E1471" s="22">
        <v>44258</v>
      </c>
      <c r="F1471" s="22">
        <v>46083</v>
      </c>
      <c r="G1471" s="6" t="s">
        <v>7015</v>
      </c>
      <c r="H1471" s="6" t="s">
        <v>18</v>
      </c>
      <c r="I1471" s="6" t="s">
        <v>19</v>
      </c>
      <c r="J1471" s="6" t="s">
        <v>7016</v>
      </c>
      <c r="K1471" s="9" t="s">
        <v>7017</v>
      </c>
      <c r="L1471" s="10" t="s">
        <v>22</v>
      </c>
      <c r="M1471" s="10" t="s">
        <v>22</v>
      </c>
      <c r="N1471" s="10" t="s">
        <v>22</v>
      </c>
      <c r="U1471" s="10" t="s">
        <v>22</v>
      </c>
      <c r="V1471" s="10" t="s">
        <v>22</v>
      </c>
      <c r="W1471" s="10" t="s">
        <v>22</v>
      </c>
    </row>
    <row r="1472" spans="1:26" ht="24" customHeight="1" x14ac:dyDescent="0.2">
      <c r="A1472" s="9" t="s">
        <v>18728</v>
      </c>
      <c r="B1472" s="9" t="s">
        <v>14</v>
      </c>
      <c r="C1472" s="9" t="s">
        <v>7018</v>
      </c>
      <c r="D1472" s="6" t="s">
        <v>7019</v>
      </c>
      <c r="E1472" s="22">
        <v>44258</v>
      </c>
      <c r="F1472" s="22">
        <v>46083</v>
      </c>
      <c r="G1472" s="6" t="s">
        <v>7020</v>
      </c>
      <c r="H1472" s="6" t="s">
        <v>202</v>
      </c>
      <c r="I1472" s="6" t="s">
        <v>6427</v>
      </c>
      <c r="J1472" s="6" t="s">
        <v>7021</v>
      </c>
      <c r="K1472" s="9" t="s">
        <v>7022</v>
      </c>
      <c r="L1472" s="10" t="s">
        <v>22</v>
      </c>
      <c r="M1472" s="10" t="s">
        <v>22</v>
      </c>
      <c r="N1472" s="10" t="s">
        <v>22</v>
      </c>
      <c r="O1472" s="10" t="s">
        <v>22</v>
      </c>
      <c r="P1472" s="10" t="s">
        <v>22</v>
      </c>
      <c r="Q1472" s="10" t="s">
        <v>22</v>
      </c>
      <c r="R1472" s="10" t="s">
        <v>22</v>
      </c>
      <c r="S1472" s="10" t="s">
        <v>22</v>
      </c>
      <c r="T1472" s="10" t="s">
        <v>22</v>
      </c>
      <c r="U1472" s="10" t="s">
        <v>22</v>
      </c>
      <c r="V1472" s="10" t="s">
        <v>22</v>
      </c>
      <c r="W1472" s="10" t="s">
        <v>22</v>
      </c>
      <c r="X1472" s="10" t="s">
        <v>22</v>
      </c>
      <c r="Y1472" s="10" t="s">
        <v>22</v>
      </c>
      <c r="Z1472" s="10" t="s">
        <v>22</v>
      </c>
    </row>
    <row r="1473" spans="1:26" ht="24" customHeight="1" x14ac:dyDescent="0.2">
      <c r="A1473" s="9" t="s">
        <v>18729</v>
      </c>
      <c r="B1473" s="9" t="s">
        <v>14</v>
      </c>
      <c r="C1473" s="9" t="s">
        <v>7023</v>
      </c>
      <c r="D1473" s="6" t="s">
        <v>7024</v>
      </c>
      <c r="E1473" s="22">
        <v>44258</v>
      </c>
      <c r="F1473" s="22">
        <v>46083</v>
      </c>
      <c r="G1473" s="6" t="s">
        <v>7025</v>
      </c>
      <c r="H1473" s="6" t="s">
        <v>62</v>
      </c>
      <c r="I1473" s="6" t="s">
        <v>279</v>
      </c>
      <c r="J1473" s="6" t="s">
        <v>7026</v>
      </c>
      <c r="K1473" s="9" t="s">
        <v>7027</v>
      </c>
      <c r="L1473" s="10" t="s">
        <v>22</v>
      </c>
      <c r="M1473" s="10" t="s">
        <v>22</v>
      </c>
      <c r="N1473" s="10" t="s">
        <v>22</v>
      </c>
      <c r="O1473" s="10" t="s">
        <v>22</v>
      </c>
      <c r="P1473" s="10" t="s">
        <v>22</v>
      </c>
      <c r="Q1473" s="10" t="s">
        <v>22</v>
      </c>
      <c r="R1473" s="10" t="s">
        <v>22</v>
      </c>
      <c r="S1473" s="10" t="s">
        <v>22</v>
      </c>
      <c r="T1473" s="10" t="s">
        <v>22</v>
      </c>
      <c r="U1473" s="10" t="s">
        <v>22</v>
      </c>
      <c r="V1473" s="10" t="s">
        <v>22</v>
      </c>
      <c r="W1473" s="10" t="s">
        <v>22</v>
      </c>
      <c r="X1473" s="10" t="s">
        <v>22</v>
      </c>
      <c r="Y1473" s="10" t="s">
        <v>22</v>
      </c>
      <c r="Z1473" s="10" t="s">
        <v>22</v>
      </c>
    </row>
    <row r="1474" spans="1:26" ht="24" customHeight="1" x14ac:dyDescent="0.2">
      <c r="A1474" s="9" t="s">
        <v>18730</v>
      </c>
      <c r="B1474" s="9" t="s">
        <v>14</v>
      </c>
      <c r="C1474" s="9" t="s">
        <v>7028</v>
      </c>
      <c r="D1474" s="6" t="s">
        <v>7029</v>
      </c>
      <c r="E1474" s="22">
        <v>44056</v>
      </c>
      <c r="F1474" s="22">
        <v>45881</v>
      </c>
      <c r="G1474" s="6" t="s">
        <v>7030</v>
      </c>
      <c r="H1474" s="6" t="s">
        <v>18</v>
      </c>
      <c r="I1474" s="6" t="s">
        <v>7031</v>
      </c>
      <c r="J1474" s="6" t="s">
        <v>7032</v>
      </c>
      <c r="K1474" s="9" t="s">
        <v>7033</v>
      </c>
      <c r="L1474" s="10" t="s">
        <v>22</v>
      </c>
      <c r="M1474" s="10" t="s">
        <v>22</v>
      </c>
      <c r="N1474" s="10" t="s">
        <v>22</v>
      </c>
      <c r="O1474" s="10" t="s">
        <v>22</v>
      </c>
      <c r="P1474" s="10" t="s">
        <v>22</v>
      </c>
      <c r="Q1474" s="10" t="s">
        <v>22</v>
      </c>
      <c r="R1474" s="10" t="s">
        <v>22</v>
      </c>
      <c r="S1474" s="10" t="s">
        <v>22</v>
      </c>
      <c r="T1474" s="10" t="s">
        <v>22</v>
      </c>
      <c r="U1474" s="10" t="s">
        <v>22</v>
      </c>
      <c r="V1474" s="10" t="s">
        <v>22</v>
      </c>
      <c r="W1474" s="10" t="s">
        <v>22</v>
      </c>
      <c r="X1474" s="10" t="s">
        <v>22</v>
      </c>
      <c r="Y1474" s="10" t="s">
        <v>22</v>
      </c>
      <c r="Z1474" s="10" t="s">
        <v>22</v>
      </c>
    </row>
    <row r="1475" spans="1:26" ht="24" customHeight="1" x14ac:dyDescent="0.2">
      <c r="A1475" s="9" t="s">
        <v>18731</v>
      </c>
      <c r="B1475" s="9" t="s">
        <v>14</v>
      </c>
      <c r="C1475" s="9" t="s">
        <v>7034</v>
      </c>
      <c r="D1475" s="6" t="s">
        <v>7035</v>
      </c>
      <c r="E1475" s="22">
        <v>44061</v>
      </c>
      <c r="F1475" s="22">
        <v>45886</v>
      </c>
      <c r="G1475" s="6" t="s">
        <v>7036</v>
      </c>
      <c r="H1475" s="6" t="s">
        <v>18</v>
      </c>
      <c r="I1475" s="6" t="s">
        <v>727</v>
      </c>
      <c r="J1475" s="6" t="s">
        <v>7037</v>
      </c>
      <c r="K1475" s="9" t="s">
        <v>7038</v>
      </c>
      <c r="L1475" s="10" t="s">
        <v>22</v>
      </c>
      <c r="M1475" s="10" t="s">
        <v>22</v>
      </c>
      <c r="N1475" s="10" t="s">
        <v>22</v>
      </c>
      <c r="O1475" s="10" t="s">
        <v>22</v>
      </c>
      <c r="P1475" s="10" t="s">
        <v>22</v>
      </c>
      <c r="Q1475" s="10" t="s">
        <v>22</v>
      </c>
      <c r="R1475" s="10" t="s">
        <v>22</v>
      </c>
      <c r="S1475" s="10" t="s">
        <v>22</v>
      </c>
      <c r="T1475" s="10" t="s">
        <v>22</v>
      </c>
      <c r="U1475" s="10" t="s">
        <v>22</v>
      </c>
      <c r="V1475" s="10" t="s">
        <v>22</v>
      </c>
      <c r="W1475" s="10" t="s">
        <v>22</v>
      </c>
      <c r="X1475" s="10" t="s">
        <v>22</v>
      </c>
      <c r="Y1475" s="10" t="s">
        <v>22</v>
      </c>
      <c r="Z1475" s="10" t="s">
        <v>22</v>
      </c>
    </row>
    <row r="1476" spans="1:26" ht="24" customHeight="1" x14ac:dyDescent="0.2">
      <c r="A1476" s="9" t="s">
        <v>18732</v>
      </c>
      <c r="B1476" s="9" t="s">
        <v>14</v>
      </c>
      <c r="C1476" s="9" t="s">
        <v>7039</v>
      </c>
      <c r="D1476" s="6" t="s">
        <v>7040</v>
      </c>
      <c r="E1476" s="22">
        <v>44264</v>
      </c>
      <c r="F1476" s="22">
        <v>46089</v>
      </c>
      <c r="G1476" s="6" t="s">
        <v>7041</v>
      </c>
      <c r="H1476" s="6" t="s">
        <v>62</v>
      </c>
      <c r="I1476" s="6" t="s">
        <v>493</v>
      </c>
      <c r="J1476" s="6" t="s">
        <v>7042</v>
      </c>
      <c r="K1476" s="9" t="s">
        <v>7043</v>
      </c>
      <c r="L1476" s="10" t="s">
        <v>22</v>
      </c>
      <c r="M1476" s="10" t="s">
        <v>22</v>
      </c>
      <c r="N1476" s="10" t="s">
        <v>22</v>
      </c>
      <c r="O1476" s="10" t="s">
        <v>22</v>
      </c>
      <c r="P1476" s="10" t="s">
        <v>22</v>
      </c>
      <c r="Q1476" s="10" t="s">
        <v>22</v>
      </c>
      <c r="U1476" s="10" t="s">
        <v>22</v>
      </c>
      <c r="V1476" s="10" t="s">
        <v>22</v>
      </c>
      <c r="W1476" s="10" t="s">
        <v>22</v>
      </c>
      <c r="X1476" s="10" t="s">
        <v>22</v>
      </c>
      <c r="Y1476" s="10" t="s">
        <v>22</v>
      </c>
      <c r="Z1476" s="10" t="s">
        <v>22</v>
      </c>
    </row>
    <row r="1477" spans="1:26" ht="24" customHeight="1" x14ac:dyDescent="0.2">
      <c r="A1477" s="9" t="s">
        <v>18733</v>
      </c>
      <c r="B1477" s="9" t="s">
        <v>14</v>
      </c>
      <c r="C1477" s="9" t="s">
        <v>7044</v>
      </c>
      <c r="D1477" s="6" t="s">
        <v>7045</v>
      </c>
      <c r="E1477" s="22">
        <v>44264</v>
      </c>
      <c r="F1477" s="22">
        <v>46089</v>
      </c>
      <c r="G1477" s="6" t="s">
        <v>7046</v>
      </c>
      <c r="H1477" s="6" t="s">
        <v>62</v>
      </c>
      <c r="I1477" s="6" t="s">
        <v>6770</v>
      </c>
      <c r="J1477" s="6" t="s">
        <v>7047</v>
      </c>
      <c r="K1477" s="9" t="s">
        <v>7048</v>
      </c>
      <c r="L1477" s="10" t="s">
        <v>22</v>
      </c>
      <c r="M1477" s="10" t="s">
        <v>22</v>
      </c>
      <c r="N1477" s="10" t="s">
        <v>22</v>
      </c>
      <c r="O1477" s="10" t="s">
        <v>22</v>
      </c>
      <c r="P1477" s="10" t="s">
        <v>22</v>
      </c>
      <c r="Q1477" s="10" t="s">
        <v>22</v>
      </c>
      <c r="U1477" s="10" t="s">
        <v>22</v>
      </c>
      <c r="V1477" s="10" t="s">
        <v>22</v>
      </c>
      <c r="W1477" s="10" t="s">
        <v>22</v>
      </c>
      <c r="X1477" s="10" t="s">
        <v>22</v>
      </c>
      <c r="Y1477" s="10" t="s">
        <v>22</v>
      </c>
      <c r="Z1477" s="10" t="s">
        <v>22</v>
      </c>
    </row>
    <row r="1478" spans="1:26" ht="24" customHeight="1" x14ac:dyDescent="0.2">
      <c r="A1478" s="9" t="s">
        <v>18734</v>
      </c>
      <c r="B1478" s="9" t="s">
        <v>14</v>
      </c>
      <c r="C1478" s="9" t="s">
        <v>7049</v>
      </c>
      <c r="D1478" s="6" t="s">
        <v>7050</v>
      </c>
      <c r="E1478" s="22">
        <v>44264</v>
      </c>
      <c r="F1478" s="22">
        <v>46089</v>
      </c>
      <c r="G1478" s="6" t="s">
        <v>7051</v>
      </c>
      <c r="H1478" s="6" t="s">
        <v>62</v>
      </c>
      <c r="I1478" s="6" t="s">
        <v>4879</v>
      </c>
      <c r="J1478" s="6" t="s">
        <v>7052</v>
      </c>
      <c r="K1478" s="9" t="s">
        <v>7053</v>
      </c>
      <c r="L1478" s="10" t="s">
        <v>22</v>
      </c>
      <c r="M1478" s="10" t="s">
        <v>22</v>
      </c>
      <c r="N1478" s="10" t="s">
        <v>22</v>
      </c>
      <c r="O1478" s="10" t="s">
        <v>22</v>
      </c>
      <c r="P1478" s="10" t="s">
        <v>22</v>
      </c>
      <c r="Q1478" s="10" t="s">
        <v>22</v>
      </c>
      <c r="R1478" s="10" t="s">
        <v>22</v>
      </c>
      <c r="S1478" s="10" t="s">
        <v>22</v>
      </c>
      <c r="T1478" s="10" t="s">
        <v>22</v>
      </c>
      <c r="U1478" s="10" t="s">
        <v>22</v>
      </c>
      <c r="V1478" s="10" t="s">
        <v>22</v>
      </c>
      <c r="W1478" s="10" t="s">
        <v>22</v>
      </c>
      <c r="X1478" s="10" t="s">
        <v>22</v>
      </c>
      <c r="Y1478" s="10" t="s">
        <v>22</v>
      </c>
      <c r="Z1478" s="10" t="s">
        <v>22</v>
      </c>
    </row>
    <row r="1479" spans="1:26" ht="24" customHeight="1" x14ac:dyDescent="0.2">
      <c r="A1479" s="9" t="s">
        <v>18735</v>
      </c>
      <c r="B1479" s="9" t="s">
        <v>14</v>
      </c>
      <c r="C1479" s="9" t="s">
        <v>7054</v>
      </c>
      <c r="D1479" s="6" t="s">
        <v>7055</v>
      </c>
      <c r="E1479" s="22">
        <v>44269</v>
      </c>
      <c r="F1479" s="22">
        <v>46094</v>
      </c>
      <c r="G1479" s="6" t="s">
        <v>7056</v>
      </c>
      <c r="H1479" s="6" t="s">
        <v>363</v>
      </c>
      <c r="I1479" s="6" t="s">
        <v>558</v>
      </c>
      <c r="J1479" s="6" t="s">
        <v>7057</v>
      </c>
      <c r="K1479" s="9" t="s">
        <v>7058</v>
      </c>
      <c r="L1479" s="10" t="s">
        <v>22</v>
      </c>
      <c r="M1479" s="10" t="s">
        <v>22</v>
      </c>
      <c r="N1479" s="10" t="s">
        <v>22</v>
      </c>
      <c r="O1479" s="10" t="s">
        <v>22</v>
      </c>
      <c r="P1479" s="10" t="s">
        <v>22</v>
      </c>
      <c r="Q1479" s="10" t="s">
        <v>22</v>
      </c>
      <c r="R1479" s="10" t="s">
        <v>22</v>
      </c>
      <c r="S1479" s="10" t="s">
        <v>22</v>
      </c>
      <c r="T1479" s="10" t="s">
        <v>22</v>
      </c>
      <c r="U1479" s="10" t="s">
        <v>22</v>
      </c>
      <c r="V1479" s="10" t="s">
        <v>22</v>
      </c>
      <c r="W1479" s="10" t="s">
        <v>22</v>
      </c>
      <c r="X1479" s="10" t="s">
        <v>22</v>
      </c>
      <c r="Y1479" s="10" t="s">
        <v>22</v>
      </c>
      <c r="Z1479" s="10" t="s">
        <v>22</v>
      </c>
    </row>
    <row r="1480" spans="1:26" ht="24" customHeight="1" x14ac:dyDescent="0.2">
      <c r="A1480" s="9" t="s">
        <v>18736</v>
      </c>
      <c r="B1480" s="9" t="s">
        <v>14</v>
      </c>
      <c r="C1480" s="9" t="s">
        <v>7059</v>
      </c>
      <c r="D1480" s="6" t="s">
        <v>4661</v>
      </c>
      <c r="E1480" s="22">
        <v>44271</v>
      </c>
      <c r="F1480" s="22">
        <v>46096</v>
      </c>
      <c r="G1480" s="6" t="s">
        <v>4662</v>
      </c>
      <c r="H1480" s="6" t="s">
        <v>62</v>
      </c>
      <c r="I1480" s="6" t="s">
        <v>551</v>
      </c>
      <c r="J1480" s="6" t="s">
        <v>7060</v>
      </c>
      <c r="K1480" s="9" t="s">
        <v>7061</v>
      </c>
      <c r="M1480" s="10" t="s">
        <v>22</v>
      </c>
      <c r="N1480" s="10" t="s">
        <v>22</v>
      </c>
      <c r="V1480" s="10" t="s">
        <v>22</v>
      </c>
      <c r="W1480" s="10" t="s">
        <v>22</v>
      </c>
    </row>
    <row r="1481" spans="1:26" ht="24" customHeight="1" x14ac:dyDescent="0.2">
      <c r="A1481" s="9" t="s">
        <v>18737</v>
      </c>
      <c r="B1481" s="9" t="s">
        <v>14</v>
      </c>
      <c r="C1481" s="9" t="s">
        <v>7062</v>
      </c>
      <c r="D1481" s="6" t="s">
        <v>7063</v>
      </c>
      <c r="E1481" s="22">
        <v>44271</v>
      </c>
      <c r="F1481" s="22">
        <v>46096</v>
      </c>
      <c r="G1481" s="6" t="s">
        <v>7064</v>
      </c>
      <c r="H1481" s="6" t="s">
        <v>62</v>
      </c>
      <c r="I1481" s="6" t="s">
        <v>842</v>
      </c>
      <c r="J1481" s="6" t="s">
        <v>7065</v>
      </c>
      <c r="K1481" s="9" t="s">
        <v>7066</v>
      </c>
      <c r="L1481" s="10" t="s">
        <v>22</v>
      </c>
      <c r="M1481" s="10" t="s">
        <v>22</v>
      </c>
      <c r="N1481" s="10" t="s">
        <v>22</v>
      </c>
      <c r="O1481" s="10" t="s">
        <v>22</v>
      </c>
      <c r="P1481" s="10" t="s">
        <v>22</v>
      </c>
      <c r="Q1481" s="10" t="s">
        <v>22</v>
      </c>
      <c r="R1481" s="10" t="s">
        <v>22</v>
      </c>
      <c r="S1481" s="10" t="s">
        <v>22</v>
      </c>
      <c r="T1481" s="10" t="s">
        <v>22</v>
      </c>
      <c r="U1481" s="10" t="s">
        <v>22</v>
      </c>
      <c r="V1481" s="10" t="s">
        <v>22</v>
      </c>
      <c r="W1481" s="10" t="s">
        <v>22</v>
      </c>
      <c r="X1481" s="10" t="s">
        <v>22</v>
      </c>
      <c r="Y1481" s="10" t="s">
        <v>22</v>
      </c>
      <c r="Z1481" s="10" t="s">
        <v>22</v>
      </c>
    </row>
    <row r="1482" spans="1:26" ht="24" customHeight="1" x14ac:dyDescent="0.2">
      <c r="A1482" s="9" t="s">
        <v>18738</v>
      </c>
      <c r="B1482" s="9" t="s">
        <v>14</v>
      </c>
      <c r="C1482" s="9" t="s">
        <v>7067</v>
      </c>
      <c r="D1482" s="6" t="s">
        <v>7068</v>
      </c>
      <c r="E1482" s="22">
        <v>44271</v>
      </c>
      <c r="F1482" s="22">
        <v>46096</v>
      </c>
      <c r="G1482" s="6" t="s">
        <v>7069</v>
      </c>
      <c r="H1482" s="6" t="s">
        <v>202</v>
      </c>
      <c r="I1482" s="6" t="s">
        <v>3050</v>
      </c>
      <c r="J1482" s="6" t="s">
        <v>7070</v>
      </c>
      <c r="L1482" s="10" t="s">
        <v>22</v>
      </c>
      <c r="M1482" s="10" t="s">
        <v>22</v>
      </c>
      <c r="N1482" s="10" t="s">
        <v>22</v>
      </c>
      <c r="O1482" s="10" t="s">
        <v>22</v>
      </c>
      <c r="P1482" s="10" t="s">
        <v>22</v>
      </c>
      <c r="Q1482" s="10" t="s">
        <v>22</v>
      </c>
      <c r="R1482" s="10" t="s">
        <v>22</v>
      </c>
      <c r="S1482" s="10" t="s">
        <v>22</v>
      </c>
      <c r="T1482" s="10" t="s">
        <v>22</v>
      </c>
      <c r="U1482" s="10" t="s">
        <v>22</v>
      </c>
      <c r="V1482" s="10" t="s">
        <v>22</v>
      </c>
      <c r="W1482" s="10" t="s">
        <v>22</v>
      </c>
      <c r="X1482" s="10" t="s">
        <v>22</v>
      </c>
      <c r="Y1482" s="10" t="s">
        <v>22</v>
      </c>
      <c r="Z1482" s="10" t="s">
        <v>22</v>
      </c>
    </row>
    <row r="1483" spans="1:26" ht="24" customHeight="1" x14ac:dyDescent="0.2">
      <c r="A1483" s="9" t="s">
        <v>18739</v>
      </c>
      <c r="B1483" s="9" t="s">
        <v>14</v>
      </c>
      <c r="C1483" s="9" t="s">
        <v>7071</v>
      </c>
      <c r="D1483" s="6" t="s">
        <v>7072</v>
      </c>
      <c r="E1483" s="22">
        <v>44277</v>
      </c>
      <c r="F1483" s="22">
        <v>46102</v>
      </c>
      <c r="G1483" s="6" t="s">
        <v>7073</v>
      </c>
      <c r="H1483" s="6" t="s">
        <v>62</v>
      </c>
      <c r="I1483" s="6" t="s">
        <v>73</v>
      </c>
      <c r="J1483" s="6" t="s">
        <v>7074</v>
      </c>
      <c r="K1483" s="9" t="s">
        <v>7075</v>
      </c>
      <c r="L1483" s="10" t="s">
        <v>22</v>
      </c>
      <c r="M1483" s="10" t="s">
        <v>22</v>
      </c>
      <c r="N1483" s="10" t="s">
        <v>22</v>
      </c>
      <c r="O1483" s="10" t="s">
        <v>22</v>
      </c>
      <c r="P1483" s="10" t="s">
        <v>22</v>
      </c>
      <c r="Q1483" s="10" t="s">
        <v>22</v>
      </c>
      <c r="R1483" s="10" t="s">
        <v>22</v>
      </c>
      <c r="S1483" s="10" t="s">
        <v>22</v>
      </c>
      <c r="T1483" s="10" t="s">
        <v>22</v>
      </c>
      <c r="U1483" s="10" t="s">
        <v>22</v>
      </c>
      <c r="V1483" s="10" t="s">
        <v>22</v>
      </c>
      <c r="W1483" s="10" t="s">
        <v>22</v>
      </c>
      <c r="X1483" s="10" t="s">
        <v>22</v>
      </c>
      <c r="Y1483" s="10" t="s">
        <v>22</v>
      </c>
      <c r="Z1483" s="10" t="s">
        <v>22</v>
      </c>
    </row>
    <row r="1484" spans="1:26" ht="24" customHeight="1" x14ac:dyDescent="0.2">
      <c r="A1484" s="9" t="s">
        <v>18740</v>
      </c>
      <c r="B1484" s="9" t="s">
        <v>14</v>
      </c>
      <c r="C1484" s="9" t="s">
        <v>7076</v>
      </c>
      <c r="D1484" s="6" t="s">
        <v>7077</v>
      </c>
      <c r="E1484" s="22">
        <v>44283</v>
      </c>
      <c r="F1484" s="22">
        <v>46108</v>
      </c>
      <c r="G1484" s="6" t="s">
        <v>7078</v>
      </c>
      <c r="H1484" s="6" t="s">
        <v>202</v>
      </c>
      <c r="I1484" s="6" t="s">
        <v>857</v>
      </c>
      <c r="J1484" s="6" t="s">
        <v>7079</v>
      </c>
      <c r="K1484" s="9" t="s">
        <v>7080</v>
      </c>
      <c r="L1484" s="10" t="s">
        <v>22</v>
      </c>
      <c r="M1484" s="10" t="s">
        <v>22</v>
      </c>
      <c r="N1484" s="10" t="s">
        <v>22</v>
      </c>
      <c r="O1484" s="10" t="s">
        <v>22</v>
      </c>
      <c r="P1484" s="10" t="s">
        <v>22</v>
      </c>
      <c r="Q1484" s="10" t="s">
        <v>22</v>
      </c>
      <c r="R1484" s="10" t="s">
        <v>22</v>
      </c>
      <c r="S1484" s="10" t="s">
        <v>22</v>
      </c>
      <c r="T1484" s="10" t="s">
        <v>22</v>
      </c>
      <c r="U1484" s="10" t="s">
        <v>22</v>
      </c>
      <c r="V1484" s="10" t="s">
        <v>22</v>
      </c>
      <c r="W1484" s="10" t="s">
        <v>22</v>
      </c>
      <c r="X1484" s="10" t="s">
        <v>22</v>
      </c>
      <c r="Y1484" s="10" t="s">
        <v>22</v>
      </c>
      <c r="Z1484" s="10" t="s">
        <v>22</v>
      </c>
    </row>
    <row r="1485" spans="1:26" ht="24" customHeight="1" x14ac:dyDescent="0.2">
      <c r="A1485" s="9" t="s">
        <v>18741</v>
      </c>
      <c r="B1485" s="9" t="s">
        <v>14</v>
      </c>
      <c r="C1485" s="9" t="s">
        <v>7081</v>
      </c>
      <c r="D1485" s="6" t="s">
        <v>7082</v>
      </c>
      <c r="E1485" s="22">
        <v>44283</v>
      </c>
      <c r="F1485" s="22">
        <v>46108</v>
      </c>
      <c r="G1485" s="6" t="s">
        <v>7083</v>
      </c>
      <c r="H1485" s="6" t="s">
        <v>363</v>
      </c>
      <c r="I1485" s="6" t="s">
        <v>646</v>
      </c>
      <c r="J1485" s="6" t="s">
        <v>7084</v>
      </c>
      <c r="L1485" s="10" t="s">
        <v>22</v>
      </c>
      <c r="M1485" s="10" t="s">
        <v>22</v>
      </c>
      <c r="N1485" s="10" t="s">
        <v>22</v>
      </c>
      <c r="O1485" s="10" t="s">
        <v>22</v>
      </c>
      <c r="P1485" s="10" t="s">
        <v>22</v>
      </c>
      <c r="Q1485" s="10" t="s">
        <v>22</v>
      </c>
      <c r="U1485" s="10" t="s">
        <v>22</v>
      </c>
      <c r="V1485" s="10" t="s">
        <v>22</v>
      </c>
      <c r="W1485" s="10" t="s">
        <v>22</v>
      </c>
      <c r="X1485" s="10" t="s">
        <v>22</v>
      </c>
      <c r="Y1485" s="10" t="s">
        <v>22</v>
      </c>
      <c r="Z1485" s="10" t="s">
        <v>22</v>
      </c>
    </row>
    <row r="1486" spans="1:26" ht="24" customHeight="1" x14ac:dyDescent="0.2">
      <c r="A1486" s="9" t="s">
        <v>18742</v>
      </c>
      <c r="B1486" s="9" t="s">
        <v>14</v>
      </c>
      <c r="C1486" s="9" t="s">
        <v>7085</v>
      </c>
      <c r="D1486" s="6" t="s">
        <v>7086</v>
      </c>
      <c r="E1486" s="22">
        <v>44283</v>
      </c>
      <c r="F1486" s="22">
        <v>46108</v>
      </c>
      <c r="G1486" s="6" t="s">
        <v>7087</v>
      </c>
      <c r="H1486" s="6" t="s">
        <v>2368</v>
      </c>
      <c r="I1486" s="6" t="s">
        <v>3271</v>
      </c>
      <c r="J1486" s="6" t="s">
        <v>7088</v>
      </c>
      <c r="K1486" s="9" t="s">
        <v>7089</v>
      </c>
      <c r="L1486" s="10" t="s">
        <v>22</v>
      </c>
      <c r="M1486" s="10" t="s">
        <v>22</v>
      </c>
      <c r="N1486" s="10" t="s">
        <v>22</v>
      </c>
      <c r="O1486" s="10" t="s">
        <v>22</v>
      </c>
      <c r="P1486" s="10" t="s">
        <v>22</v>
      </c>
      <c r="Q1486" s="10" t="s">
        <v>22</v>
      </c>
      <c r="R1486" s="10" t="s">
        <v>22</v>
      </c>
      <c r="S1486" s="10" t="s">
        <v>22</v>
      </c>
      <c r="T1486" s="10" t="s">
        <v>22</v>
      </c>
      <c r="U1486" s="10" t="s">
        <v>22</v>
      </c>
      <c r="V1486" s="10" t="s">
        <v>22</v>
      </c>
      <c r="W1486" s="10" t="s">
        <v>22</v>
      </c>
      <c r="X1486" s="10" t="s">
        <v>22</v>
      </c>
      <c r="Y1486" s="10" t="s">
        <v>22</v>
      </c>
      <c r="Z1486" s="10" t="s">
        <v>22</v>
      </c>
    </row>
    <row r="1487" spans="1:26" ht="24" customHeight="1" x14ac:dyDescent="0.2">
      <c r="A1487" s="9" t="s">
        <v>18743</v>
      </c>
      <c r="B1487" s="9" t="s">
        <v>14</v>
      </c>
      <c r="C1487" s="9" t="s">
        <v>7090</v>
      </c>
      <c r="D1487" s="6" t="s">
        <v>7091</v>
      </c>
      <c r="E1487" s="22">
        <v>44283</v>
      </c>
      <c r="F1487" s="22">
        <v>46108</v>
      </c>
      <c r="G1487" s="6" t="s">
        <v>7092</v>
      </c>
      <c r="H1487" s="6" t="s">
        <v>18</v>
      </c>
      <c r="I1487" s="6" t="s">
        <v>19</v>
      </c>
      <c r="J1487" s="6" t="s">
        <v>7093</v>
      </c>
      <c r="K1487" s="9" t="s">
        <v>7094</v>
      </c>
      <c r="L1487" s="10" t="s">
        <v>22</v>
      </c>
      <c r="M1487" s="10" t="s">
        <v>22</v>
      </c>
      <c r="N1487" s="10" t="s">
        <v>22</v>
      </c>
      <c r="O1487" s="10" t="s">
        <v>22</v>
      </c>
      <c r="P1487" s="10" t="s">
        <v>22</v>
      </c>
      <c r="Q1487" s="10" t="s">
        <v>22</v>
      </c>
      <c r="R1487" s="10" t="s">
        <v>22</v>
      </c>
      <c r="S1487" s="10" t="s">
        <v>22</v>
      </c>
      <c r="T1487" s="10" t="s">
        <v>22</v>
      </c>
      <c r="U1487" s="10" t="s">
        <v>22</v>
      </c>
      <c r="V1487" s="10" t="s">
        <v>22</v>
      </c>
      <c r="W1487" s="10" t="s">
        <v>22</v>
      </c>
      <c r="X1487" s="10" t="s">
        <v>22</v>
      </c>
      <c r="Y1487" s="10" t="s">
        <v>22</v>
      </c>
      <c r="Z1487" s="10" t="s">
        <v>22</v>
      </c>
    </row>
    <row r="1488" spans="1:26" ht="24" customHeight="1" x14ac:dyDescent="0.2">
      <c r="A1488" s="9" t="s">
        <v>18744</v>
      </c>
      <c r="B1488" s="9" t="s">
        <v>14</v>
      </c>
      <c r="C1488" s="9" t="s">
        <v>7095</v>
      </c>
      <c r="D1488" s="6" t="s">
        <v>7096</v>
      </c>
      <c r="E1488" s="22">
        <v>44285</v>
      </c>
      <c r="F1488" s="22">
        <v>46110</v>
      </c>
      <c r="G1488" s="6" t="s">
        <v>7097</v>
      </c>
      <c r="H1488" s="6" t="s">
        <v>62</v>
      </c>
      <c r="I1488" s="6" t="s">
        <v>318</v>
      </c>
      <c r="J1488" s="6" t="s">
        <v>7098</v>
      </c>
      <c r="K1488" s="9" t="s">
        <v>7099</v>
      </c>
      <c r="L1488" s="10" t="s">
        <v>22</v>
      </c>
      <c r="M1488" s="10" t="s">
        <v>22</v>
      </c>
      <c r="N1488" s="10" t="s">
        <v>22</v>
      </c>
      <c r="O1488" s="10" t="s">
        <v>22</v>
      </c>
      <c r="P1488" s="10" t="s">
        <v>22</v>
      </c>
      <c r="Q1488" s="10" t="s">
        <v>22</v>
      </c>
      <c r="R1488" s="10" t="s">
        <v>22</v>
      </c>
      <c r="S1488" s="10" t="s">
        <v>22</v>
      </c>
      <c r="T1488" s="10" t="s">
        <v>22</v>
      </c>
      <c r="U1488" s="10" t="s">
        <v>22</v>
      </c>
      <c r="V1488" s="10" t="s">
        <v>22</v>
      </c>
      <c r="W1488" s="10" t="s">
        <v>22</v>
      </c>
      <c r="X1488" s="10" t="s">
        <v>22</v>
      </c>
      <c r="Y1488" s="10" t="s">
        <v>22</v>
      </c>
      <c r="Z1488" s="10" t="s">
        <v>22</v>
      </c>
    </row>
    <row r="1489" spans="1:26" ht="24" customHeight="1" x14ac:dyDescent="0.2">
      <c r="A1489" s="9" t="s">
        <v>18745</v>
      </c>
      <c r="B1489" s="9" t="s">
        <v>14</v>
      </c>
      <c r="C1489" s="9" t="s">
        <v>7100</v>
      </c>
      <c r="D1489" s="6" t="s">
        <v>7101</v>
      </c>
      <c r="E1489" s="22">
        <v>44285</v>
      </c>
      <c r="F1489" s="22">
        <v>46110</v>
      </c>
      <c r="G1489" s="6" t="s">
        <v>7102</v>
      </c>
      <c r="H1489" s="6" t="s">
        <v>62</v>
      </c>
      <c r="I1489" s="6" t="s">
        <v>357</v>
      </c>
      <c r="J1489" s="6" t="s">
        <v>7103</v>
      </c>
      <c r="K1489" s="9" t="s">
        <v>7104</v>
      </c>
      <c r="L1489" s="10" t="s">
        <v>22</v>
      </c>
      <c r="M1489" s="10" t="s">
        <v>22</v>
      </c>
      <c r="N1489" s="10" t="s">
        <v>22</v>
      </c>
      <c r="O1489" s="10" t="s">
        <v>22</v>
      </c>
      <c r="P1489" s="10" t="s">
        <v>22</v>
      </c>
      <c r="Q1489" s="10" t="s">
        <v>22</v>
      </c>
      <c r="R1489" s="10" t="s">
        <v>22</v>
      </c>
      <c r="S1489" s="10" t="s">
        <v>22</v>
      </c>
      <c r="T1489" s="10" t="s">
        <v>22</v>
      </c>
      <c r="U1489" s="10" t="s">
        <v>22</v>
      </c>
      <c r="V1489" s="10" t="s">
        <v>22</v>
      </c>
      <c r="W1489" s="10" t="s">
        <v>22</v>
      </c>
      <c r="X1489" s="10" t="s">
        <v>22</v>
      </c>
      <c r="Y1489" s="10" t="s">
        <v>22</v>
      </c>
      <c r="Z1489" s="10" t="s">
        <v>22</v>
      </c>
    </row>
    <row r="1490" spans="1:26" ht="24" customHeight="1" x14ac:dyDescent="0.2">
      <c r="A1490" s="9" t="s">
        <v>18746</v>
      </c>
      <c r="B1490" s="9" t="s">
        <v>14</v>
      </c>
      <c r="C1490" s="9" t="s">
        <v>7105</v>
      </c>
      <c r="D1490" s="6" t="s">
        <v>7106</v>
      </c>
      <c r="E1490" s="22">
        <v>44285</v>
      </c>
      <c r="F1490" s="22">
        <v>46110</v>
      </c>
      <c r="G1490" s="6" t="s">
        <v>7107</v>
      </c>
      <c r="H1490" s="6" t="s">
        <v>202</v>
      </c>
      <c r="I1490" s="6" t="s">
        <v>3026</v>
      </c>
      <c r="J1490" s="6" t="s">
        <v>16227</v>
      </c>
      <c r="K1490" s="9" t="s">
        <v>16228</v>
      </c>
      <c r="L1490" s="10" t="s">
        <v>22</v>
      </c>
      <c r="M1490" s="10" t="s">
        <v>22</v>
      </c>
      <c r="N1490" s="10" t="s">
        <v>22</v>
      </c>
      <c r="O1490" s="10" t="s">
        <v>22</v>
      </c>
      <c r="P1490" s="10" t="s">
        <v>22</v>
      </c>
      <c r="Q1490" s="10" t="s">
        <v>22</v>
      </c>
      <c r="R1490" s="10" t="s">
        <v>22</v>
      </c>
      <c r="S1490" s="10" t="s">
        <v>22</v>
      </c>
      <c r="T1490" s="10" t="s">
        <v>22</v>
      </c>
      <c r="U1490" s="10" t="s">
        <v>22</v>
      </c>
      <c r="V1490" s="10" t="s">
        <v>22</v>
      </c>
      <c r="W1490" s="10" t="s">
        <v>22</v>
      </c>
      <c r="X1490" s="10" t="s">
        <v>22</v>
      </c>
      <c r="Y1490" s="10" t="s">
        <v>22</v>
      </c>
      <c r="Z1490" s="10" t="s">
        <v>22</v>
      </c>
    </row>
    <row r="1491" spans="1:26" ht="24" customHeight="1" x14ac:dyDescent="0.2">
      <c r="A1491" s="9" t="s">
        <v>18747</v>
      </c>
      <c r="B1491" s="9" t="s">
        <v>14</v>
      </c>
      <c r="C1491" s="9" t="s">
        <v>7108</v>
      </c>
      <c r="D1491" s="6" t="s">
        <v>7109</v>
      </c>
      <c r="E1491" s="22">
        <v>44285</v>
      </c>
      <c r="F1491" s="22">
        <v>46110</v>
      </c>
      <c r="G1491" s="6" t="s">
        <v>7110</v>
      </c>
      <c r="H1491" s="6" t="s">
        <v>62</v>
      </c>
      <c r="I1491" s="6" t="s">
        <v>306</v>
      </c>
      <c r="J1491" s="6" t="s">
        <v>7111</v>
      </c>
      <c r="K1491" s="9" t="s">
        <v>7112</v>
      </c>
      <c r="L1491" s="10" t="s">
        <v>22</v>
      </c>
      <c r="M1491" s="10" t="s">
        <v>22</v>
      </c>
      <c r="N1491" s="10" t="s">
        <v>22</v>
      </c>
      <c r="O1491" s="10" t="s">
        <v>22</v>
      </c>
      <c r="P1491" s="10" t="s">
        <v>22</v>
      </c>
      <c r="Q1491" s="10" t="s">
        <v>22</v>
      </c>
      <c r="U1491" s="10" t="s">
        <v>22</v>
      </c>
      <c r="V1491" s="10" t="s">
        <v>22</v>
      </c>
      <c r="W1491" s="10" t="s">
        <v>22</v>
      </c>
      <c r="X1491" s="10" t="s">
        <v>22</v>
      </c>
      <c r="Y1491" s="10" t="s">
        <v>22</v>
      </c>
      <c r="Z1491" s="10" t="s">
        <v>22</v>
      </c>
    </row>
    <row r="1492" spans="1:26" ht="24" customHeight="1" x14ac:dyDescent="0.2">
      <c r="A1492" s="9" t="s">
        <v>18748</v>
      </c>
      <c r="B1492" s="9" t="s">
        <v>14</v>
      </c>
      <c r="C1492" s="9" t="s">
        <v>7113</v>
      </c>
      <c r="D1492" s="6" t="s">
        <v>7114</v>
      </c>
      <c r="E1492" s="22">
        <v>44291</v>
      </c>
      <c r="F1492" s="22">
        <v>46116</v>
      </c>
      <c r="G1492" s="6" t="s">
        <v>7115</v>
      </c>
      <c r="H1492" s="6" t="s">
        <v>7116</v>
      </c>
      <c r="I1492" s="6" t="s">
        <v>7117</v>
      </c>
      <c r="J1492" s="6" t="s">
        <v>7118</v>
      </c>
      <c r="K1492" s="9" t="s">
        <v>7119</v>
      </c>
      <c r="L1492" s="10" t="s">
        <v>22</v>
      </c>
      <c r="M1492" s="10" t="s">
        <v>22</v>
      </c>
      <c r="N1492" s="10" t="s">
        <v>22</v>
      </c>
      <c r="O1492" s="10" t="s">
        <v>22</v>
      </c>
      <c r="P1492" s="10" t="s">
        <v>22</v>
      </c>
      <c r="Q1492" s="10" t="s">
        <v>22</v>
      </c>
      <c r="R1492" s="10" t="s">
        <v>22</v>
      </c>
      <c r="S1492" s="10" t="s">
        <v>22</v>
      </c>
      <c r="T1492" s="10" t="s">
        <v>22</v>
      </c>
      <c r="U1492" s="10" t="s">
        <v>22</v>
      </c>
      <c r="V1492" s="10" t="s">
        <v>22</v>
      </c>
      <c r="W1492" s="10" t="s">
        <v>22</v>
      </c>
      <c r="X1492" s="10" t="s">
        <v>22</v>
      </c>
      <c r="Y1492" s="10" t="s">
        <v>22</v>
      </c>
      <c r="Z1492" s="10" t="s">
        <v>22</v>
      </c>
    </row>
    <row r="1493" spans="1:26" ht="24" customHeight="1" x14ac:dyDescent="0.2">
      <c r="A1493" s="9" t="s">
        <v>18749</v>
      </c>
      <c r="B1493" s="9" t="s">
        <v>14</v>
      </c>
      <c r="C1493" s="9" t="s">
        <v>7120</v>
      </c>
      <c r="D1493" s="6" t="s">
        <v>7121</v>
      </c>
      <c r="E1493" s="22">
        <v>44291</v>
      </c>
      <c r="F1493" s="22">
        <v>46116</v>
      </c>
      <c r="G1493" s="6" t="s">
        <v>7122</v>
      </c>
      <c r="H1493" s="6" t="s">
        <v>62</v>
      </c>
      <c r="I1493" s="6" t="s">
        <v>73</v>
      </c>
      <c r="J1493" s="6" t="s">
        <v>7123</v>
      </c>
      <c r="L1493" s="10" t="s">
        <v>22</v>
      </c>
      <c r="M1493" s="10" t="s">
        <v>22</v>
      </c>
      <c r="N1493" s="10" t="s">
        <v>22</v>
      </c>
      <c r="O1493" s="10" t="s">
        <v>22</v>
      </c>
      <c r="P1493" s="10" t="s">
        <v>22</v>
      </c>
      <c r="Q1493" s="10" t="s">
        <v>22</v>
      </c>
      <c r="R1493" s="10" t="s">
        <v>22</v>
      </c>
      <c r="S1493" s="10" t="s">
        <v>22</v>
      </c>
      <c r="T1493" s="10" t="s">
        <v>22</v>
      </c>
      <c r="U1493" s="10" t="s">
        <v>22</v>
      </c>
      <c r="V1493" s="10" t="s">
        <v>22</v>
      </c>
      <c r="W1493" s="10" t="s">
        <v>22</v>
      </c>
      <c r="X1493" s="10" t="s">
        <v>22</v>
      </c>
      <c r="Y1493" s="10" t="s">
        <v>22</v>
      </c>
      <c r="Z1493" s="10" t="s">
        <v>22</v>
      </c>
    </row>
    <row r="1494" spans="1:26" ht="24" customHeight="1" x14ac:dyDescent="0.2">
      <c r="A1494" s="9" t="s">
        <v>18750</v>
      </c>
      <c r="B1494" s="9" t="s">
        <v>14</v>
      </c>
      <c r="C1494" s="9" t="s">
        <v>7124</v>
      </c>
      <c r="D1494" s="6" t="s">
        <v>7125</v>
      </c>
      <c r="E1494" s="22">
        <v>44291</v>
      </c>
      <c r="F1494" s="22">
        <v>46116</v>
      </c>
      <c r="G1494" s="6" t="s">
        <v>7126</v>
      </c>
      <c r="H1494" s="6" t="s">
        <v>62</v>
      </c>
      <c r="I1494" s="6" t="s">
        <v>551</v>
      </c>
      <c r="J1494" s="6" t="s">
        <v>7127</v>
      </c>
      <c r="K1494" s="9" t="s">
        <v>7128</v>
      </c>
      <c r="L1494" s="10" t="s">
        <v>22</v>
      </c>
      <c r="M1494" s="10" t="s">
        <v>22</v>
      </c>
      <c r="N1494" s="10" t="s">
        <v>22</v>
      </c>
      <c r="O1494" s="10" t="s">
        <v>22</v>
      </c>
      <c r="P1494" s="10" t="s">
        <v>22</v>
      </c>
      <c r="Q1494" s="10" t="s">
        <v>22</v>
      </c>
      <c r="U1494" s="10" t="s">
        <v>22</v>
      </c>
      <c r="V1494" s="10" t="s">
        <v>22</v>
      </c>
      <c r="W1494" s="10" t="s">
        <v>22</v>
      </c>
      <c r="X1494" s="10" t="s">
        <v>22</v>
      </c>
      <c r="Y1494" s="10" t="s">
        <v>22</v>
      </c>
      <c r="Z1494" s="10" t="s">
        <v>22</v>
      </c>
    </row>
    <row r="1495" spans="1:26" ht="24" customHeight="1" x14ac:dyDescent="0.2">
      <c r="A1495" s="9" t="s">
        <v>18751</v>
      </c>
      <c r="B1495" s="9" t="s">
        <v>14</v>
      </c>
      <c r="C1495" s="9" t="s">
        <v>7129</v>
      </c>
      <c r="D1495" s="6" t="s">
        <v>7130</v>
      </c>
      <c r="E1495" s="22">
        <v>44291</v>
      </c>
      <c r="F1495" s="22">
        <v>46116</v>
      </c>
      <c r="G1495" s="6" t="s">
        <v>7131</v>
      </c>
      <c r="H1495" s="6" t="s">
        <v>4409</v>
      </c>
      <c r="I1495" s="6" t="s">
        <v>7132</v>
      </c>
      <c r="J1495" s="6" t="s">
        <v>7133</v>
      </c>
      <c r="K1495" s="9" t="s">
        <v>7134</v>
      </c>
      <c r="L1495" s="10" t="s">
        <v>22</v>
      </c>
      <c r="M1495" s="10" t="s">
        <v>22</v>
      </c>
      <c r="N1495" s="10" t="s">
        <v>22</v>
      </c>
      <c r="O1495" s="10" t="s">
        <v>22</v>
      </c>
      <c r="P1495" s="10" t="s">
        <v>22</v>
      </c>
      <c r="Q1495" s="10" t="s">
        <v>22</v>
      </c>
      <c r="R1495" s="10" t="s">
        <v>22</v>
      </c>
      <c r="S1495" s="10" t="s">
        <v>22</v>
      </c>
      <c r="T1495" s="10" t="s">
        <v>22</v>
      </c>
      <c r="U1495" s="10" t="s">
        <v>22</v>
      </c>
      <c r="V1495" s="10" t="s">
        <v>22</v>
      </c>
      <c r="W1495" s="10" t="s">
        <v>22</v>
      </c>
      <c r="X1495" s="10" t="s">
        <v>22</v>
      </c>
      <c r="Y1495" s="10" t="s">
        <v>22</v>
      </c>
      <c r="Z1495" s="10" t="s">
        <v>22</v>
      </c>
    </row>
    <row r="1496" spans="1:26" ht="24" customHeight="1" x14ac:dyDescent="0.2">
      <c r="A1496" s="9" t="s">
        <v>18752</v>
      </c>
      <c r="B1496" s="9" t="s">
        <v>14</v>
      </c>
      <c r="C1496" s="9" t="s">
        <v>7135</v>
      </c>
      <c r="D1496" s="6" t="s">
        <v>7136</v>
      </c>
      <c r="E1496" s="22">
        <v>44291</v>
      </c>
      <c r="F1496" s="22">
        <v>46116</v>
      </c>
      <c r="G1496" s="6" t="s">
        <v>7137</v>
      </c>
      <c r="H1496" s="6" t="s">
        <v>62</v>
      </c>
      <c r="I1496" s="6" t="s">
        <v>318</v>
      </c>
      <c r="J1496" s="6" t="s">
        <v>7138</v>
      </c>
      <c r="K1496" s="9" t="s">
        <v>7139</v>
      </c>
      <c r="L1496" s="10" t="s">
        <v>22</v>
      </c>
      <c r="M1496" s="10" t="s">
        <v>22</v>
      </c>
      <c r="N1496" s="10" t="s">
        <v>22</v>
      </c>
      <c r="O1496" s="10" t="s">
        <v>22</v>
      </c>
      <c r="P1496" s="10" t="s">
        <v>22</v>
      </c>
      <c r="Q1496" s="10" t="s">
        <v>22</v>
      </c>
      <c r="U1496" s="10" t="s">
        <v>22</v>
      </c>
      <c r="V1496" s="10" t="s">
        <v>22</v>
      </c>
      <c r="W1496" s="10" t="s">
        <v>22</v>
      </c>
      <c r="X1496" s="10" t="s">
        <v>22</v>
      </c>
      <c r="Y1496" s="10" t="s">
        <v>22</v>
      </c>
      <c r="Z1496" s="10" t="s">
        <v>22</v>
      </c>
    </row>
    <row r="1497" spans="1:26" ht="24" customHeight="1" x14ac:dyDescent="0.2">
      <c r="A1497" s="9" t="s">
        <v>18753</v>
      </c>
      <c r="B1497" s="9" t="s">
        <v>14</v>
      </c>
      <c r="C1497" s="9" t="s">
        <v>7140</v>
      </c>
      <c r="D1497" s="6" t="s">
        <v>7141</v>
      </c>
      <c r="E1497" s="22">
        <v>44291</v>
      </c>
      <c r="F1497" s="22">
        <v>46116</v>
      </c>
      <c r="G1497" s="6" t="s">
        <v>7142</v>
      </c>
      <c r="H1497" s="6" t="s">
        <v>202</v>
      </c>
      <c r="I1497" s="6" t="s">
        <v>3050</v>
      </c>
      <c r="J1497" s="6" t="s">
        <v>7143</v>
      </c>
      <c r="K1497" s="9" t="s">
        <v>7144</v>
      </c>
      <c r="L1497" s="10" t="s">
        <v>22</v>
      </c>
      <c r="M1497" s="10" t="s">
        <v>22</v>
      </c>
      <c r="N1497" s="10" t="s">
        <v>22</v>
      </c>
      <c r="O1497" s="10" t="s">
        <v>22</v>
      </c>
      <c r="P1497" s="10" t="s">
        <v>22</v>
      </c>
      <c r="Q1497" s="10" t="s">
        <v>22</v>
      </c>
      <c r="U1497" s="10" t="s">
        <v>22</v>
      </c>
      <c r="V1497" s="10" t="s">
        <v>22</v>
      </c>
      <c r="W1497" s="10" t="s">
        <v>22</v>
      </c>
      <c r="X1497" s="10" t="s">
        <v>22</v>
      </c>
      <c r="Y1497" s="10" t="s">
        <v>22</v>
      </c>
      <c r="Z1497" s="10" t="s">
        <v>22</v>
      </c>
    </row>
    <row r="1498" spans="1:26" ht="24" customHeight="1" x14ac:dyDescent="0.2">
      <c r="A1498" s="9" t="s">
        <v>18754</v>
      </c>
      <c r="B1498" s="9" t="s">
        <v>14</v>
      </c>
      <c r="C1498" s="9" t="s">
        <v>7145</v>
      </c>
      <c r="D1498" s="6" t="s">
        <v>7146</v>
      </c>
      <c r="E1498" s="22">
        <v>44298</v>
      </c>
      <c r="F1498" s="22">
        <v>46123</v>
      </c>
      <c r="G1498" s="6" t="s">
        <v>7147</v>
      </c>
      <c r="H1498" s="6" t="s">
        <v>62</v>
      </c>
      <c r="I1498" s="6" t="s">
        <v>186</v>
      </c>
      <c r="J1498" s="6" t="s">
        <v>7148</v>
      </c>
      <c r="K1498" s="9" t="s">
        <v>7149</v>
      </c>
      <c r="L1498" s="10" t="s">
        <v>22</v>
      </c>
      <c r="M1498" s="10" t="s">
        <v>22</v>
      </c>
      <c r="N1498" s="10" t="s">
        <v>22</v>
      </c>
      <c r="O1498" s="10" t="s">
        <v>22</v>
      </c>
      <c r="P1498" s="10" t="s">
        <v>22</v>
      </c>
      <c r="Q1498" s="10" t="s">
        <v>22</v>
      </c>
      <c r="U1498" s="10" t="s">
        <v>22</v>
      </c>
      <c r="V1498" s="10" t="s">
        <v>22</v>
      </c>
      <c r="W1498" s="10" t="s">
        <v>22</v>
      </c>
      <c r="X1498" s="10" t="s">
        <v>22</v>
      </c>
      <c r="Y1498" s="10" t="s">
        <v>22</v>
      </c>
      <c r="Z1498" s="10" t="s">
        <v>22</v>
      </c>
    </row>
    <row r="1499" spans="1:26" ht="24" customHeight="1" x14ac:dyDescent="0.2">
      <c r="A1499" s="9" t="s">
        <v>18755</v>
      </c>
      <c r="B1499" s="9" t="s">
        <v>14</v>
      </c>
      <c r="C1499" s="9" t="s">
        <v>7150</v>
      </c>
      <c r="D1499" s="6" t="s">
        <v>7151</v>
      </c>
      <c r="E1499" s="22">
        <v>44298</v>
      </c>
      <c r="F1499" s="22">
        <v>46123</v>
      </c>
      <c r="G1499" s="6" t="s">
        <v>7152</v>
      </c>
      <c r="H1499" s="6" t="s">
        <v>2029</v>
      </c>
      <c r="I1499" s="6" t="s">
        <v>2874</v>
      </c>
      <c r="J1499" s="6" t="s">
        <v>7153</v>
      </c>
      <c r="K1499" s="9" t="s">
        <v>7154</v>
      </c>
      <c r="L1499" s="10" t="s">
        <v>22</v>
      </c>
      <c r="M1499" s="10" t="s">
        <v>22</v>
      </c>
      <c r="N1499" s="10" t="s">
        <v>22</v>
      </c>
      <c r="O1499" s="10" t="s">
        <v>22</v>
      </c>
      <c r="P1499" s="10" t="s">
        <v>22</v>
      </c>
      <c r="Q1499" s="10" t="s">
        <v>22</v>
      </c>
      <c r="U1499" s="10" t="s">
        <v>22</v>
      </c>
      <c r="V1499" s="10" t="s">
        <v>22</v>
      </c>
      <c r="W1499" s="10" t="s">
        <v>22</v>
      </c>
      <c r="X1499" s="10" t="s">
        <v>22</v>
      </c>
      <c r="Y1499" s="10" t="s">
        <v>22</v>
      </c>
      <c r="Z1499" s="10" t="s">
        <v>22</v>
      </c>
    </row>
    <row r="1500" spans="1:26" ht="24" customHeight="1" x14ac:dyDescent="0.2">
      <c r="A1500" s="9" t="s">
        <v>18756</v>
      </c>
      <c r="B1500" s="9" t="s">
        <v>14</v>
      </c>
      <c r="C1500" s="9" t="s">
        <v>7155</v>
      </c>
      <c r="D1500" s="6" t="s">
        <v>16229</v>
      </c>
      <c r="E1500" s="22">
        <v>44298</v>
      </c>
      <c r="F1500" s="22">
        <v>46123</v>
      </c>
      <c r="G1500" s="6" t="s">
        <v>7156</v>
      </c>
      <c r="H1500" s="6" t="s">
        <v>62</v>
      </c>
      <c r="I1500" s="6" t="s">
        <v>318</v>
      </c>
      <c r="J1500" s="6" t="s">
        <v>7157</v>
      </c>
      <c r="K1500" s="9" t="s">
        <v>7158</v>
      </c>
      <c r="L1500" s="10" t="s">
        <v>22</v>
      </c>
      <c r="M1500" s="10" t="s">
        <v>22</v>
      </c>
      <c r="N1500" s="10" t="s">
        <v>22</v>
      </c>
      <c r="O1500" s="10" t="s">
        <v>22</v>
      </c>
      <c r="P1500" s="10" t="s">
        <v>22</v>
      </c>
      <c r="Q1500" s="10" t="s">
        <v>22</v>
      </c>
      <c r="R1500" s="10" t="s">
        <v>22</v>
      </c>
      <c r="S1500" s="10" t="s">
        <v>22</v>
      </c>
      <c r="T1500" s="10" t="s">
        <v>22</v>
      </c>
      <c r="U1500" s="10" t="s">
        <v>22</v>
      </c>
      <c r="V1500" s="10" t="s">
        <v>22</v>
      </c>
      <c r="W1500" s="10" t="s">
        <v>22</v>
      </c>
      <c r="X1500" s="10" t="s">
        <v>22</v>
      </c>
      <c r="Y1500" s="10" t="s">
        <v>22</v>
      </c>
      <c r="Z1500" s="10" t="s">
        <v>22</v>
      </c>
    </row>
    <row r="1501" spans="1:26" ht="24" customHeight="1" x14ac:dyDescent="0.2">
      <c r="A1501" s="9" t="s">
        <v>18757</v>
      </c>
      <c r="B1501" s="9" t="s">
        <v>14</v>
      </c>
      <c r="C1501" s="9" t="s">
        <v>7159</v>
      </c>
      <c r="D1501" s="6" t="s">
        <v>7160</v>
      </c>
      <c r="E1501" s="22">
        <v>44298</v>
      </c>
      <c r="F1501" s="22">
        <v>46123</v>
      </c>
      <c r="G1501" s="6" t="s">
        <v>7161</v>
      </c>
      <c r="H1501" s="6" t="s">
        <v>202</v>
      </c>
      <c r="I1501" s="6" t="s">
        <v>879</v>
      </c>
      <c r="J1501" s="6" t="s">
        <v>7162</v>
      </c>
      <c r="K1501" s="9" t="s">
        <v>7163</v>
      </c>
      <c r="L1501" s="10" t="s">
        <v>22</v>
      </c>
      <c r="M1501" s="10" t="s">
        <v>22</v>
      </c>
      <c r="N1501" s="10" t="s">
        <v>22</v>
      </c>
      <c r="O1501" s="10" t="s">
        <v>22</v>
      </c>
      <c r="P1501" s="10" t="s">
        <v>22</v>
      </c>
      <c r="Q1501" s="10" t="s">
        <v>22</v>
      </c>
      <c r="R1501" s="10" t="s">
        <v>22</v>
      </c>
      <c r="S1501" s="10" t="s">
        <v>22</v>
      </c>
      <c r="T1501" s="10" t="s">
        <v>22</v>
      </c>
      <c r="V1501" s="10" t="s">
        <v>22</v>
      </c>
      <c r="W1501" s="10" t="s">
        <v>22</v>
      </c>
      <c r="Y1501" s="10" t="s">
        <v>22</v>
      </c>
      <c r="Z1501" s="10" t="s">
        <v>22</v>
      </c>
    </row>
    <row r="1502" spans="1:26" ht="24" customHeight="1" x14ac:dyDescent="0.2">
      <c r="A1502" s="9" t="s">
        <v>18758</v>
      </c>
      <c r="B1502" s="9" t="s">
        <v>14</v>
      </c>
      <c r="C1502" s="9" t="s">
        <v>7164</v>
      </c>
      <c r="D1502" s="6" t="s">
        <v>7165</v>
      </c>
      <c r="E1502" s="22">
        <v>44298</v>
      </c>
      <c r="F1502" s="22">
        <v>46123</v>
      </c>
      <c r="G1502" s="6" t="s">
        <v>7166</v>
      </c>
      <c r="H1502" s="6" t="s">
        <v>62</v>
      </c>
      <c r="I1502" s="6" t="s">
        <v>318</v>
      </c>
      <c r="J1502" s="6" t="s">
        <v>7167</v>
      </c>
      <c r="K1502" s="9" t="s">
        <v>7168</v>
      </c>
      <c r="L1502" s="10" t="s">
        <v>22</v>
      </c>
      <c r="M1502" s="10" t="s">
        <v>22</v>
      </c>
      <c r="N1502" s="10" t="s">
        <v>22</v>
      </c>
      <c r="O1502" s="10" t="s">
        <v>22</v>
      </c>
      <c r="P1502" s="10" t="s">
        <v>22</v>
      </c>
      <c r="Q1502" s="10" t="s">
        <v>22</v>
      </c>
      <c r="R1502" s="10" t="s">
        <v>22</v>
      </c>
      <c r="S1502" s="10" t="s">
        <v>22</v>
      </c>
      <c r="T1502" s="10" t="s">
        <v>22</v>
      </c>
      <c r="U1502" s="10" t="s">
        <v>22</v>
      </c>
      <c r="V1502" s="10" t="s">
        <v>22</v>
      </c>
      <c r="W1502" s="10" t="s">
        <v>22</v>
      </c>
      <c r="X1502" s="10" t="s">
        <v>22</v>
      </c>
      <c r="Y1502" s="10" t="s">
        <v>22</v>
      </c>
      <c r="Z1502" s="10" t="s">
        <v>22</v>
      </c>
    </row>
    <row r="1503" spans="1:26" ht="24" customHeight="1" x14ac:dyDescent="0.2">
      <c r="A1503" s="9" t="s">
        <v>18759</v>
      </c>
      <c r="B1503" s="9" t="s">
        <v>14</v>
      </c>
      <c r="C1503" s="9" t="s">
        <v>7169</v>
      </c>
      <c r="D1503" s="6" t="s">
        <v>7170</v>
      </c>
      <c r="E1503" s="22">
        <v>44305</v>
      </c>
      <c r="F1503" s="22">
        <v>46130</v>
      </c>
      <c r="G1503" s="6" t="s">
        <v>7171</v>
      </c>
      <c r="H1503" s="6" t="s">
        <v>62</v>
      </c>
      <c r="I1503" s="6" t="s">
        <v>186</v>
      </c>
      <c r="J1503" s="6" t="s">
        <v>7172</v>
      </c>
      <c r="K1503" s="9" t="s">
        <v>7173</v>
      </c>
      <c r="L1503" s="10" t="s">
        <v>22</v>
      </c>
      <c r="M1503" s="10" t="s">
        <v>22</v>
      </c>
      <c r="N1503" s="10" t="s">
        <v>22</v>
      </c>
      <c r="O1503" s="10" t="s">
        <v>22</v>
      </c>
      <c r="P1503" s="10" t="s">
        <v>22</v>
      </c>
      <c r="Q1503" s="10" t="s">
        <v>22</v>
      </c>
      <c r="U1503" s="10" t="s">
        <v>22</v>
      </c>
      <c r="V1503" s="10" t="s">
        <v>22</v>
      </c>
      <c r="W1503" s="10" t="s">
        <v>22</v>
      </c>
      <c r="X1503" s="10" t="s">
        <v>22</v>
      </c>
      <c r="Y1503" s="10" t="s">
        <v>22</v>
      </c>
      <c r="Z1503" s="10" t="s">
        <v>22</v>
      </c>
    </row>
    <row r="1504" spans="1:26" ht="24" customHeight="1" x14ac:dyDescent="0.2">
      <c r="A1504" s="9" t="s">
        <v>18760</v>
      </c>
      <c r="B1504" s="9" t="s">
        <v>14</v>
      </c>
      <c r="C1504" s="9" t="s">
        <v>7174</v>
      </c>
      <c r="D1504" s="6" t="s">
        <v>7175</v>
      </c>
      <c r="E1504" s="22">
        <v>44307</v>
      </c>
      <c r="F1504" s="22">
        <v>46132</v>
      </c>
      <c r="G1504" s="6" t="s">
        <v>7176</v>
      </c>
      <c r="H1504" s="6" t="s">
        <v>62</v>
      </c>
      <c r="I1504" s="6" t="s">
        <v>994</v>
      </c>
      <c r="J1504" s="6" t="s">
        <v>7177</v>
      </c>
      <c r="K1504" s="9" t="s">
        <v>7178</v>
      </c>
      <c r="L1504" s="10" t="s">
        <v>22</v>
      </c>
      <c r="M1504" s="10" t="s">
        <v>22</v>
      </c>
      <c r="N1504" s="10" t="s">
        <v>22</v>
      </c>
      <c r="O1504" s="10" t="s">
        <v>22</v>
      </c>
      <c r="P1504" s="10" t="s">
        <v>22</v>
      </c>
      <c r="Q1504" s="10" t="s">
        <v>22</v>
      </c>
      <c r="U1504" s="10" t="s">
        <v>22</v>
      </c>
      <c r="V1504" s="10" t="s">
        <v>22</v>
      </c>
      <c r="W1504" s="10" t="s">
        <v>22</v>
      </c>
      <c r="X1504" s="10" t="s">
        <v>22</v>
      </c>
      <c r="Y1504" s="10" t="s">
        <v>22</v>
      </c>
      <c r="Z1504" s="10" t="s">
        <v>22</v>
      </c>
    </row>
    <row r="1505" spans="1:26" ht="24" customHeight="1" x14ac:dyDescent="0.2">
      <c r="A1505" s="9" t="s">
        <v>18761</v>
      </c>
      <c r="B1505" s="9" t="s">
        <v>14</v>
      </c>
      <c r="C1505" s="9" t="s">
        <v>7179</v>
      </c>
      <c r="D1505" s="6" t="s">
        <v>7180</v>
      </c>
      <c r="E1505" s="22">
        <v>44307</v>
      </c>
      <c r="F1505" s="22">
        <v>46132</v>
      </c>
      <c r="G1505" s="6" t="s">
        <v>7181</v>
      </c>
      <c r="H1505" s="6" t="s">
        <v>202</v>
      </c>
      <c r="I1505" s="6" t="s">
        <v>3050</v>
      </c>
      <c r="J1505" s="6" t="s">
        <v>7182</v>
      </c>
      <c r="K1505" s="9" t="s">
        <v>7183</v>
      </c>
      <c r="L1505" s="10" t="s">
        <v>22</v>
      </c>
      <c r="M1505" s="10" t="s">
        <v>22</v>
      </c>
      <c r="N1505" s="10" t="s">
        <v>22</v>
      </c>
      <c r="O1505" s="10" t="s">
        <v>22</v>
      </c>
      <c r="P1505" s="10" t="s">
        <v>22</v>
      </c>
      <c r="Q1505" s="10" t="s">
        <v>22</v>
      </c>
      <c r="U1505" s="10" t="s">
        <v>22</v>
      </c>
      <c r="V1505" s="10" t="s">
        <v>22</v>
      </c>
      <c r="W1505" s="10" t="s">
        <v>22</v>
      </c>
      <c r="X1505" s="10" t="s">
        <v>22</v>
      </c>
      <c r="Y1505" s="10" t="s">
        <v>22</v>
      </c>
      <c r="Z1505" s="10" t="s">
        <v>22</v>
      </c>
    </row>
    <row r="1506" spans="1:26" ht="24" customHeight="1" x14ac:dyDescent="0.2">
      <c r="A1506" s="9" t="s">
        <v>18762</v>
      </c>
      <c r="B1506" s="9" t="s">
        <v>14</v>
      </c>
      <c r="C1506" s="9" t="s">
        <v>7184</v>
      </c>
      <c r="D1506" s="6" t="s">
        <v>7185</v>
      </c>
      <c r="E1506" s="22">
        <v>44307</v>
      </c>
      <c r="F1506" s="22">
        <v>46132</v>
      </c>
      <c r="G1506" s="6" t="s">
        <v>7186</v>
      </c>
      <c r="H1506" s="6" t="s">
        <v>202</v>
      </c>
      <c r="I1506" s="6" t="s">
        <v>3050</v>
      </c>
      <c r="J1506" s="6" t="s">
        <v>7187</v>
      </c>
      <c r="K1506" s="9" t="s">
        <v>7188</v>
      </c>
      <c r="L1506" s="10" t="s">
        <v>22</v>
      </c>
      <c r="M1506" s="10" t="s">
        <v>22</v>
      </c>
      <c r="N1506" s="10" t="s">
        <v>22</v>
      </c>
      <c r="O1506" s="10" t="s">
        <v>22</v>
      </c>
      <c r="P1506" s="10" t="s">
        <v>22</v>
      </c>
      <c r="Q1506" s="10" t="s">
        <v>22</v>
      </c>
      <c r="U1506" s="10" t="s">
        <v>22</v>
      </c>
      <c r="V1506" s="10" t="s">
        <v>22</v>
      </c>
      <c r="W1506" s="10" t="s">
        <v>22</v>
      </c>
      <c r="X1506" s="10" t="s">
        <v>22</v>
      </c>
      <c r="Y1506" s="10" t="s">
        <v>22</v>
      </c>
      <c r="Z1506" s="10" t="s">
        <v>22</v>
      </c>
    </row>
    <row r="1507" spans="1:26" ht="24" customHeight="1" x14ac:dyDescent="0.2">
      <c r="A1507" s="9" t="s">
        <v>18763</v>
      </c>
      <c r="B1507" s="9" t="s">
        <v>14</v>
      </c>
      <c r="C1507" s="9" t="s">
        <v>7189</v>
      </c>
      <c r="D1507" s="6" t="s">
        <v>7190</v>
      </c>
      <c r="E1507" s="22">
        <v>44307</v>
      </c>
      <c r="F1507" s="22">
        <v>46132</v>
      </c>
      <c r="G1507" s="6" t="s">
        <v>7191</v>
      </c>
      <c r="H1507" s="6" t="s">
        <v>18</v>
      </c>
      <c r="I1507" s="6" t="s">
        <v>19</v>
      </c>
      <c r="J1507" s="6" t="s">
        <v>7192</v>
      </c>
      <c r="K1507" s="9" t="s">
        <v>7193</v>
      </c>
      <c r="L1507" s="10" t="s">
        <v>22</v>
      </c>
      <c r="M1507" s="10" t="s">
        <v>22</v>
      </c>
      <c r="N1507" s="10" t="s">
        <v>22</v>
      </c>
      <c r="O1507" s="10" t="s">
        <v>22</v>
      </c>
      <c r="P1507" s="10" t="s">
        <v>22</v>
      </c>
      <c r="Q1507" s="10" t="s">
        <v>22</v>
      </c>
      <c r="U1507" s="10" t="s">
        <v>22</v>
      </c>
      <c r="V1507" s="10" t="s">
        <v>22</v>
      </c>
      <c r="W1507" s="10" t="s">
        <v>22</v>
      </c>
      <c r="X1507" s="10" t="s">
        <v>22</v>
      </c>
      <c r="Y1507" s="10" t="s">
        <v>22</v>
      </c>
      <c r="Z1507" s="10" t="s">
        <v>22</v>
      </c>
    </row>
    <row r="1508" spans="1:26" ht="24" customHeight="1" x14ac:dyDescent="0.2">
      <c r="A1508" s="9" t="s">
        <v>18764</v>
      </c>
      <c r="B1508" s="9" t="s">
        <v>14</v>
      </c>
      <c r="C1508" s="9" t="s">
        <v>7194</v>
      </c>
      <c r="D1508" s="6" t="s">
        <v>7195</v>
      </c>
      <c r="E1508" s="22">
        <v>44307</v>
      </c>
      <c r="F1508" s="22">
        <v>46132</v>
      </c>
      <c r="G1508" s="6" t="s">
        <v>7196</v>
      </c>
      <c r="H1508" s="6" t="s">
        <v>202</v>
      </c>
      <c r="I1508" s="6" t="s">
        <v>863</v>
      </c>
      <c r="J1508" s="6" t="s">
        <v>7197</v>
      </c>
      <c r="L1508" s="10" t="s">
        <v>22</v>
      </c>
      <c r="M1508" s="10" t="s">
        <v>22</v>
      </c>
      <c r="N1508" s="10" t="s">
        <v>22</v>
      </c>
      <c r="O1508" s="10" t="s">
        <v>22</v>
      </c>
      <c r="P1508" s="10" t="s">
        <v>22</v>
      </c>
      <c r="Q1508" s="10" t="s">
        <v>22</v>
      </c>
      <c r="U1508" s="10" t="s">
        <v>22</v>
      </c>
      <c r="V1508" s="10" t="s">
        <v>22</v>
      </c>
      <c r="W1508" s="10" t="s">
        <v>22</v>
      </c>
      <c r="X1508" s="10" t="s">
        <v>22</v>
      </c>
      <c r="Y1508" s="10" t="s">
        <v>22</v>
      </c>
      <c r="Z1508" s="10" t="s">
        <v>22</v>
      </c>
    </row>
    <row r="1509" spans="1:26" ht="24" customHeight="1" x14ac:dyDescent="0.2">
      <c r="A1509" s="9" t="s">
        <v>18765</v>
      </c>
      <c r="B1509" s="9" t="s">
        <v>14</v>
      </c>
      <c r="C1509" s="9" t="s">
        <v>7198</v>
      </c>
      <c r="D1509" s="6" t="s">
        <v>7199</v>
      </c>
      <c r="E1509" s="22">
        <v>44307</v>
      </c>
      <c r="F1509" s="22">
        <v>46132</v>
      </c>
      <c r="G1509" s="6" t="s">
        <v>7200</v>
      </c>
      <c r="H1509" s="6" t="s">
        <v>62</v>
      </c>
      <c r="I1509" s="6" t="s">
        <v>2753</v>
      </c>
      <c r="J1509" s="6" t="s">
        <v>7201</v>
      </c>
      <c r="L1509" s="10" t="s">
        <v>22</v>
      </c>
      <c r="M1509" s="10" t="s">
        <v>22</v>
      </c>
      <c r="N1509" s="10" t="s">
        <v>22</v>
      </c>
      <c r="O1509" s="10" t="s">
        <v>22</v>
      </c>
      <c r="P1509" s="10" t="s">
        <v>22</v>
      </c>
      <c r="Q1509" s="10" t="s">
        <v>22</v>
      </c>
      <c r="R1509" s="10" t="s">
        <v>22</v>
      </c>
      <c r="S1509" s="10" t="s">
        <v>22</v>
      </c>
      <c r="T1509" s="10" t="s">
        <v>22</v>
      </c>
      <c r="U1509" s="10" t="s">
        <v>22</v>
      </c>
      <c r="V1509" s="10" t="s">
        <v>22</v>
      </c>
      <c r="W1509" s="10" t="s">
        <v>22</v>
      </c>
      <c r="X1509" s="10" t="s">
        <v>22</v>
      </c>
      <c r="Y1509" s="10" t="s">
        <v>22</v>
      </c>
      <c r="Z1509" s="10" t="s">
        <v>22</v>
      </c>
    </row>
    <row r="1510" spans="1:26" ht="24" customHeight="1" x14ac:dyDescent="0.2">
      <c r="A1510" s="9" t="s">
        <v>18766</v>
      </c>
      <c r="B1510" s="9" t="s">
        <v>14</v>
      </c>
      <c r="C1510" s="9" t="s">
        <v>7202</v>
      </c>
      <c r="D1510" s="6" t="s">
        <v>7203</v>
      </c>
      <c r="E1510" s="22">
        <v>44311</v>
      </c>
      <c r="F1510" s="22">
        <v>46136</v>
      </c>
      <c r="G1510" s="6" t="s">
        <v>7204</v>
      </c>
      <c r="H1510" s="6" t="s">
        <v>62</v>
      </c>
      <c r="I1510" s="6" t="s">
        <v>938</v>
      </c>
      <c r="J1510" s="6" t="s">
        <v>7205</v>
      </c>
      <c r="K1510" s="9" t="s">
        <v>7206</v>
      </c>
      <c r="L1510" s="10" t="s">
        <v>22</v>
      </c>
      <c r="M1510" s="10" t="s">
        <v>22</v>
      </c>
      <c r="N1510" s="10" t="s">
        <v>22</v>
      </c>
      <c r="O1510" s="10" t="s">
        <v>22</v>
      </c>
      <c r="P1510" s="10" t="s">
        <v>22</v>
      </c>
      <c r="Q1510" s="10" t="s">
        <v>22</v>
      </c>
      <c r="R1510" s="10" t="s">
        <v>22</v>
      </c>
      <c r="S1510" s="10" t="s">
        <v>22</v>
      </c>
      <c r="T1510" s="10" t="s">
        <v>22</v>
      </c>
      <c r="U1510" s="10" t="s">
        <v>22</v>
      </c>
      <c r="V1510" s="10" t="s">
        <v>22</v>
      </c>
      <c r="W1510" s="10" t="s">
        <v>22</v>
      </c>
      <c r="X1510" s="10" t="s">
        <v>22</v>
      </c>
      <c r="Y1510" s="10" t="s">
        <v>22</v>
      </c>
      <c r="Z1510" s="10" t="s">
        <v>22</v>
      </c>
    </row>
    <row r="1511" spans="1:26" ht="24" customHeight="1" x14ac:dyDescent="0.2">
      <c r="A1511" s="9" t="s">
        <v>18767</v>
      </c>
      <c r="B1511" s="9" t="s">
        <v>14</v>
      </c>
      <c r="C1511" s="9" t="s">
        <v>7207</v>
      </c>
      <c r="D1511" s="6" t="s">
        <v>7208</v>
      </c>
      <c r="E1511" s="22">
        <v>44313</v>
      </c>
      <c r="F1511" s="22">
        <v>46138</v>
      </c>
      <c r="G1511" s="6" t="s">
        <v>7209</v>
      </c>
      <c r="H1511" s="6" t="s">
        <v>62</v>
      </c>
      <c r="I1511" s="6" t="s">
        <v>738</v>
      </c>
      <c r="J1511" s="6" t="s">
        <v>7210</v>
      </c>
      <c r="K1511" s="9" t="s">
        <v>7211</v>
      </c>
      <c r="L1511" s="10" t="s">
        <v>22</v>
      </c>
      <c r="M1511" s="10" t="s">
        <v>22</v>
      </c>
      <c r="N1511" s="10" t="s">
        <v>22</v>
      </c>
      <c r="O1511" s="10" t="s">
        <v>22</v>
      </c>
      <c r="P1511" s="10" t="s">
        <v>22</v>
      </c>
      <c r="Q1511" s="10" t="s">
        <v>22</v>
      </c>
      <c r="U1511" s="10" t="s">
        <v>22</v>
      </c>
      <c r="V1511" s="10" t="s">
        <v>22</v>
      </c>
      <c r="W1511" s="10" t="s">
        <v>22</v>
      </c>
      <c r="X1511" s="10" t="s">
        <v>22</v>
      </c>
      <c r="Y1511" s="10" t="s">
        <v>22</v>
      </c>
      <c r="Z1511" s="10" t="s">
        <v>22</v>
      </c>
    </row>
    <row r="1512" spans="1:26" ht="24" customHeight="1" x14ac:dyDescent="0.2">
      <c r="A1512" s="9" t="s">
        <v>18768</v>
      </c>
      <c r="B1512" s="9" t="s">
        <v>14</v>
      </c>
      <c r="C1512" s="9" t="s">
        <v>7212</v>
      </c>
      <c r="D1512" s="6" t="s">
        <v>7213</v>
      </c>
      <c r="E1512" s="22">
        <v>44313</v>
      </c>
      <c r="F1512" s="22">
        <v>46138</v>
      </c>
      <c r="G1512" s="6" t="s">
        <v>7214</v>
      </c>
      <c r="H1512" s="6" t="s">
        <v>62</v>
      </c>
      <c r="I1512" s="6" t="s">
        <v>63</v>
      </c>
      <c r="J1512" s="6" t="s">
        <v>7215</v>
      </c>
      <c r="K1512" s="9" t="s">
        <v>7216</v>
      </c>
      <c r="L1512" s="10" t="s">
        <v>22</v>
      </c>
      <c r="M1512" s="10" t="s">
        <v>22</v>
      </c>
      <c r="N1512" s="10" t="s">
        <v>22</v>
      </c>
      <c r="O1512" s="10" t="s">
        <v>22</v>
      </c>
      <c r="P1512" s="10" t="s">
        <v>22</v>
      </c>
      <c r="Q1512" s="10" t="s">
        <v>22</v>
      </c>
      <c r="R1512" s="10" t="s">
        <v>22</v>
      </c>
      <c r="S1512" s="10" t="s">
        <v>22</v>
      </c>
      <c r="T1512" s="10" t="s">
        <v>22</v>
      </c>
      <c r="U1512" s="10" t="s">
        <v>22</v>
      </c>
      <c r="V1512" s="10" t="s">
        <v>22</v>
      </c>
      <c r="W1512" s="10" t="s">
        <v>22</v>
      </c>
      <c r="X1512" s="10" t="s">
        <v>22</v>
      </c>
      <c r="Y1512" s="10" t="s">
        <v>22</v>
      </c>
      <c r="Z1512" s="10" t="s">
        <v>22</v>
      </c>
    </row>
    <row r="1513" spans="1:26" ht="24" customHeight="1" x14ac:dyDescent="0.2">
      <c r="A1513" s="9" t="s">
        <v>18769</v>
      </c>
      <c r="B1513" s="9" t="s">
        <v>14</v>
      </c>
      <c r="C1513" s="9" t="s">
        <v>7217</v>
      </c>
      <c r="D1513" s="6" t="s">
        <v>7218</v>
      </c>
      <c r="E1513" s="22">
        <v>44313</v>
      </c>
      <c r="F1513" s="22">
        <v>46138</v>
      </c>
      <c r="G1513" s="6" t="s">
        <v>7219</v>
      </c>
      <c r="H1513" s="6" t="s">
        <v>18</v>
      </c>
      <c r="I1513" s="6" t="s">
        <v>26</v>
      </c>
      <c r="J1513" s="6" t="s">
        <v>7220</v>
      </c>
      <c r="L1513" s="10" t="s">
        <v>22</v>
      </c>
      <c r="M1513" s="10" t="s">
        <v>22</v>
      </c>
      <c r="O1513" s="10" t="s">
        <v>22</v>
      </c>
      <c r="P1513" s="10" t="s">
        <v>22</v>
      </c>
      <c r="Q1513" s="10" t="s">
        <v>22</v>
      </c>
      <c r="S1513" s="10" t="s">
        <v>22</v>
      </c>
      <c r="U1513" s="10" t="s">
        <v>22</v>
      </c>
      <c r="V1513" s="10" t="s">
        <v>22</v>
      </c>
      <c r="X1513" s="10" t="s">
        <v>22</v>
      </c>
      <c r="Y1513" s="10" t="s">
        <v>22</v>
      </c>
      <c r="Z1513" s="10" t="s">
        <v>22</v>
      </c>
    </row>
    <row r="1514" spans="1:26" ht="24" customHeight="1" x14ac:dyDescent="0.2">
      <c r="A1514" s="9" t="s">
        <v>18770</v>
      </c>
      <c r="B1514" s="9" t="s">
        <v>14</v>
      </c>
      <c r="C1514" s="9" t="s">
        <v>7221</v>
      </c>
      <c r="D1514" s="6" t="s">
        <v>7222</v>
      </c>
      <c r="E1514" s="22">
        <v>44313</v>
      </c>
      <c r="F1514" s="22">
        <v>46138</v>
      </c>
      <c r="G1514" s="6" t="s">
        <v>7223</v>
      </c>
      <c r="H1514" s="6" t="s">
        <v>202</v>
      </c>
      <c r="I1514" s="6" t="s">
        <v>7224</v>
      </c>
      <c r="J1514" s="6" t="s">
        <v>7225</v>
      </c>
      <c r="L1514" s="10" t="s">
        <v>22</v>
      </c>
      <c r="M1514" s="10" t="s">
        <v>22</v>
      </c>
      <c r="N1514" s="10" t="s">
        <v>22</v>
      </c>
      <c r="U1514" s="10" t="s">
        <v>22</v>
      </c>
      <c r="V1514" s="10" t="s">
        <v>22</v>
      </c>
      <c r="W1514" s="10" t="s">
        <v>22</v>
      </c>
    </row>
    <row r="1515" spans="1:26" ht="24" customHeight="1" x14ac:dyDescent="0.2">
      <c r="A1515" s="9" t="s">
        <v>18771</v>
      </c>
      <c r="B1515" s="9" t="s">
        <v>14</v>
      </c>
      <c r="C1515" s="9" t="s">
        <v>7226</v>
      </c>
      <c r="D1515" s="6" t="s">
        <v>7227</v>
      </c>
      <c r="E1515" s="22">
        <v>44313</v>
      </c>
      <c r="F1515" s="22">
        <v>46138</v>
      </c>
      <c r="G1515" s="6" t="s">
        <v>7228</v>
      </c>
      <c r="H1515" s="6" t="s">
        <v>18</v>
      </c>
      <c r="I1515" s="6" t="s">
        <v>19</v>
      </c>
      <c r="J1515" s="6" t="s">
        <v>7229</v>
      </c>
      <c r="K1515" s="9" t="s">
        <v>7230</v>
      </c>
      <c r="P1515" s="10" t="s">
        <v>22</v>
      </c>
      <c r="S1515" s="10" t="s">
        <v>22</v>
      </c>
      <c r="Y1515" s="10" t="s">
        <v>22</v>
      </c>
    </row>
    <row r="1516" spans="1:26" ht="24" customHeight="1" x14ac:dyDescent="0.2">
      <c r="A1516" s="9" t="s">
        <v>18772</v>
      </c>
      <c r="B1516" s="9" t="s">
        <v>14</v>
      </c>
      <c r="C1516" s="9" t="s">
        <v>7231</v>
      </c>
      <c r="D1516" s="6" t="s">
        <v>7232</v>
      </c>
      <c r="E1516" s="22">
        <v>44328</v>
      </c>
      <c r="F1516" s="22">
        <v>46153</v>
      </c>
      <c r="G1516" s="6" t="s">
        <v>7233</v>
      </c>
      <c r="H1516" s="6" t="s">
        <v>62</v>
      </c>
      <c r="I1516" s="6" t="s">
        <v>1066</v>
      </c>
      <c r="J1516" s="6" t="s">
        <v>7234</v>
      </c>
      <c r="K1516" s="9" t="s">
        <v>7235</v>
      </c>
      <c r="L1516" s="10" t="s">
        <v>22</v>
      </c>
      <c r="M1516" s="10" t="s">
        <v>22</v>
      </c>
      <c r="N1516" s="10" t="s">
        <v>22</v>
      </c>
      <c r="O1516" s="10" t="s">
        <v>22</v>
      </c>
      <c r="P1516" s="10" t="s">
        <v>22</v>
      </c>
      <c r="Q1516" s="10" t="s">
        <v>22</v>
      </c>
      <c r="U1516" s="10" t="s">
        <v>22</v>
      </c>
      <c r="V1516" s="10" t="s">
        <v>22</v>
      </c>
      <c r="W1516" s="10" t="s">
        <v>22</v>
      </c>
      <c r="X1516" s="10" t="s">
        <v>22</v>
      </c>
      <c r="Y1516" s="10" t="s">
        <v>22</v>
      </c>
      <c r="Z1516" s="10" t="s">
        <v>22</v>
      </c>
    </row>
    <row r="1517" spans="1:26" ht="24" customHeight="1" x14ac:dyDescent="0.2">
      <c r="A1517" s="9" t="s">
        <v>18773</v>
      </c>
      <c r="B1517" s="9" t="s">
        <v>14</v>
      </c>
      <c r="C1517" s="9" t="s">
        <v>7236</v>
      </c>
      <c r="D1517" s="6" t="s">
        <v>7237</v>
      </c>
      <c r="E1517" s="22">
        <v>44328</v>
      </c>
      <c r="F1517" s="22">
        <v>46153</v>
      </c>
      <c r="G1517" s="6" t="s">
        <v>7238</v>
      </c>
      <c r="H1517" s="6" t="s">
        <v>62</v>
      </c>
      <c r="I1517" s="6" t="s">
        <v>5452</v>
      </c>
      <c r="J1517" s="6" t="s">
        <v>7239</v>
      </c>
      <c r="K1517" s="9" t="s">
        <v>7240</v>
      </c>
      <c r="L1517" s="10" t="s">
        <v>22</v>
      </c>
      <c r="M1517" s="10" t="s">
        <v>22</v>
      </c>
      <c r="N1517" s="10" t="s">
        <v>22</v>
      </c>
      <c r="O1517" s="10" t="s">
        <v>22</v>
      </c>
      <c r="P1517" s="10" t="s">
        <v>22</v>
      </c>
      <c r="Q1517" s="10" t="s">
        <v>22</v>
      </c>
      <c r="U1517" s="10" t="s">
        <v>22</v>
      </c>
      <c r="V1517" s="10" t="s">
        <v>22</v>
      </c>
      <c r="W1517" s="10" t="s">
        <v>22</v>
      </c>
      <c r="X1517" s="10" t="s">
        <v>22</v>
      </c>
      <c r="Y1517" s="10" t="s">
        <v>22</v>
      </c>
      <c r="Z1517" s="10" t="s">
        <v>22</v>
      </c>
    </row>
    <row r="1518" spans="1:26" ht="24" customHeight="1" x14ac:dyDescent="0.2">
      <c r="A1518" s="9" t="s">
        <v>18774</v>
      </c>
      <c r="B1518" s="9" t="s">
        <v>14</v>
      </c>
      <c r="C1518" s="9" t="s">
        <v>7241</v>
      </c>
      <c r="D1518" s="6" t="s">
        <v>7242</v>
      </c>
      <c r="E1518" s="22">
        <v>44328</v>
      </c>
      <c r="F1518" s="22">
        <v>46153</v>
      </c>
      <c r="G1518" s="6" t="s">
        <v>7243</v>
      </c>
      <c r="H1518" s="6" t="s">
        <v>18</v>
      </c>
      <c r="I1518" s="6" t="s">
        <v>172</v>
      </c>
      <c r="J1518" s="6" t="s">
        <v>7244</v>
      </c>
      <c r="K1518" s="9" t="s">
        <v>7245</v>
      </c>
      <c r="N1518" s="10" t="s">
        <v>22</v>
      </c>
      <c r="W1518" s="10" t="s">
        <v>22</v>
      </c>
    </row>
    <row r="1519" spans="1:26" ht="24" customHeight="1" x14ac:dyDescent="0.2">
      <c r="A1519" s="9" t="s">
        <v>18775</v>
      </c>
      <c r="B1519" s="9" t="s">
        <v>14</v>
      </c>
      <c r="C1519" s="9" t="s">
        <v>7246</v>
      </c>
      <c r="D1519" s="6" t="s">
        <v>7247</v>
      </c>
      <c r="E1519" s="22">
        <v>44332</v>
      </c>
      <c r="F1519" s="22">
        <v>46157</v>
      </c>
      <c r="G1519" s="6" t="s">
        <v>7248</v>
      </c>
      <c r="H1519" s="6" t="s">
        <v>62</v>
      </c>
      <c r="I1519" s="6" t="s">
        <v>306</v>
      </c>
      <c r="J1519" s="6" t="s">
        <v>7249</v>
      </c>
      <c r="K1519" s="9" t="s">
        <v>7250</v>
      </c>
      <c r="L1519" s="10" t="s">
        <v>22</v>
      </c>
      <c r="M1519" s="10" t="s">
        <v>22</v>
      </c>
      <c r="N1519" s="10" t="s">
        <v>22</v>
      </c>
      <c r="O1519" s="10" t="s">
        <v>22</v>
      </c>
      <c r="P1519" s="10" t="s">
        <v>22</v>
      </c>
      <c r="Q1519" s="10" t="s">
        <v>22</v>
      </c>
      <c r="R1519" s="10" t="s">
        <v>22</v>
      </c>
      <c r="S1519" s="10" t="s">
        <v>22</v>
      </c>
      <c r="T1519" s="10" t="s">
        <v>22</v>
      </c>
      <c r="U1519" s="10" t="s">
        <v>22</v>
      </c>
      <c r="V1519" s="10" t="s">
        <v>22</v>
      </c>
      <c r="W1519" s="10" t="s">
        <v>22</v>
      </c>
      <c r="X1519" s="10" t="s">
        <v>22</v>
      </c>
      <c r="Y1519" s="10" t="s">
        <v>22</v>
      </c>
      <c r="Z1519" s="10" t="s">
        <v>22</v>
      </c>
    </row>
    <row r="1520" spans="1:26" ht="24" customHeight="1" x14ac:dyDescent="0.2">
      <c r="A1520" s="9" t="s">
        <v>18776</v>
      </c>
      <c r="B1520" s="9" t="s">
        <v>14</v>
      </c>
      <c r="C1520" s="9" t="s">
        <v>7251</v>
      </c>
      <c r="D1520" s="6" t="s">
        <v>7252</v>
      </c>
      <c r="E1520" s="22">
        <v>44332</v>
      </c>
      <c r="F1520" s="22">
        <v>46157</v>
      </c>
      <c r="G1520" s="6" t="s">
        <v>7253</v>
      </c>
      <c r="H1520" s="6" t="s">
        <v>62</v>
      </c>
      <c r="I1520" s="6" t="s">
        <v>2753</v>
      </c>
      <c r="J1520" s="6" t="s">
        <v>7254</v>
      </c>
      <c r="K1520" s="9" t="s">
        <v>7255</v>
      </c>
      <c r="L1520" s="10" t="s">
        <v>22</v>
      </c>
      <c r="M1520" s="10" t="s">
        <v>22</v>
      </c>
      <c r="N1520" s="10" t="s">
        <v>22</v>
      </c>
      <c r="O1520" s="10" t="s">
        <v>22</v>
      </c>
      <c r="P1520" s="10" t="s">
        <v>22</v>
      </c>
      <c r="Q1520" s="10" t="s">
        <v>22</v>
      </c>
      <c r="R1520" s="10" t="s">
        <v>22</v>
      </c>
      <c r="S1520" s="10" t="s">
        <v>22</v>
      </c>
      <c r="T1520" s="10" t="s">
        <v>22</v>
      </c>
      <c r="U1520" s="10" t="s">
        <v>22</v>
      </c>
      <c r="V1520" s="10" t="s">
        <v>22</v>
      </c>
      <c r="W1520" s="10" t="s">
        <v>22</v>
      </c>
      <c r="X1520" s="10" t="s">
        <v>22</v>
      </c>
      <c r="Y1520" s="10" t="s">
        <v>22</v>
      </c>
      <c r="Z1520" s="10" t="s">
        <v>22</v>
      </c>
    </row>
    <row r="1521" spans="1:26" ht="24" customHeight="1" x14ac:dyDescent="0.2">
      <c r="A1521" s="9" t="s">
        <v>18777</v>
      </c>
      <c r="B1521" s="9" t="s">
        <v>14</v>
      </c>
      <c r="C1521" s="9" t="s">
        <v>7256</v>
      </c>
      <c r="D1521" s="6" t="s">
        <v>7257</v>
      </c>
      <c r="E1521" s="22">
        <v>44332</v>
      </c>
      <c r="F1521" s="22">
        <v>46157</v>
      </c>
      <c r="G1521" s="6" t="s">
        <v>7258</v>
      </c>
      <c r="H1521" s="6" t="s">
        <v>202</v>
      </c>
      <c r="I1521" s="6" t="s">
        <v>4431</v>
      </c>
      <c r="J1521" s="6" t="s">
        <v>7259</v>
      </c>
      <c r="K1521" s="9" t="s">
        <v>7260</v>
      </c>
      <c r="L1521" s="10" t="s">
        <v>22</v>
      </c>
      <c r="M1521" s="10" t="s">
        <v>22</v>
      </c>
      <c r="N1521" s="10" t="s">
        <v>22</v>
      </c>
      <c r="O1521" s="10" t="s">
        <v>22</v>
      </c>
      <c r="P1521" s="10" t="s">
        <v>22</v>
      </c>
      <c r="Q1521" s="10" t="s">
        <v>22</v>
      </c>
      <c r="R1521" s="10" t="s">
        <v>22</v>
      </c>
      <c r="S1521" s="10" t="s">
        <v>22</v>
      </c>
      <c r="T1521" s="10" t="s">
        <v>22</v>
      </c>
      <c r="U1521" s="10" t="s">
        <v>22</v>
      </c>
      <c r="V1521" s="10" t="s">
        <v>22</v>
      </c>
      <c r="W1521" s="10" t="s">
        <v>22</v>
      </c>
      <c r="X1521" s="10" t="s">
        <v>22</v>
      </c>
      <c r="Y1521" s="10" t="s">
        <v>22</v>
      </c>
      <c r="Z1521" s="10" t="s">
        <v>22</v>
      </c>
    </row>
    <row r="1522" spans="1:26" ht="24" customHeight="1" x14ac:dyDescent="0.2">
      <c r="A1522" s="9" t="s">
        <v>18778</v>
      </c>
      <c r="B1522" s="9" t="s">
        <v>14</v>
      </c>
      <c r="C1522" s="9" t="s">
        <v>7261</v>
      </c>
      <c r="D1522" s="6" t="s">
        <v>7262</v>
      </c>
      <c r="E1522" s="22">
        <v>44334</v>
      </c>
      <c r="F1522" s="22">
        <v>46159</v>
      </c>
      <c r="G1522" s="6" t="s">
        <v>7263</v>
      </c>
      <c r="H1522" s="6" t="s">
        <v>62</v>
      </c>
      <c r="I1522" s="6" t="s">
        <v>2705</v>
      </c>
      <c r="J1522" s="6" t="s">
        <v>7264</v>
      </c>
      <c r="K1522" s="9" t="s">
        <v>7265</v>
      </c>
      <c r="L1522" s="10" t="s">
        <v>22</v>
      </c>
      <c r="M1522" s="10" t="s">
        <v>22</v>
      </c>
      <c r="N1522" s="10" t="s">
        <v>22</v>
      </c>
      <c r="O1522" s="10" t="s">
        <v>22</v>
      </c>
      <c r="P1522" s="10" t="s">
        <v>22</v>
      </c>
      <c r="Q1522" s="10" t="s">
        <v>22</v>
      </c>
      <c r="R1522" s="10" t="s">
        <v>22</v>
      </c>
      <c r="S1522" s="10" t="s">
        <v>22</v>
      </c>
      <c r="T1522" s="10" t="s">
        <v>22</v>
      </c>
      <c r="U1522" s="10" t="s">
        <v>22</v>
      </c>
      <c r="V1522" s="10" t="s">
        <v>22</v>
      </c>
      <c r="W1522" s="10" t="s">
        <v>22</v>
      </c>
      <c r="X1522" s="10" t="s">
        <v>22</v>
      </c>
      <c r="Y1522" s="10" t="s">
        <v>22</v>
      </c>
      <c r="Z1522" s="10" t="s">
        <v>22</v>
      </c>
    </row>
    <row r="1523" spans="1:26" ht="24" customHeight="1" x14ac:dyDescent="0.2">
      <c r="A1523" s="9" t="s">
        <v>18779</v>
      </c>
      <c r="B1523" s="9" t="s">
        <v>14</v>
      </c>
      <c r="C1523" s="9" t="s">
        <v>7266</v>
      </c>
      <c r="D1523" s="6" t="s">
        <v>7267</v>
      </c>
      <c r="E1523" s="22">
        <v>44334</v>
      </c>
      <c r="F1523" s="22">
        <v>46159</v>
      </c>
      <c r="G1523" s="6" t="s">
        <v>7268</v>
      </c>
      <c r="H1523" s="6" t="s">
        <v>202</v>
      </c>
      <c r="I1523" s="6" t="s">
        <v>954</v>
      </c>
      <c r="J1523" s="6" t="s">
        <v>7269</v>
      </c>
      <c r="K1523" s="9" t="s">
        <v>7270</v>
      </c>
      <c r="L1523" s="10" t="s">
        <v>22</v>
      </c>
      <c r="M1523" s="10" t="s">
        <v>22</v>
      </c>
      <c r="N1523" s="10" t="s">
        <v>22</v>
      </c>
      <c r="O1523" s="10" t="s">
        <v>22</v>
      </c>
      <c r="P1523" s="10" t="s">
        <v>22</v>
      </c>
      <c r="Q1523" s="10" t="s">
        <v>22</v>
      </c>
      <c r="R1523" s="10" t="s">
        <v>22</v>
      </c>
      <c r="S1523" s="10" t="s">
        <v>22</v>
      </c>
      <c r="T1523" s="10" t="s">
        <v>22</v>
      </c>
      <c r="U1523" s="10" t="s">
        <v>22</v>
      </c>
      <c r="V1523" s="10" t="s">
        <v>22</v>
      </c>
      <c r="W1523" s="10" t="s">
        <v>22</v>
      </c>
      <c r="X1523" s="10" t="s">
        <v>22</v>
      </c>
      <c r="Y1523" s="10" t="s">
        <v>22</v>
      </c>
      <c r="Z1523" s="10" t="s">
        <v>22</v>
      </c>
    </row>
    <row r="1524" spans="1:26" ht="24" customHeight="1" x14ac:dyDescent="0.2">
      <c r="A1524" s="9" t="s">
        <v>18780</v>
      </c>
      <c r="B1524" s="9" t="s">
        <v>14</v>
      </c>
      <c r="C1524" s="9" t="s">
        <v>7271</v>
      </c>
      <c r="D1524" s="6" t="s">
        <v>7272</v>
      </c>
      <c r="E1524" s="22">
        <v>44347</v>
      </c>
      <c r="F1524" s="22">
        <v>46172</v>
      </c>
      <c r="G1524" s="6" t="s">
        <v>7273</v>
      </c>
      <c r="H1524" s="6" t="s">
        <v>229</v>
      </c>
      <c r="I1524" s="6" t="s">
        <v>5604</v>
      </c>
      <c r="J1524" s="6" t="s">
        <v>7274</v>
      </c>
      <c r="K1524" s="9" t="s">
        <v>7275</v>
      </c>
      <c r="L1524" s="10" t="s">
        <v>22</v>
      </c>
      <c r="M1524" s="10" t="s">
        <v>22</v>
      </c>
      <c r="N1524" s="10" t="s">
        <v>22</v>
      </c>
      <c r="O1524" s="10" t="s">
        <v>22</v>
      </c>
      <c r="P1524" s="10" t="s">
        <v>22</v>
      </c>
      <c r="Q1524" s="10" t="s">
        <v>22</v>
      </c>
      <c r="R1524" s="10" t="s">
        <v>22</v>
      </c>
      <c r="S1524" s="10" t="s">
        <v>22</v>
      </c>
      <c r="T1524" s="10" t="s">
        <v>22</v>
      </c>
      <c r="U1524" s="10" t="s">
        <v>22</v>
      </c>
      <c r="V1524" s="10" t="s">
        <v>22</v>
      </c>
      <c r="W1524" s="10" t="s">
        <v>22</v>
      </c>
      <c r="X1524" s="10" t="s">
        <v>22</v>
      </c>
      <c r="Y1524" s="10" t="s">
        <v>22</v>
      </c>
      <c r="Z1524" s="10" t="s">
        <v>22</v>
      </c>
    </row>
    <row r="1525" spans="1:26" ht="24" customHeight="1" x14ac:dyDescent="0.2">
      <c r="A1525" s="9" t="s">
        <v>18781</v>
      </c>
      <c r="B1525" s="9" t="s">
        <v>14</v>
      </c>
      <c r="C1525" s="9" t="s">
        <v>7276</v>
      </c>
      <c r="D1525" s="6" t="s">
        <v>7277</v>
      </c>
      <c r="E1525" s="22">
        <v>44342</v>
      </c>
      <c r="F1525" s="22">
        <v>46167</v>
      </c>
      <c r="G1525" s="6" t="s">
        <v>7278</v>
      </c>
      <c r="H1525" s="6" t="s">
        <v>62</v>
      </c>
      <c r="I1525" s="6" t="s">
        <v>430</v>
      </c>
      <c r="J1525" s="6" t="s">
        <v>7279</v>
      </c>
      <c r="K1525" s="9" t="s">
        <v>7280</v>
      </c>
      <c r="L1525" s="10" t="s">
        <v>22</v>
      </c>
      <c r="M1525" s="10" t="s">
        <v>22</v>
      </c>
      <c r="N1525" s="10" t="s">
        <v>22</v>
      </c>
      <c r="O1525" s="10" t="s">
        <v>22</v>
      </c>
      <c r="P1525" s="10" t="s">
        <v>22</v>
      </c>
      <c r="Q1525" s="10" t="s">
        <v>22</v>
      </c>
      <c r="R1525" s="10" t="s">
        <v>22</v>
      </c>
      <c r="S1525" s="10" t="s">
        <v>22</v>
      </c>
      <c r="T1525" s="10" t="s">
        <v>22</v>
      </c>
      <c r="U1525" s="10" t="s">
        <v>22</v>
      </c>
      <c r="V1525" s="10" t="s">
        <v>22</v>
      </c>
      <c r="W1525" s="10" t="s">
        <v>22</v>
      </c>
      <c r="X1525" s="10" t="s">
        <v>22</v>
      </c>
      <c r="Y1525" s="10" t="s">
        <v>22</v>
      </c>
      <c r="Z1525" s="10" t="s">
        <v>22</v>
      </c>
    </row>
    <row r="1526" spans="1:26" ht="24" customHeight="1" x14ac:dyDescent="0.2">
      <c r="A1526" s="9" t="s">
        <v>18782</v>
      </c>
      <c r="B1526" s="9" t="s">
        <v>14</v>
      </c>
      <c r="C1526" s="9" t="s">
        <v>7281</v>
      </c>
      <c r="D1526" s="6" t="s">
        <v>7282</v>
      </c>
      <c r="E1526" s="22">
        <v>44342</v>
      </c>
      <c r="F1526" s="22">
        <v>46167</v>
      </c>
      <c r="G1526" s="6" t="s">
        <v>7283</v>
      </c>
      <c r="H1526" s="6" t="s">
        <v>229</v>
      </c>
      <c r="I1526" s="6" t="s">
        <v>5604</v>
      </c>
      <c r="J1526" s="6" t="s">
        <v>7284</v>
      </c>
      <c r="K1526" s="9" t="s">
        <v>7285</v>
      </c>
      <c r="L1526" s="10" t="s">
        <v>22</v>
      </c>
      <c r="M1526" s="10" t="s">
        <v>22</v>
      </c>
      <c r="N1526" s="10" t="s">
        <v>22</v>
      </c>
      <c r="O1526" s="10" t="s">
        <v>22</v>
      </c>
      <c r="P1526" s="10" t="s">
        <v>22</v>
      </c>
      <c r="Q1526" s="10" t="s">
        <v>22</v>
      </c>
      <c r="S1526" s="10" t="s">
        <v>22</v>
      </c>
      <c r="T1526" s="10" t="s">
        <v>22</v>
      </c>
      <c r="V1526" s="10" t="s">
        <v>22</v>
      </c>
      <c r="W1526" s="10" t="s">
        <v>22</v>
      </c>
      <c r="Y1526" s="10" t="s">
        <v>22</v>
      </c>
      <c r="Z1526" s="10" t="s">
        <v>22</v>
      </c>
    </row>
    <row r="1527" spans="1:26" ht="24" customHeight="1" x14ac:dyDescent="0.2">
      <c r="A1527" s="9" t="s">
        <v>18783</v>
      </c>
      <c r="B1527" s="9" t="s">
        <v>14</v>
      </c>
      <c r="C1527" s="9" t="s">
        <v>7286</v>
      </c>
      <c r="D1527" s="6" t="s">
        <v>7287</v>
      </c>
      <c r="E1527" s="22">
        <v>44342</v>
      </c>
      <c r="F1527" s="22">
        <v>46167</v>
      </c>
      <c r="G1527" s="6" t="s">
        <v>7288</v>
      </c>
      <c r="H1527" s="6" t="s">
        <v>363</v>
      </c>
      <c r="I1527" s="6" t="s">
        <v>597</v>
      </c>
      <c r="J1527" s="6" t="s">
        <v>7289</v>
      </c>
      <c r="K1527" s="9" t="s">
        <v>7290</v>
      </c>
      <c r="L1527" s="10" t="s">
        <v>22</v>
      </c>
      <c r="M1527" s="10" t="s">
        <v>22</v>
      </c>
      <c r="N1527" s="10" t="s">
        <v>22</v>
      </c>
      <c r="O1527" s="10" t="s">
        <v>22</v>
      </c>
      <c r="P1527" s="10" t="s">
        <v>22</v>
      </c>
      <c r="Q1527" s="10" t="s">
        <v>22</v>
      </c>
      <c r="R1527" s="10" t="s">
        <v>22</v>
      </c>
      <c r="S1527" s="10" t="s">
        <v>22</v>
      </c>
      <c r="T1527" s="10" t="s">
        <v>22</v>
      </c>
      <c r="U1527" s="10" t="s">
        <v>22</v>
      </c>
      <c r="V1527" s="10" t="s">
        <v>22</v>
      </c>
      <c r="W1527" s="10" t="s">
        <v>22</v>
      </c>
      <c r="X1527" s="10" t="s">
        <v>22</v>
      </c>
      <c r="Y1527" s="10" t="s">
        <v>22</v>
      </c>
      <c r="Z1527" s="10" t="s">
        <v>22</v>
      </c>
    </row>
    <row r="1528" spans="1:26" ht="24" customHeight="1" x14ac:dyDescent="0.2">
      <c r="A1528" s="9" t="s">
        <v>18784</v>
      </c>
      <c r="B1528" s="9" t="s">
        <v>14</v>
      </c>
      <c r="C1528" s="9" t="s">
        <v>7291</v>
      </c>
      <c r="D1528" s="6" t="s">
        <v>7292</v>
      </c>
      <c r="E1528" s="22">
        <v>44348</v>
      </c>
      <c r="F1528" s="22">
        <v>46173</v>
      </c>
      <c r="G1528" s="6" t="s">
        <v>7293</v>
      </c>
      <c r="H1528" s="6" t="s">
        <v>62</v>
      </c>
      <c r="I1528" s="6" t="s">
        <v>73</v>
      </c>
      <c r="J1528" s="6" t="s">
        <v>7294</v>
      </c>
      <c r="K1528" s="9" t="s">
        <v>7295</v>
      </c>
      <c r="L1528" s="10" t="s">
        <v>22</v>
      </c>
      <c r="M1528" s="10" t="s">
        <v>22</v>
      </c>
      <c r="N1528" s="10" t="s">
        <v>22</v>
      </c>
      <c r="O1528" s="10" t="s">
        <v>22</v>
      </c>
      <c r="P1528" s="10" t="s">
        <v>22</v>
      </c>
      <c r="Q1528" s="10" t="s">
        <v>22</v>
      </c>
      <c r="R1528" s="10" t="s">
        <v>22</v>
      </c>
      <c r="S1528" s="10" t="s">
        <v>22</v>
      </c>
      <c r="T1528" s="10" t="s">
        <v>22</v>
      </c>
      <c r="U1528" s="10" t="s">
        <v>22</v>
      </c>
      <c r="V1528" s="10" t="s">
        <v>22</v>
      </c>
      <c r="W1528" s="10" t="s">
        <v>22</v>
      </c>
      <c r="X1528" s="10" t="s">
        <v>22</v>
      </c>
      <c r="Y1528" s="10" t="s">
        <v>22</v>
      </c>
      <c r="Z1528" s="10" t="s">
        <v>22</v>
      </c>
    </row>
    <row r="1529" spans="1:26" ht="24" customHeight="1" x14ac:dyDescent="0.2">
      <c r="A1529" s="9" t="s">
        <v>18785</v>
      </c>
      <c r="B1529" s="9" t="s">
        <v>14</v>
      </c>
      <c r="C1529" s="9" t="s">
        <v>7296</v>
      </c>
      <c r="D1529" s="6" t="s">
        <v>7297</v>
      </c>
      <c r="E1529" s="22">
        <v>44348</v>
      </c>
      <c r="F1529" s="22">
        <v>46173</v>
      </c>
      <c r="G1529" s="6" t="s">
        <v>7298</v>
      </c>
      <c r="H1529" s="6" t="s">
        <v>363</v>
      </c>
      <c r="I1529" s="6" t="s">
        <v>597</v>
      </c>
      <c r="J1529" s="6" t="s">
        <v>7299</v>
      </c>
      <c r="K1529" s="9" t="s">
        <v>7300</v>
      </c>
      <c r="L1529" s="10" t="s">
        <v>22</v>
      </c>
      <c r="M1529" s="10" t="s">
        <v>22</v>
      </c>
      <c r="N1529" s="10" t="s">
        <v>22</v>
      </c>
      <c r="O1529" s="10" t="s">
        <v>22</v>
      </c>
      <c r="P1529" s="10" t="s">
        <v>22</v>
      </c>
      <c r="Q1529" s="10" t="s">
        <v>22</v>
      </c>
      <c r="R1529" s="10" t="s">
        <v>22</v>
      </c>
      <c r="S1529" s="10" t="s">
        <v>22</v>
      </c>
      <c r="T1529" s="10" t="s">
        <v>22</v>
      </c>
      <c r="U1529" s="10" t="s">
        <v>22</v>
      </c>
      <c r="V1529" s="10" t="s">
        <v>22</v>
      </c>
      <c r="W1529" s="10" t="s">
        <v>22</v>
      </c>
      <c r="X1529" s="10" t="s">
        <v>22</v>
      </c>
      <c r="Y1529" s="10" t="s">
        <v>22</v>
      </c>
      <c r="Z1529" s="10" t="s">
        <v>22</v>
      </c>
    </row>
    <row r="1530" spans="1:26" ht="24" customHeight="1" x14ac:dyDescent="0.2">
      <c r="A1530" s="9" t="s">
        <v>18786</v>
      </c>
      <c r="B1530" s="9" t="s">
        <v>14</v>
      </c>
      <c r="C1530" s="9" t="s">
        <v>7301</v>
      </c>
      <c r="D1530" s="6" t="s">
        <v>7302</v>
      </c>
      <c r="E1530" s="22">
        <v>44355</v>
      </c>
      <c r="F1530" s="22">
        <v>46180</v>
      </c>
      <c r="G1530" s="6" t="s">
        <v>7303</v>
      </c>
      <c r="H1530" s="6" t="s">
        <v>62</v>
      </c>
      <c r="I1530" s="6" t="s">
        <v>312</v>
      </c>
      <c r="J1530" s="6" t="s">
        <v>7304</v>
      </c>
      <c r="K1530" s="9" t="s">
        <v>7305</v>
      </c>
      <c r="L1530" s="10" t="s">
        <v>22</v>
      </c>
      <c r="M1530" s="10" t="s">
        <v>22</v>
      </c>
      <c r="N1530" s="10" t="s">
        <v>22</v>
      </c>
      <c r="O1530" s="10" t="s">
        <v>22</v>
      </c>
      <c r="P1530" s="10" t="s">
        <v>22</v>
      </c>
      <c r="Q1530" s="10" t="s">
        <v>22</v>
      </c>
      <c r="R1530" s="10" t="s">
        <v>22</v>
      </c>
      <c r="S1530" s="10" t="s">
        <v>22</v>
      </c>
      <c r="T1530" s="10" t="s">
        <v>22</v>
      </c>
      <c r="U1530" s="10" t="s">
        <v>22</v>
      </c>
      <c r="V1530" s="10" t="s">
        <v>22</v>
      </c>
      <c r="W1530" s="10" t="s">
        <v>22</v>
      </c>
      <c r="X1530" s="10" t="s">
        <v>22</v>
      </c>
      <c r="Y1530" s="10" t="s">
        <v>22</v>
      </c>
      <c r="Z1530" s="10" t="s">
        <v>22</v>
      </c>
    </row>
    <row r="1531" spans="1:26" ht="24" customHeight="1" x14ac:dyDescent="0.2">
      <c r="A1531" s="9" t="s">
        <v>18787</v>
      </c>
      <c r="B1531" s="9" t="s">
        <v>14</v>
      </c>
      <c r="C1531" s="9" t="s">
        <v>7306</v>
      </c>
      <c r="D1531" s="6" t="s">
        <v>7307</v>
      </c>
      <c r="E1531" s="22">
        <v>44355</v>
      </c>
      <c r="F1531" s="22">
        <v>46180</v>
      </c>
      <c r="G1531" s="6" t="s">
        <v>7308</v>
      </c>
      <c r="H1531" s="6" t="s">
        <v>202</v>
      </c>
      <c r="I1531" s="6" t="s">
        <v>873</v>
      </c>
      <c r="J1531" s="6" t="s">
        <v>7309</v>
      </c>
      <c r="L1531" s="10" t="s">
        <v>22</v>
      </c>
      <c r="M1531" s="10" t="s">
        <v>22</v>
      </c>
      <c r="N1531" s="10" t="s">
        <v>22</v>
      </c>
      <c r="U1531" s="10" t="s">
        <v>22</v>
      </c>
      <c r="V1531" s="10" t="s">
        <v>22</v>
      </c>
      <c r="W1531" s="10" t="s">
        <v>22</v>
      </c>
    </row>
    <row r="1532" spans="1:26" ht="24" customHeight="1" x14ac:dyDescent="0.2">
      <c r="A1532" s="9" t="s">
        <v>18788</v>
      </c>
      <c r="B1532" s="9" t="s">
        <v>14</v>
      </c>
      <c r="C1532" s="9" t="s">
        <v>7310</v>
      </c>
      <c r="D1532" s="6" t="s">
        <v>7311</v>
      </c>
      <c r="E1532" s="22">
        <v>44355</v>
      </c>
      <c r="F1532" s="22">
        <v>46180</v>
      </c>
      <c r="G1532" s="6" t="s">
        <v>7312</v>
      </c>
      <c r="H1532" s="6" t="s">
        <v>363</v>
      </c>
      <c r="I1532" s="6" t="s">
        <v>364</v>
      </c>
      <c r="J1532" s="6" t="s">
        <v>7313</v>
      </c>
      <c r="K1532" s="9" t="s">
        <v>7314</v>
      </c>
      <c r="L1532" s="10" t="s">
        <v>22</v>
      </c>
      <c r="M1532" s="10" t="s">
        <v>22</v>
      </c>
      <c r="N1532" s="10" t="s">
        <v>22</v>
      </c>
      <c r="O1532" s="10" t="s">
        <v>22</v>
      </c>
      <c r="P1532" s="10" t="s">
        <v>22</v>
      </c>
      <c r="Q1532" s="10" t="s">
        <v>22</v>
      </c>
      <c r="R1532" s="10" t="s">
        <v>22</v>
      </c>
      <c r="S1532" s="10" t="s">
        <v>22</v>
      </c>
      <c r="T1532" s="10" t="s">
        <v>22</v>
      </c>
      <c r="U1532" s="10" t="s">
        <v>22</v>
      </c>
      <c r="V1532" s="10" t="s">
        <v>22</v>
      </c>
      <c r="W1532" s="10" t="s">
        <v>22</v>
      </c>
      <c r="X1532" s="10" t="s">
        <v>22</v>
      </c>
      <c r="Y1532" s="10" t="s">
        <v>22</v>
      </c>
      <c r="Z1532" s="10" t="s">
        <v>22</v>
      </c>
    </row>
    <row r="1533" spans="1:26" ht="24" customHeight="1" x14ac:dyDescent="0.2">
      <c r="A1533" s="9" t="s">
        <v>18789</v>
      </c>
      <c r="B1533" s="9" t="s">
        <v>14</v>
      </c>
      <c r="C1533" s="9" t="s">
        <v>7315</v>
      </c>
      <c r="D1533" s="6" t="s">
        <v>7316</v>
      </c>
      <c r="E1533" s="22">
        <v>44362</v>
      </c>
      <c r="F1533" s="22">
        <v>46187</v>
      </c>
      <c r="G1533" s="6" t="s">
        <v>7316</v>
      </c>
      <c r="H1533" s="6" t="s">
        <v>202</v>
      </c>
      <c r="I1533" s="6" t="s">
        <v>863</v>
      </c>
      <c r="J1533" s="6" t="s">
        <v>7317</v>
      </c>
      <c r="K1533" s="9" t="s">
        <v>7318</v>
      </c>
      <c r="L1533" s="10" t="s">
        <v>22</v>
      </c>
      <c r="M1533" s="10" t="s">
        <v>22</v>
      </c>
      <c r="N1533" s="10" t="s">
        <v>22</v>
      </c>
      <c r="O1533" s="10" t="s">
        <v>22</v>
      </c>
      <c r="P1533" s="10" t="s">
        <v>22</v>
      </c>
      <c r="Q1533" s="10" t="s">
        <v>22</v>
      </c>
      <c r="R1533" s="10" t="s">
        <v>22</v>
      </c>
      <c r="S1533" s="10" t="s">
        <v>22</v>
      </c>
      <c r="T1533" s="10" t="s">
        <v>22</v>
      </c>
      <c r="U1533" s="10" t="s">
        <v>22</v>
      </c>
      <c r="V1533" s="10" t="s">
        <v>22</v>
      </c>
      <c r="W1533" s="10" t="s">
        <v>22</v>
      </c>
      <c r="X1533" s="10" t="s">
        <v>22</v>
      </c>
      <c r="Y1533" s="10" t="s">
        <v>22</v>
      </c>
      <c r="Z1533" s="10" t="s">
        <v>22</v>
      </c>
    </row>
    <row r="1534" spans="1:26" ht="24" customHeight="1" x14ac:dyDescent="0.2">
      <c r="A1534" s="9" t="s">
        <v>18790</v>
      </c>
      <c r="B1534" s="9" t="s">
        <v>14</v>
      </c>
      <c r="C1534" s="9" t="s">
        <v>7319</v>
      </c>
      <c r="D1534" s="6" t="s">
        <v>7320</v>
      </c>
      <c r="E1534" s="22">
        <v>44362</v>
      </c>
      <c r="F1534" s="22">
        <v>46187</v>
      </c>
      <c r="G1534" s="6" t="s">
        <v>7321</v>
      </c>
      <c r="H1534" s="6" t="s">
        <v>62</v>
      </c>
      <c r="I1534" s="6" t="s">
        <v>306</v>
      </c>
      <c r="J1534" s="6" t="s">
        <v>7322</v>
      </c>
      <c r="K1534" s="9" t="s">
        <v>7323</v>
      </c>
      <c r="L1534" s="10" t="s">
        <v>22</v>
      </c>
      <c r="M1534" s="10" t="s">
        <v>22</v>
      </c>
      <c r="N1534" s="10" t="s">
        <v>22</v>
      </c>
      <c r="O1534" s="10" t="s">
        <v>22</v>
      </c>
      <c r="P1534" s="10" t="s">
        <v>22</v>
      </c>
      <c r="Q1534" s="10" t="s">
        <v>22</v>
      </c>
      <c r="R1534" s="10" t="s">
        <v>22</v>
      </c>
      <c r="S1534" s="10" t="s">
        <v>22</v>
      </c>
      <c r="T1534" s="10" t="s">
        <v>22</v>
      </c>
      <c r="U1534" s="10" t="s">
        <v>22</v>
      </c>
      <c r="V1534" s="10" t="s">
        <v>22</v>
      </c>
      <c r="W1534" s="10" t="s">
        <v>22</v>
      </c>
      <c r="X1534" s="10" t="s">
        <v>22</v>
      </c>
      <c r="Y1534" s="10" t="s">
        <v>22</v>
      </c>
      <c r="Z1534" s="10" t="s">
        <v>22</v>
      </c>
    </row>
    <row r="1535" spans="1:26" ht="24" customHeight="1" x14ac:dyDescent="0.2">
      <c r="A1535" s="9" t="s">
        <v>18791</v>
      </c>
      <c r="B1535" s="9" t="s">
        <v>14</v>
      </c>
      <c r="C1535" s="9" t="s">
        <v>7324</v>
      </c>
      <c r="D1535" s="6" t="s">
        <v>7325</v>
      </c>
      <c r="E1535" s="22">
        <v>44362</v>
      </c>
      <c r="F1535" s="22">
        <v>46187</v>
      </c>
      <c r="G1535" s="6" t="s">
        <v>7326</v>
      </c>
      <c r="H1535" s="6" t="s">
        <v>202</v>
      </c>
      <c r="I1535" s="6" t="s">
        <v>873</v>
      </c>
      <c r="J1535" s="6" t="s">
        <v>7327</v>
      </c>
      <c r="K1535" s="9" t="s">
        <v>7328</v>
      </c>
      <c r="L1535" s="10" t="s">
        <v>22</v>
      </c>
      <c r="M1535" s="10" t="s">
        <v>22</v>
      </c>
      <c r="N1535" s="10" t="s">
        <v>22</v>
      </c>
      <c r="O1535" s="10" t="s">
        <v>22</v>
      </c>
      <c r="P1535" s="10" t="s">
        <v>22</v>
      </c>
      <c r="Q1535" s="10" t="s">
        <v>22</v>
      </c>
      <c r="R1535" s="10" t="s">
        <v>22</v>
      </c>
      <c r="S1535" s="10" t="s">
        <v>22</v>
      </c>
      <c r="T1535" s="10" t="s">
        <v>22</v>
      </c>
      <c r="U1535" s="10" t="s">
        <v>22</v>
      </c>
      <c r="V1535" s="10" t="s">
        <v>22</v>
      </c>
      <c r="W1535" s="10" t="s">
        <v>22</v>
      </c>
      <c r="X1535" s="10" t="s">
        <v>22</v>
      </c>
      <c r="Y1535" s="10" t="s">
        <v>22</v>
      </c>
      <c r="Z1535" s="10" t="s">
        <v>22</v>
      </c>
    </row>
    <row r="1536" spans="1:26" ht="24" customHeight="1" x14ac:dyDescent="0.2">
      <c r="A1536" s="9" t="s">
        <v>18792</v>
      </c>
      <c r="B1536" s="9" t="s">
        <v>14</v>
      </c>
      <c r="C1536" s="9" t="s">
        <v>7329</v>
      </c>
      <c r="D1536" s="6" t="s">
        <v>7330</v>
      </c>
      <c r="E1536" s="22">
        <v>44362</v>
      </c>
      <c r="F1536" s="22">
        <v>46187</v>
      </c>
      <c r="G1536" s="6" t="s">
        <v>7331</v>
      </c>
      <c r="H1536" s="6" t="s">
        <v>62</v>
      </c>
      <c r="I1536" s="6" t="s">
        <v>2578</v>
      </c>
      <c r="J1536" s="6" t="s">
        <v>7332</v>
      </c>
      <c r="K1536" s="9" t="s">
        <v>7333</v>
      </c>
      <c r="L1536" s="10" t="s">
        <v>22</v>
      </c>
      <c r="M1536" s="10" t="s">
        <v>22</v>
      </c>
      <c r="N1536" s="10" t="s">
        <v>22</v>
      </c>
      <c r="O1536" s="10" t="s">
        <v>22</v>
      </c>
      <c r="P1536" s="10" t="s">
        <v>22</v>
      </c>
      <c r="Q1536" s="10" t="s">
        <v>22</v>
      </c>
      <c r="R1536" s="10" t="s">
        <v>22</v>
      </c>
      <c r="S1536" s="10" t="s">
        <v>22</v>
      </c>
      <c r="T1536" s="10" t="s">
        <v>22</v>
      </c>
      <c r="W1536" s="10" t="s">
        <v>22</v>
      </c>
    </row>
    <row r="1537" spans="1:26" ht="24" customHeight="1" x14ac:dyDescent="0.2">
      <c r="A1537" s="9" t="s">
        <v>18793</v>
      </c>
      <c r="B1537" s="9" t="s">
        <v>14</v>
      </c>
      <c r="C1537" s="9" t="s">
        <v>7334</v>
      </c>
      <c r="D1537" s="6" t="s">
        <v>7335</v>
      </c>
      <c r="E1537" s="22">
        <v>44362</v>
      </c>
      <c r="F1537" s="22">
        <v>46187</v>
      </c>
      <c r="G1537" s="6" t="s">
        <v>7336</v>
      </c>
      <c r="H1537" s="6" t="s">
        <v>62</v>
      </c>
      <c r="I1537" s="6" t="s">
        <v>403</v>
      </c>
      <c r="J1537" s="6" t="s">
        <v>7337</v>
      </c>
      <c r="K1537" s="9" t="s">
        <v>7338</v>
      </c>
      <c r="L1537" s="10" t="s">
        <v>22</v>
      </c>
      <c r="M1537" s="10" t="s">
        <v>22</v>
      </c>
      <c r="N1537" s="10" t="s">
        <v>22</v>
      </c>
      <c r="O1537" s="10" t="s">
        <v>22</v>
      </c>
      <c r="P1537" s="10" t="s">
        <v>22</v>
      </c>
      <c r="Q1537" s="10" t="s">
        <v>22</v>
      </c>
      <c r="U1537" s="10" t="s">
        <v>22</v>
      </c>
      <c r="V1537" s="10" t="s">
        <v>22</v>
      </c>
      <c r="W1537" s="10" t="s">
        <v>22</v>
      </c>
      <c r="X1537" s="10" t="s">
        <v>22</v>
      </c>
      <c r="Y1537" s="10" t="s">
        <v>22</v>
      </c>
      <c r="Z1537" s="10" t="s">
        <v>22</v>
      </c>
    </row>
    <row r="1538" spans="1:26" ht="24" customHeight="1" x14ac:dyDescent="0.2">
      <c r="A1538" s="9" t="s">
        <v>18794</v>
      </c>
      <c r="B1538" s="9" t="s">
        <v>14</v>
      </c>
      <c r="C1538" s="9" t="s">
        <v>7339</v>
      </c>
      <c r="D1538" s="6" t="s">
        <v>7340</v>
      </c>
      <c r="E1538" s="22">
        <v>44364</v>
      </c>
      <c r="F1538" s="22">
        <v>46189</v>
      </c>
      <c r="G1538" s="6" t="s">
        <v>7341</v>
      </c>
      <c r="H1538" s="6" t="s">
        <v>202</v>
      </c>
      <c r="I1538" s="6" t="s">
        <v>863</v>
      </c>
      <c r="J1538" s="6" t="s">
        <v>7342</v>
      </c>
      <c r="K1538" s="9" t="s">
        <v>7343</v>
      </c>
      <c r="L1538" s="10" t="s">
        <v>22</v>
      </c>
      <c r="M1538" s="10" t="s">
        <v>22</v>
      </c>
      <c r="N1538" s="10" t="s">
        <v>22</v>
      </c>
      <c r="O1538" s="10" t="s">
        <v>22</v>
      </c>
      <c r="P1538" s="10" t="s">
        <v>22</v>
      </c>
      <c r="Q1538" s="10" t="s">
        <v>22</v>
      </c>
      <c r="U1538" s="10" t="s">
        <v>22</v>
      </c>
      <c r="V1538" s="10" t="s">
        <v>22</v>
      </c>
      <c r="W1538" s="10" t="s">
        <v>22</v>
      </c>
      <c r="X1538" s="10" t="s">
        <v>22</v>
      </c>
      <c r="Y1538" s="10" t="s">
        <v>22</v>
      </c>
      <c r="Z1538" s="10" t="s">
        <v>22</v>
      </c>
    </row>
    <row r="1539" spans="1:26" ht="24" customHeight="1" x14ac:dyDescent="0.2">
      <c r="A1539" s="9" t="s">
        <v>18795</v>
      </c>
      <c r="B1539" s="9" t="s">
        <v>14</v>
      </c>
      <c r="C1539" s="9" t="s">
        <v>7344</v>
      </c>
      <c r="D1539" s="6" t="s">
        <v>7345</v>
      </c>
      <c r="E1539" s="22">
        <v>44364</v>
      </c>
      <c r="F1539" s="22">
        <v>46189</v>
      </c>
      <c r="G1539" s="6" t="s">
        <v>7346</v>
      </c>
      <c r="H1539" s="6" t="s">
        <v>202</v>
      </c>
      <c r="I1539" s="6" t="s">
        <v>863</v>
      </c>
      <c r="J1539" s="6" t="s">
        <v>7347</v>
      </c>
      <c r="K1539" s="9" t="s">
        <v>7348</v>
      </c>
      <c r="L1539" s="10" t="s">
        <v>22</v>
      </c>
      <c r="M1539" s="10" t="s">
        <v>22</v>
      </c>
      <c r="N1539" s="10" t="s">
        <v>22</v>
      </c>
      <c r="O1539" s="10" t="s">
        <v>22</v>
      </c>
      <c r="P1539" s="10" t="s">
        <v>22</v>
      </c>
      <c r="Q1539" s="10" t="s">
        <v>22</v>
      </c>
      <c r="U1539" s="10" t="s">
        <v>22</v>
      </c>
      <c r="V1539" s="10" t="s">
        <v>22</v>
      </c>
      <c r="W1539" s="10" t="s">
        <v>22</v>
      </c>
      <c r="X1539" s="10" t="s">
        <v>22</v>
      </c>
      <c r="Y1539" s="10" t="s">
        <v>22</v>
      </c>
      <c r="Z1539" s="10" t="s">
        <v>22</v>
      </c>
    </row>
    <row r="1540" spans="1:26" ht="24" customHeight="1" x14ac:dyDescent="0.2">
      <c r="A1540" s="9" t="s">
        <v>18796</v>
      </c>
      <c r="B1540" s="9" t="s">
        <v>14</v>
      </c>
      <c r="C1540" s="9" t="s">
        <v>7349</v>
      </c>
      <c r="D1540" s="6" t="s">
        <v>7350</v>
      </c>
      <c r="E1540" s="22">
        <v>44368</v>
      </c>
      <c r="F1540" s="22">
        <v>46193</v>
      </c>
      <c r="G1540" s="6" t="s">
        <v>7351</v>
      </c>
      <c r="H1540" s="6" t="s">
        <v>62</v>
      </c>
      <c r="I1540" s="6" t="s">
        <v>6770</v>
      </c>
      <c r="J1540" s="6" t="s">
        <v>7352</v>
      </c>
      <c r="K1540" s="9" t="s">
        <v>7353</v>
      </c>
      <c r="L1540" s="10" t="s">
        <v>22</v>
      </c>
      <c r="M1540" s="10" t="s">
        <v>22</v>
      </c>
      <c r="N1540" s="10" t="s">
        <v>22</v>
      </c>
      <c r="R1540" s="10" t="s">
        <v>22</v>
      </c>
      <c r="S1540" s="10" t="s">
        <v>22</v>
      </c>
      <c r="T1540" s="10" t="s">
        <v>22</v>
      </c>
      <c r="U1540" s="10" t="s">
        <v>22</v>
      </c>
      <c r="V1540" s="10" t="s">
        <v>22</v>
      </c>
      <c r="W1540" s="10" t="s">
        <v>22</v>
      </c>
    </row>
    <row r="1541" spans="1:26" ht="24" customHeight="1" x14ac:dyDescent="0.2">
      <c r="A1541" s="9" t="s">
        <v>18797</v>
      </c>
      <c r="B1541" s="9" t="s">
        <v>14</v>
      </c>
      <c r="C1541" s="9" t="s">
        <v>7354</v>
      </c>
      <c r="D1541" s="6" t="s">
        <v>7355</v>
      </c>
      <c r="E1541" s="22">
        <v>44375</v>
      </c>
      <c r="F1541" s="22">
        <v>46200</v>
      </c>
      <c r="G1541" s="6" t="s">
        <v>7356</v>
      </c>
      <c r="H1541" s="6" t="s">
        <v>62</v>
      </c>
      <c r="I1541" s="6" t="s">
        <v>306</v>
      </c>
      <c r="J1541" s="6" t="s">
        <v>7357</v>
      </c>
      <c r="L1541" s="10" t="s">
        <v>22</v>
      </c>
      <c r="M1541" s="10" t="s">
        <v>22</v>
      </c>
      <c r="N1541" s="10" t="s">
        <v>22</v>
      </c>
      <c r="O1541" s="10" t="s">
        <v>22</v>
      </c>
      <c r="P1541" s="10" t="s">
        <v>22</v>
      </c>
      <c r="Q1541" s="10" t="s">
        <v>22</v>
      </c>
      <c r="R1541" s="10" t="s">
        <v>22</v>
      </c>
      <c r="S1541" s="10" t="s">
        <v>22</v>
      </c>
      <c r="T1541" s="10" t="s">
        <v>22</v>
      </c>
      <c r="U1541" s="10" t="s">
        <v>22</v>
      </c>
      <c r="V1541" s="10" t="s">
        <v>22</v>
      </c>
      <c r="W1541" s="10" t="s">
        <v>22</v>
      </c>
      <c r="X1541" s="10" t="s">
        <v>22</v>
      </c>
      <c r="Y1541" s="10" t="s">
        <v>22</v>
      </c>
      <c r="Z1541" s="10" t="s">
        <v>22</v>
      </c>
    </row>
    <row r="1542" spans="1:26" ht="24" customHeight="1" x14ac:dyDescent="0.2">
      <c r="A1542" s="9" t="s">
        <v>18798</v>
      </c>
      <c r="B1542" s="9" t="s">
        <v>14</v>
      </c>
      <c r="C1542" s="9" t="s">
        <v>7358</v>
      </c>
      <c r="D1542" s="6" t="s">
        <v>7359</v>
      </c>
      <c r="E1542" s="22">
        <v>44375</v>
      </c>
      <c r="F1542" s="22">
        <v>46200</v>
      </c>
      <c r="G1542" s="6" t="s">
        <v>7360</v>
      </c>
      <c r="H1542" s="6" t="s">
        <v>18</v>
      </c>
      <c r="I1542" s="6" t="s">
        <v>26</v>
      </c>
      <c r="J1542" s="6" t="s">
        <v>7361</v>
      </c>
      <c r="K1542" s="9" t="s">
        <v>7362</v>
      </c>
      <c r="L1542" s="10" t="s">
        <v>22</v>
      </c>
      <c r="M1542" s="10" t="s">
        <v>22</v>
      </c>
      <c r="N1542" s="10" t="s">
        <v>22</v>
      </c>
      <c r="O1542" s="10" t="s">
        <v>22</v>
      </c>
      <c r="P1542" s="10" t="s">
        <v>22</v>
      </c>
      <c r="Q1542" s="10" t="s">
        <v>22</v>
      </c>
      <c r="R1542" s="10" t="s">
        <v>22</v>
      </c>
      <c r="S1542" s="10" t="s">
        <v>22</v>
      </c>
      <c r="T1542" s="10" t="s">
        <v>22</v>
      </c>
      <c r="V1542" s="10" t="s">
        <v>22</v>
      </c>
      <c r="W1542" s="10" t="s">
        <v>22</v>
      </c>
      <c r="Y1542" s="10" t="s">
        <v>22</v>
      </c>
      <c r="Z1542" s="10" t="s">
        <v>22</v>
      </c>
    </row>
    <row r="1543" spans="1:26" ht="24" customHeight="1" x14ac:dyDescent="0.2">
      <c r="A1543" s="9" t="s">
        <v>18799</v>
      </c>
      <c r="B1543" s="9" t="s">
        <v>14</v>
      </c>
      <c r="C1543" s="9" t="s">
        <v>7363</v>
      </c>
      <c r="D1543" s="6" t="s">
        <v>7364</v>
      </c>
      <c r="E1543" s="22">
        <v>44375</v>
      </c>
      <c r="F1543" s="22">
        <v>46200</v>
      </c>
      <c r="G1543" s="6" t="s">
        <v>7365</v>
      </c>
      <c r="H1543" s="6" t="s">
        <v>62</v>
      </c>
      <c r="I1543" s="6" t="s">
        <v>63</v>
      </c>
      <c r="J1543" s="6" t="s">
        <v>16230</v>
      </c>
      <c r="K1543" s="9" t="s">
        <v>16231</v>
      </c>
      <c r="L1543" s="10" t="s">
        <v>22</v>
      </c>
      <c r="M1543" s="10" t="s">
        <v>22</v>
      </c>
      <c r="N1543" s="10" t="s">
        <v>22</v>
      </c>
      <c r="O1543" s="10" t="s">
        <v>22</v>
      </c>
      <c r="P1543" s="10" t="s">
        <v>22</v>
      </c>
      <c r="Q1543" s="10" t="s">
        <v>22</v>
      </c>
      <c r="R1543" s="10" t="s">
        <v>22</v>
      </c>
      <c r="S1543" s="10" t="s">
        <v>22</v>
      </c>
      <c r="T1543" s="10" t="s">
        <v>22</v>
      </c>
      <c r="U1543" s="10" t="s">
        <v>22</v>
      </c>
      <c r="V1543" s="10" t="s">
        <v>22</v>
      </c>
      <c r="W1543" s="10" t="s">
        <v>22</v>
      </c>
      <c r="X1543" s="10" t="s">
        <v>22</v>
      </c>
      <c r="Y1543" s="10" t="s">
        <v>22</v>
      </c>
      <c r="Z1543" s="10" t="s">
        <v>22</v>
      </c>
    </row>
    <row r="1544" spans="1:26" ht="24" customHeight="1" x14ac:dyDescent="0.2">
      <c r="A1544" s="9" t="s">
        <v>18800</v>
      </c>
      <c r="B1544" s="9" t="s">
        <v>14</v>
      </c>
      <c r="C1544" s="9" t="s">
        <v>7366</v>
      </c>
      <c r="D1544" s="6" t="s">
        <v>7367</v>
      </c>
      <c r="E1544" s="22">
        <v>44375</v>
      </c>
      <c r="F1544" s="22">
        <v>46200</v>
      </c>
      <c r="G1544" s="6" t="s">
        <v>7368</v>
      </c>
      <c r="H1544" s="6" t="s">
        <v>701</v>
      </c>
      <c r="I1544" s="6" t="s">
        <v>3293</v>
      </c>
      <c r="J1544" s="6" t="s">
        <v>7369</v>
      </c>
      <c r="K1544" s="9" t="s">
        <v>7370</v>
      </c>
      <c r="L1544" s="10" t="s">
        <v>22</v>
      </c>
      <c r="M1544" s="10" t="s">
        <v>22</v>
      </c>
      <c r="N1544" s="10" t="s">
        <v>22</v>
      </c>
      <c r="O1544" s="10" t="s">
        <v>22</v>
      </c>
      <c r="P1544" s="10" t="s">
        <v>22</v>
      </c>
      <c r="Q1544" s="10" t="s">
        <v>22</v>
      </c>
      <c r="U1544" s="10" t="s">
        <v>22</v>
      </c>
      <c r="V1544" s="10" t="s">
        <v>22</v>
      </c>
      <c r="W1544" s="10" t="s">
        <v>22</v>
      </c>
      <c r="X1544" s="10" t="s">
        <v>22</v>
      </c>
      <c r="Y1544" s="10" t="s">
        <v>22</v>
      </c>
      <c r="Z1544" s="10" t="s">
        <v>22</v>
      </c>
    </row>
    <row r="1545" spans="1:26" ht="24" customHeight="1" x14ac:dyDescent="0.2">
      <c r="A1545" s="9" t="s">
        <v>18801</v>
      </c>
      <c r="B1545" s="9" t="s">
        <v>14</v>
      </c>
      <c r="C1545" s="9" t="s">
        <v>7371</v>
      </c>
      <c r="D1545" s="6" t="s">
        <v>7372</v>
      </c>
      <c r="E1545" s="22">
        <v>44375</v>
      </c>
      <c r="F1545" s="22">
        <v>46200</v>
      </c>
      <c r="G1545" s="6" t="s">
        <v>7373</v>
      </c>
      <c r="H1545" s="6" t="s">
        <v>18</v>
      </c>
      <c r="I1545" s="6" t="s">
        <v>19</v>
      </c>
      <c r="J1545" s="6" t="s">
        <v>7374</v>
      </c>
      <c r="L1545" s="10" t="s">
        <v>22</v>
      </c>
      <c r="M1545" s="10" t="s">
        <v>22</v>
      </c>
      <c r="N1545" s="10" t="s">
        <v>22</v>
      </c>
      <c r="O1545" s="10" t="s">
        <v>22</v>
      </c>
      <c r="P1545" s="10" t="s">
        <v>22</v>
      </c>
      <c r="Q1545" s="10" t="s">
        <v>22</v>
      </c>
      <c r="R1545" s="10" t="s">
        <v>22</v>
      </c>
      <c r="S1545" s="10" t="s">
        <v>22</v>
      </c>
      <c r="T1545" s="10" t="s">
        <v>22</v>
      </c>
      <c r="U1545" s="10" t="s">
        <v>22</v>
      </c>
      <c r="V1545" s="10" t="s">
        <v>22</v>
      </c>
      <c r="W1545" s="10" t="s">
        <v>22</v>
      </c>
      <c r="X1545" s="10" t="s">
        <v>22</v>
      </c>
      <c r="Y1545" s="10" t="s">
        <v>22</v>
      </c>
      <c r="Z1545" s="10" t="s">
        <v>22</v>
      </c>
    </row>
    <row r="1546" spans="1:26" ht="24" customHeight="1" x14ac:dyDescent="0.2">
      <c r="A1546" s="9" t="s">
        <v>18802</v>
      </c>
      <c r="B1546" s="9" t="s">
        <v>14</v>
      </c>
      <c r="C1546" s="9" t="s">
        <v>7375</v>
      </c>
      <c r="D1546" s="6" t="s">
        <v>7376</v>
      </c>
      <c r="E1546" s="22">
        <v>44375</v>
      </c>
      <c r="F1546" s="22">
        <v>46200</v>
      </c>
      <c r="G1546" s="6" t="s">
        <v>7377</v>
      </c>
      <c r="H1546" s="6" t="s">
        <v>62</v>
      </c>
      <c r="I1546" s="6" t="s">
        <v>290</v>
      </c>
      <c r="J1546" s="6" t="s">
        <v>7378</v>
      </c>
      <c r="K1546" s="9" t="s">
        <v>7379</v>
      </c>
      <c r="L1546" s="10" t="s">
        <v>22</v>
      </c>
      <c r="M1546" s="10" t="s">
        <v>22</v>
      </c>
      <c r="N1546" s="10" t="s">
        <v>22</v>
      </c>
      <c r="O1546" s="10" t="s">
        <v>22</v>
      </c>
      <c r="P1546" s="10" t="s">
        <v>22</v>
      </c>
      <c r="Q1546" s="10" t="s">
        <v>22</v>
      </c>
      <c r="U1546" s="10" t="s">
        <v>22</v>
      </c>
      <c r="V1546" s="10" t="s">
        <v>22</v>
      </c>
      <c r="W1546" s="10" t="s">
        <v>22</v>
      </c>
      <c r="X1546" s="10" t="s">
        <v>22</v>
      </c>
      <c r="Y1546" s="10" t="s">
        <v>22</v>
      </c>
      <c r="Z1546" s="10" t="s">
        <v>22</v>
      </c>
    </row>
    <row r="1547" spans="1:26" ht="24" customHeight="1" x14ac:dyDescent="0.2">
      <c r="A1547" s="9" t="s">
        <v>18803</v>
      </c>
      <c r="B1547" s="9" t="s">
        <v>14</v>
      </c>
      <c r="C1547" s="9" t="s">
        <v>7380</v>
      </c>
      <c r="D1547" s="6" t="s">
        <v>7381</v>
      </c>
      <c r="E1547" s="22">
        <v>44376</v>
      </c>
      <c r="F1547" s="22">
        <v>46201</v>
      </c>
      <c r="G1547" s="6" t="s">
        <v>7382</v>
      </c>
      <c r="H1547" s="6" t="s">
        <v>202</v>
      </c>
      <c r="I1547" s="6" t="s">
        <v>3370</v>
      </c>
      <c r="J1547" s="6" t="s">
        <v>7383</v>
      </c>
      <c r="K1547" s="9" t="s">
        <v>7384</v>
      </c>
      <c r="L1547" s="10" t="s">
        <v>22</v>
      </c>
      <c r="M1547" s="10" t="s">
        <v>22</v>
      </c>
      <c r="N1547" s="10" t="s">
        <v>22</v>
      </c>
      <c r="O1547" s="10" t="s">
        <v>22</v>
      </c>
      <c r="P1547" s="10" t="s">
        <v>22</v>
      </c>
      <c r="Q1547" s="10" t="s">
        <v>22</v>
      </c>
      <c r="R1547" s="10" t="s">
        <v>22</v>
      </c>
      <c r="S1547" s="10" t="s">
        <v>22</v>
      </c>
      <c r="T1547" s="10" t="s">
        <v>22</v>
      </c>
      <c r="U1547" s="10" t="s">
        <v>22</v>
      </c>
      <c r="V1547" s="10" t="s">
        <v>22</v>
      </c>
      <c r="W1547" s="10" t="s">
        <v>22</v>
      </c>
      <c r="X1547" s="10" t="s">
        <v>22</v>
      </c>
      <c r="Y1547" s="10" t="s">
        <v>22</v>
      </c>
      <c r="Z1547" s="10" t="s">
        <v>22</v>
      </c>
    </row>
    <row r="1548" spans="1:26" ht="24" customHeight="1" x14ac:dyDescent="0.2">
      <c r="A1548" s="9" t="s">
        <v>18804</v>
      </c>
      <c r="B1548" s="9" t="s">
        <v>14</v>
      </c>
      <c r="C1548" s="9" t="s">
        <v>7385</v>
      </c>
      <c r="D1548" s="6" t="s">
        <v>7386</v>
      </c>
      <c r="E1548" s="22">
        <v>44376</v>
      </c>
      <c r="F1548" s="22">
        <v>46201</v>
      </c>
      <c r="G1548" s="6" t="s">
        <v>7387</v>
      </c>
      <c r="H1548" s="6" t="s">
        <v>18</v>
      </c>
      <c r="I1548" s="6" t="s">
        <v>19</v>
      </c>
      <c r="J1548" s="6" t="s">
        <v>7388</v>
      </c>
      <c r="K1548" s="9" t="s">
        <v>7389</v>
      </c>
      <c r="L1548" s="10" t="s">
        <v>22</v>
      </c>
      <c r="M1548" s="10" t="s">
        <v>22</v>
      </c>
      <c r="N1548" s="10" t="s">
        <v>22</v>
      </c>
      <c r="U1548" s="10" t="s">
        <v>22</v>
      </c>
      <c r="V1548" s="10" t="s">
        <v>22</v>
      </c>
      <c r="W1548" s="10" t="s">
        <v>22</v>
      </c>
    </row>
    <row r="1549" spans="1:26" ht="24" customHeight="1" x14ac:dyDescent="0.2">
      <c r="A1549" s="9" t="s">
        <v>18805</v>
      </c>
      <c r="B1549" s="9" t="s">
        <v>14</v>
      </c>
      <c r="C1549" s="9" t="s">
        <v>7390</v>
      </c>
      <c r="D1549" s="6" t="s">
        <v>7391</v>
      </c>
      <c r="E1549" s="22">
        <v>44376</v>
      </c>
      <c r="F1549" s="22">
        <v>46201</v>
      </c>
      <c r="G1549" s="6" t="s">
        <v>7392</v>
      </c>
      <c r="H1549" s="6" t="s">
        <v>229</v>
      </c>
      <c r="I1549" s="6" t="s">
        <v>4848</v>
      </c>
      <c r="J1549" s="6" t="s">
        <v>7393</v>
      </c>
      <c r="K1549" s="9" t="s">
        <v>7394</v>
      </c>
      <c r="M1549" s="10" t="s">
        <v>22</v>
      </c>
      <c r="N1549" s="10" t="s">
        <v>22</v>
      </c>
      <c r="O1549" s="10" t="s">
        <v>22</v>
      </c>
      <c r="P1549" s="10" t="s">
        <v>22</v>
      </c>
      <c r="Q1549" s="10" t="s">
        <v>22</v>
      </c>
      <c r="V1549" s="10" t="s">
        <v>22</v>
      </c>
      <c r="W1549" s="10" t="s">
        <v>22</v>
      </c>
      <c r="Y1549" s="10" t="s">
        <v>22</v>
      </c>
      <c r="Z1549" s="10" t="s">
        <v>22</v>
      </c>
    </row>
    <row r="1550" spans="1:26" ht="24" customHeight="1" x14ac:dyDescent="0.2">
      <c r="A1550" s="9" t="s">
        <v>18806</v>
      </c>
      <c r="B1550" s="9" t="s">
        <v>14</v>
      </c>
      <c r="C1550" s="9" t="s">
        <v>7395</v>
      </c>
      <c r="D1550" s="6" t="s">
        <v>7396</v>
      </c>
      <c r="E1550" s="22">
        <v>44377</v>
      </c>
      <c r="F1550" s="22">
        <v>46202</v>
      </c>
      <c r="G1550" s="6" t="s">
        <v>7397</v>
      </c>
      <c r="H1550" s="6" t="s">
        <v>363</v>
      </c>
      <c r="I1550" s="6" t="s">
        <v>7398</v>
      </c>
      <c r="J1550" s="6" t="s">
        <v>7399</v>
      </c>
      <c r="K1550" s="9" t="s">
        <v>7400</v>
      </c>
      <c r="L1550" s="10" t="s">
        <v>22</v>
      </c>
      <c r="M1550" s="10" t="s">
        <v>22</v>
      </c>
      <c r="N1550" s="10" t="s">
        <v>22</v>
      </c>
      <c r="O1550" s="10" t="s">
        <v>22</v>
      </c>
      <c r="P1550" s="10" t="s">
        <v>22</v>
      </c>
      <c r="Q1550" s="10" t="s">
        <v>22</v>
      </c>
      <c r="R1550" s="10" t="s">
        <v>22</v>
      </c>
      <c r="S1550" s="10" t="s">
        <v>22</v>
      </c>
      <c r="T1550" s="10" t="s">
        <v>22</v>
      </c>
      <c r="U1550" s="10" t="s">
        <v>22</v>
      </c>
      <c r="V1550" s="10" t="s">
        <v>22</v>
      </c>
      <c r="W1550" s="10" t="s">
        <v>22</v>
      </c>
      <c r="X1550" s="10" t="s">
        <v>22</v>
      </c>
      <c r="Y1550" s="10" t="s">
        <v>22</v>
      </c>
      <c r="Z1550" s="10" t="s">
        <v>22</v>
      </c>
    </row>
    <row r="1551" spans="1:26" ht="24" customHeight="1" x14ac:dyDescent="0.2">
      <c r="A1551" s="9" t="s">
        <v>18807</v>
      </c>
      <c r="B1551" s="9" t="s">
        <v>14</v>
      </c>
      <c r="C1551" s="9" t="s">
        <v>7401</v>
      </c>
      <c r="D1551" s="6" t="s">
        <v>7402</v>
      </c>
      <c r="E1551" s="22">
        <v>44377</v>
      </c>
      <c r="F1551" s="22">
        <v>46202</v>
      </c>
      <c r="G1551" s="6" t="s">
        <v>7403</v>
      </c>
      <c r="H1551" s="6" t="s">
        <v>363</v>
      </c>
      <c r="I1551" s="6" t="s">
        <v>364</v>
      </c>
      <c r="J1551" s="6" t="s">
        <v>7404</v>
      </c>
      <c r="K1551" s="9" t="s">
        <v>7405</v>
      </c>
      <c r="L1551" s="10" t="s">
        <v>22</v>
      </c>
      <c r="M1551" s="10" t="s">
        <v>22</v>
      </c>
      <c r="N1551" s="10" t="s">
        <v>22</v>
      </c>
      <c r="O1551" s="10" t="s">
        <v>22</v>
      </c>
      <c r="P1551" s="10" t="s">
        <v>22</v>
      </c>
      <c r="Q1551" s="10" t="s">
        <v>22</v>
      </c>
      <c r="R1551" s="10" t="s">
        <v>22</v>
      </c>
      <c r="S1551" s="10" t="s">
        <v>22</v>
      </c>
      <c r="T1551" s="10" t="s">
        <v>22</v>
      </c>
      <c r="U1551" s="10" t="s">
        <v>22</v>
      </c>
      <c r="V1551" s="10" t="s">
        <v>22</v>
      </c>
      <c r="W1551" s="10" t="s">
        <v>22</v>
      </c>
      <c r="X1551" s="10" t="s">
        <v>22</v>
      </c>
      <c r="Y1551" s="10" t="s">
        <v>22</v>
      </c>
      <c r="Z1551" s="10" t="s">
        <v>22</v>
      </c>
    </row>
    <row r="1552" spans="1:26" ht="24" customHeight="1" x14ac:dyDescent="0.2">
      <c r="A1552" s="9" t="s">
        <v>18808</v>
      </c>
      <c r="B1552" s="9" t="s">
        <v>14</v>
      </c>
      <c r="C1552" s="9" t="s">
        <v>7406</v>
      </c>
      <c r="D1552" s="6" t="s">
        <v>7407</v>
      </c>
      <c r="E1552" s="22">
        <v>44377</v>
      </c>
      <c r="F1552" s="22">
        <v>46202</v>
      </c>
      <c r="G1552" s="6" t="s">
        <v>7408</v>
      </c>
      <c r="H1552" s="6" t="s">
        <v>18</v>
      </c>
      <c r="I1552" s="6" t="s">
        <v>26</v>
      </c>
      <c r="J1552" s="6" t="s">
        <v>7409</v>
      </c>
      <c r="K1552" s="9" t="s">
        <v>7410</v>
      </c>
      <c r="L1552" s="10" t="s">
        <v>22</v>
      </c>
      <c r="M1552" s="10" t="s">
        <v>22</v>
      </c>
      <c r="N1552" s="10" t="s">
        <v>22</v>
      </c>
      <c r="U1552" s="10" t="s">
        <v>22</v>
      </c>
      <c r="V1552" s="10" t="s">
        <v>22</v>
      </c>
      <c r="W1552" s="10" t="s">
        <v>22</v>
      </c>
    </row>
    <row r="1553" spans="1:26" ht="24" customHeight="1" x14ac:dyDescent="0.2">
      <c r="A1553" s="9" t="s">
        <v>18809</v>
      </c>
      <c r="B1553" s="9" t="s">
        <v>14</v>
      </c>
      <c r="C1553" s="9" t="s">
        <v>7411</v>
      </c>
      <c r="D1553" s="6" t="s">
        <v>7412</v>
      </c>
      <c r="E1553" s="22">
        <v>44383</v>
      </c>
      <c r="F1553" s="22">
        <v>46208</v>
      </c>
      <c r="G1553" s="6" t="s">
        <v>7413</v>
      </c>
      <c r="H1553" s="6" t="s">
        <v>62</v>
      </c>
      <c r="I1553" s="6" t="s">
        <v>379</v>
      </c>
      <c r="J1553" s="6" t="s">
        <v>7414</v>
      </c>
      <c r="K1553" s="9" t="s">
        <v>7415</v>
      </c>
      <c r="L1553" s="10" t="s">
        <v>22</v>
      </c>
      <c r="M1553" s="10" t="s">
        <v>22</v>
      </c>
      <c r="N1553" s="10" t="s">
        <v>22</v>
      </c>
      <c r="O1553" s="10" t="s">
        <v>22</v>
      </c>
      <c r="P1553" s="10" t="s">
        <v>22</v>
      </c>
      <c r="Q1553" s="10" t="s">
        <v>22</v>
      </c>
      <c r="R1553" s="10" t="s">
        <v>22</v>
      </c>
      <c r="S1553" s="10" t="s">
        <v>22</v>
      </c>
      <c r="T1553" s="10" t="s">
        <v>22</v>
      </c>
      <c r="U1553" s="10" t="s">
        <v>22</v>
      </c>
      <c r="V1553" s="10" t="s">
        <v>22</v>
      </c>
      <c r="W1553" s="10" t="s">
        <v>22</v>
      </c>
      <c r="X1553" s="10" t="s">
        <v>22</v>
      </c>
      <c r="Y1553" s="10" t="s">
        <v>22</v>
      </c>
      <c r="Z1553" s="10" t="s">
        <v>22</v>
      </c>
    </row>
    <row r="1554" spans="1:26" ht="24" customHeight="1" x14ac:dyDescent="0.2">
      <c r="A1554" s="9" t="s">
        <v>18810</v>
      </c>
      <c r="B1554" s="9" t="s">
        <v>14</v>
      </c>
      <c r="C1554" s="9" t="s">
        <v>7416</v>
      </c>
      <c r="D1554" s="6" t="s">
        <v>7417</v>
      </c>
      <c r="E1554" s="22">
        <v>44385</v>
      </c>
      <c r="F1554" s="22">
        <v>46210</v>
      </c>
      <c r="G1554" s="6" t="s">
        <v>7418</v>
      </c>
      <c r="H1554" s="6" t="s">
        <v>1047</v>
      </c>
      <c r="I1554" s="6" t="s">
        <v>1060</v>
      </c>
      <c r="J1554" s="6" t="s">
        <v>7419</v>
      </c>
      <c r="K1554" s="9" t="s">
        <v>7420</v>
      </c>
      <c r="L1554" s="10" t="s">
        <v>22</v>
      </c>
      <c r="M1554" s="10" t="s">
        <v>22</v>
      </c>
      <c r="N1554" s="10" t="s">
        <v>22</v>
      </c>
      <c r="O1554" s="10" t="s">
        <v>22</v>
      </c>
      <c r="P1554" s="10" t="s">
        <v>22</v>
      </c>
      <c r="Q1554" s="10" t="s">
        <v>22</v>
      </c>
    </row>
    <row r="1555" spans="1:26" ht="24" customHeight="1" x14ac:dyDescent="0.2">
      <c r="A1555" s="9" t="s">
        <v>18811</v>
      </c>
      <c r="B1555" s="9" t="s">
        <v>14</v>
      </c>
      <c r="C1555" s="9" t="s">
        <v>7421</v>
      </c>
      <c r="D1555" s="6" t="s">
        <v>16232</v>
      </c>
      <c r="E1555" s="22">
        <v>44385</v>
      </c>
      <c r="F1555" s="22">
        <v>46210</v>
      </c>
      <c r="G1555" s="6" t="s">
        <v>16233</v>
      </c>
      <c r="H1555" s="6" t="s">
        <v>62</v>
      </c>
      <c r="I1555" s="6" t="s">
        <v>279</v>
      </c>
      <c r="J1555" s="6" t="s">
        <v>7422</v>
      </c>
      <c r="K1555" s="9" t="s">
        <v>7423</v>
      </c>
      <c r="L1555" s="10" t="s">
        <v>22</v>
      </c>
      <c r="M1555" s="10" t="s">
        <v>22</v>
      </c>
      <c r="N1555" s="10" t="s">
        <v>22</v>
      </c>
      <c r="O1555" s="10" t="s">
        <v>22</v>
      </c>
      <c r="P1555" s="10" t="s">
        <v>22</v>
      </c>
      <c r="Q1555" s="10" t="s">
        <v>22</v>
      </c>
      <c r="U1555" s="10" t="s">
        <v>22</v>
      </c>
      <c r="V1555" s="10" t="s">
        <v>22</v>
      </c>
      <c r="W1555" s="10" t="s">
        <v>22</v>
      </c>
      <c r="X1555" s="10" t="s">
        <v>22</v>
      </c>
      <c r="Y1555" s="10" t="s">
        <v>22</v>
      </c>
      <c r="Z1555" s="10" t="s">
        <v>22</v>
      </c>
    </row>
    <row r="1556" spans="1:26" ht="24" customHeight="1" x14ac:dyDescent="0.2">
      <c r="A1556" s="9" t="s">
        <v>18812</v>
      </c>
      <c r="B1556" s="9" t="s">
        <v>14</v>
      </c>
      <c r="C1556" s="9" t="s">
        <v>7424</v>
      </c>
      <c r="D1556" s="6" t="s">
        <v>7425</v>
      </c>
      <c r="E1556" s="22">
        <v>44392</v>
      </c>
      <c r="F1556" s="22">
        <v>46217</v>
      </c>
      <c r="G1556" s="6" t="s">
        <v>7426</v>
      </c>
      <c r="H1556" s="6" t="s">
        <v>18</v>
      </c>
      <c r="I1556" s="6" t="s">
        <v>26</v>
      </c>
      <c r="J1556" s="6" t="s">
        <v>7427</v>
      </c>
      <c r="K1556" s="9" t="s">
        <v>7428</v>
      </c>
      <c r="L1556" s="10" t="s">
        <v>22</v>
      </c>
      <c r="M1556" s="10" t="s">
        <v>22</v>
      </c>
      <c r="N1556" s="10" t="s">
        <v>22</v>
      </c>
      <c r="O1556" s="10" t="s">
        <v>22</v>
      </c>
      <c r="P1556" s="10" t="s">
        <v>22</v>
      </c>
      <c r="Q1556" s="10" t="s">
        <v>22</v>
      </c>
      <c r="R1556" s="10" t="s">
        <v>22</v>
      </c>
      <c r="S1556" s="10" t="s">
        <v>22</v>
      </c>
      <c r="T1556" s="10" t="s">
        <v>22</v>
      </c>
      <c r="U1556" s="10" t="s">
        <v>22</v>
      </c>
      <c r="V1556" s="10" t="s">
        <v>22</v>
      </c>
      <c r="W1556" s="10" t="s">
        <v>22</v>
      </c>
      <c r="X1556" s="10" t="s">
        <v>22</v>
      </c>
      <c r="Y1556" s="10" t="s">
        <v>22</v>
      </c>
      <c r="Z1556" s="10" t="s">
        <v>22</v>
      </c>
    </row>
    <row r="1557" spans="1:26" ht="24" customHeight="1" x14ac:dyDescent="0.2">
      <c r="A1557" s="9" t="s">
        <v>18813</v>
      </c>
      <c r="B1557" s="9" t="s">
        <v>14</v>
      </c>
      <c r="C1557" s="9" t="s">
        <v>7429</v>
      </c>
      <c r="D1557" s="6" t="s">
        <v>7430</v>
      </c>
      <c r="E1557" s="22">
        <v>44399</v>
      </c>
      <c r="F1557" s="22">
        <v>46224</v>
      </c>
      <c r="G1557" s="6" t="s">
        <v>7431</v>
      </c>
      <c r="H1557" s="6" t="s">
        <v>18</v>
      </c>
      <c r="I1557" s="6" t="s">
        <v>19</v>
      </c>
      <c r="J1557" s="6" t="s">
        <v>7432</v>
      </c>
      <c r="K1557" s="9" t="s">
        <v>7433</v>
      </c>
      <c r="L1557" s="10" t="s">
        <v>22</v>
      </c>
      <c r="M1557" s="10" t="s">
        <v>22</v>
      </c>
      <c r="N1557" s="10" t="s">
        <v>22</v>
      </c>
      <c r="O1557" s="10" t="s">
        <v>22</v>
      </c>
      <c r="P1557" s="10" t="s">
        <v>22</v>
      </c>
      <c r="Q1557" s="10" t="s">
        <v>22</v>
      </c>
      <c r="R1557" s="10" t="s">
        <v>22</v>
      </c>
      <c r="S1557" s="10" t="s">
        <v>22</v>
      </c>
      <c r="T1557" s="10" t="s">
        <v>22</v>
      </c>
      <c r="U1557" s="10" t="s">
        <v>22</v>
      </c>
      <c r="V1557" s="10" t="s">
        <v>22</v>
      </c>
      <c r="W1557" s="10" t="s">
        <v>22</v>
      </c>
      <c r="X1557" s="10" t="s">
        <v>22</v>
      </c>
      <c r="Y1557" s="10" t="s">
        <v>22</v>
      </c>
      <c r="Z1557" s="10" t="s">
        <v>22</v>
      </c>
    </row>
    <row r="1558" spans="1:26" ht="31.25" customHeight="1" x14ac:dyDescent="0.2">
      <c r="A1558" s="9" t="s">
        <v>18814</v>
      </c>
      <c r="B1558" s="9" t="s">
        <v>14</v>
      </c>
      <c r="C1558" s="9" t="s">
        <v>7429</v>
      </c>
      <c r="D1558" s="6" t="s">
        <v>7430</v>
      </c>
      <c r="E1558" s="22">
        <v>44399</v>
      </c>
      <c r="F1558" s="22">
        <v>46224</v>
      </c>
      <c r="G1558" s="6" t="s">
        <v>7434</v>
      </c>
      <c r="H1558" s="6" t="s">
        <v>18</v>
      </c>
      <c r="I1558" s="6" t="s">
        <v>26</v>
      </c>
      <c r="J1558" s="6" t="s">
        <v>7435</v>
      </c>
      <c r="K1558" s="9" t="s">
        <v>7436</v>
      </c>
      <c r="L1558" s="10" t="s">
        <v>22</v>
      </c>
      <c r="M1558" s="10" t="s">
        <v>22</v>
      </c>
      <c r="N1558" s="10" t="s">
        <v>22</v>
      </c>
      <c r="O1558" s="10" t="s">
        <v>22</v>
      </c>
      <c r="P1558" s="10" t="s">
        <v>22</v>
      </c>
      <c r="Q1558" s="10" t="s">
        <v>22</v>
      </c>
      <c r="R1558" s="10" t="s">
        <v>22</v>
      </c>
      <c r="S1558" s="10" t="s">
        <v>22</v>
      </c>
      <c r="T1558" s="10" t="s">
        <v>22</v>
      </c>
      <c r="U1558" s="10" t="s">
        <v>22</v>
      </c>
      <c r="V1558" s="10" t="s">
        <v>22</v>
      </c>
      <c r="W1558" s="10" t="s">
        <v>22</v>
      </c>
      <c r="X1558" s="10" t="s">
        <v>22</v>
      </c>
      <c r="Y1558" s="10" t="s">
        <v>22</v>
      </c>
      <c r="Z1558" s="10" t="s">
        <v>22</v>
      </c>
    </row>
    <row r="1559" spans="1:26" ht="31.25" customHeight="1" x14ac:dyDescent="0.2">
      <c r="A1559" s="9" t="s">
        <v>18815</v>
      </c>
      <c r="B1559" s="9" t="s">
        <v>14</v>
      </c>
      <c r="C1559" s="9" t="s">
        <v>7429</v>
      </c>
      <c r="D1559" s="6" t="s">
        <v>7430</v>
      </c>
      <c r="E1559" s="22">
        <v>44399</v>
      </c>
      <c r="F1559" s="22">
        <v>46224</v>
      </c>
      <c r="G1559" s="6" t="s">
        <v>7437</v>
      </c>
      <c r="H1559" s="6" t="s">
        <v>18</v>
      </c>
      <c r="I1559" s="6" t="s">
        <v>522</v>
      </c>
      <c r="J1559" s="6" t="s">
        <v>7438</v>
      </c>
      <c r="K1559" s="9" t="s">
        <v>7439</v>
      </c>
      <c r="L1559" s="10" t="s">
        <v>22</v>
      </c>
      <c r="M1559" s="10" t="s">
        <v>22</v>
      </c>
      <c r="N1559" s="10" t="s">
        <v>22</v>
      </c>
      <c r="O1559" s="10" t="s">
        <v>22</v>
      </c>
      <c r="P1559" s="10" t="s">
        <v>22</v>
      </c>
      <c r="Q1559" s="10" t="s">
        <v>22</v>
      </c>
      <c r="R1559" s="10" t="s">
        <v>22</v>
      </c>
      <c r="S1559" s="10" t="s">
        <v>22</v>
      </c>
      <c r="T1559" s="10" t="s">
        <v>22</v>
      </c>
      <c r="U1559" s="10" t="s">
        <v>22</v>
      </c>
      <c r="V1559" s="10" t="s">
        <v>22</v>
      </c>
      <c r="W1559" s="10" t="s">
        <v>22</v>
      </c>
      <c r="X1559" s="10" t="s">
        <v>22</v>
      </c>
      <c r="Y1559" s="10" t="s">
        <v>22</v>
      </c>
      <c r="Z1559" s="10" t="s">
        <v>22</v>
      </c>
    </row>
    <row r="1560" spans="1:26" ht="31.25" customHeight="1" x14ac:dyDescent="0.2">
      <c r="A1560" s="9" t="s">
        <v>18816</v>
      </c>
      <c r="B1560" s="9" t="s">
        <v>14</v>
      </c>
      <c r="C1560" s="9" t="s">
        <v>7429</v>
      </c>
      <c r="D1560" s="6" t="s">
        <v>7430</v>
      </c>
      <c r="E1560" s="22">
        <v>44399</v>
      </c>
      <c r="F1560" s="22">
        <v>46224</v>
      </c>
      <c r="G1560" s="6" t="s">
        <v>7440</v>
      </c>
      <c r="H1560" s="6" t="s">
        <v>62</v>
      </c>
      <c r="I1560" s="6" t="s">
        <v>414</v>
      </c>
      <c r="J1560" s="6" t="s">
        <v>7441</v>
      </c>
      <c r="K1560" s="9" t="s">
        <v>7442</v>
      </c>
      <c r="L1560" s="10" t="s">
        <v>22</v>
      </c>
      <c r="M1560" s="10" t="s">
        <v>22</v>
      </c>
      <c r="N1560" s="10" t="s">
        <v>22</v>
      </c>
      <c r="O1560" s="10" t="s">
        <v>22</v>
      </c>
      <c r="P1560" s="10" t="s">
        <v>22</v>
      </c>
      <c r="Q1560" s="10" t="s">
        <v>22</v>
      </c>
      <c r="R1560" s="10" t="s">
        <v>22</v>
      </c>
      <c r="S1560" s="10" t="s">
        <v>22</v>
      </c>
      <c r="T1560" s="10" t="s">
        <v>22</v>
      </c>
      <c r="U1560" s="10" t="s">
        <v>22</v>
      </c>
      <c r="V1560" s="10" t="s">
        <v>22</v>
      </c>
      <c r="W1560" s="10" t="s">
        <v>22</v>
      </c>
      <c r="X1560" s="10" t="s">
        <v>22</v>
      </c>
      <c r="Y1560" s="10" t="s">
        <v>22</v>
      </c>
      <c r="Z1560" s="10" t="s">
        <v>22</v>
      </c>
    </row>
    <row r="1561" spans="1:26" ht="24" customHeight="1" x14ac:dyDescent="0.2">
      <c r="A1561" s="9" t="s">
        <v>18817</v>
      </c>
      <c r="B1561" s="9" t="s">
        <v>14</v>
      </c>
      <c r="C1561" s="9" t="s">
        <v>7429</v>
      </c>
      <c r="D1561" s="6" t="s">
        <v>7430</v>
      </c>
      <c r="E1561" s="22">
        <v>44399</v>
      </c>
      <c r="F1561" s="22">
        <v>46224</v>
      </c>
      <c r="G1561" s="6" t="s">
        <v>7443</v>
      </c>
      <c r="H1561" s="6" t="s">
        <v>18</v>
      </c>
      <c r="I1561" s="6" t="s">
        <v>522</v>
      </c>
      <c r="J1561" s="6" t="s">
        <v>7444</v>
      </c>
      <c r="K1561" s="9" t="s">
        <v>7445</v>
      </c>
      <c r="L1561" s="10" t="s">
        <v>22</v>
      </c>
      <c r="M1561" s="10" t="s">
        <v>22</v>
      </c>
      <c r="N1561" s="10" t="s">
        <v>22</v>
      </c>
      <c r="O1561" s="10" t="s">
        <v>22</v>
      </c>
      <c r="P1561" s="10" t="s">
        <v>22</v>
      </c>
      <c r="Q1561" s="10" t="s">
        <v>22</v>
      </c>
      <c r="R1561" s="10" t="s">
        <v>22</v>
      </c>
      <c r="S1561" s="10" t="s">
        <v>22</v>
      </c>
      <c r="T1561" s="10" t="s">
        <v>22</v>
      </c>
      <c r="U1561" s="10" t="s">
        <v>22</v>
      </c>
      <c r="V1561" s="10" t="s">
        <v>22</v>
      </c>
      <c r="W1561" s="10" t="s">
        <v>22</v>
      </c>
      <c r="X1561" s="10" t="s">
        <v>22</v>
      </c>
      <c r="Y1561" s="10" t="s">
        <v>22</v>
      </c>
      <c r="Z1561" s="10" t="s">
        <v>22</v>
      </c>
    </row>
    <row r="1562" spans="1:26" ht="24" customHeight="1" x14ac:dyDescent="0.2">
      <c r="A1562" s="9" t="s">
        <v>18818</v>
      </c>
      <c r="B1562" s="9" t="s">
        <v>14</v>
      </c>
      <c r="C1562" s="9" t="s">
        <v>7429</v>
      </c>
      <c r="D1562" s="6" t="s">
        <v>7430</v>
      </c>
      <c r="E1562" s="22">
        <v>44399</v>
      </c>
      <c r="F1562" s="22">
        <v>46224</v>
      </c>
      <c r="G1562" s="6" t="s">
        <v>7446</v>
      </c>
      <c r="H1562" s="6" t="s">
        <v>18</v>
      </c>
      <c r="I1562" s="6" t="s">
        <v>392</v>
      </c>
      <c r="J1562" s="6" t="s">
        <v>7447</v>
      </c>
      <c r="K1562" s="9" t="s">
        <v>7448</v>
      </c>
      <c r="L1562" s="10" t="s">
        <v>22</v>
      </c>
      <c r="M1562" s="10" t="s">
        <v>22</v>
      </c>
      <c r="N1562" s="10" t="s">
        <v>22</v>
      </c>
      <c r="O1562" s="10" t="s">
        <v>22</v>
      </c>
      <c r="P1562" s="10" t="s">
        <v>22</v>
      </c>
      <c r="Q1562" s="10" t="s">
        <v>22</v>
      </c>
      <c r="R1562" s="10" t="s">
        <v>22</v>
      </c>
      <c r="S1562" s="10" t="s">
        <v>22</v>
      </c>
      <c r="T1562" s="10" t="s">
        <v>22</v>
      </c>
      <c r="U1562" s="10" t="s">
        <v>22</v>
      </c>
      <c r="V1562" s="10" t="s">
        <v>22</v>
      </c>
      <c r="W1562" s="10" t="s">
        <v>22</v>
      </c>
      <c r="X1562" s="10" t="s">
        <v>22</v>
      </c>
      <c r="Y1562" s="10" t="s">
        <v>22</v>
      </c>
      <c r="Z1562" s="10" t="s">
        <v>22</v>
      </c>
    </row>
    <row r="1563" spans="1:26" ht="24" customHeight="1" x14ac:dyDescent="0.2">
      <c r="A1563" s="9" t="s">
        <v>18819</v>
      </c>
      <c r="B1563" s="9" t="s">
        <v>14</v>
      </c>
      <c r="C1563" s="9" t="s">
        <v>7449</v>
      </c>
      <c r="D1563" s="6" t="s">
        <v>7450</v>
      </c>
      <c r="E1563" s="22">
        <v>44409</v>
      </c>
      <c r="F1563" s="22">
        <v>46234</v>
      </c>
      <c r="G1563" s="6" t="s">
        <v>7451</v>
      </c>
      <c r="H1563" s="6" t="s">
        <v>363</v>
      </c>
      <c r="I1563" s="6" t="s">
        <v>364</v>
      </c>
      <c r="J1563" s="6" t="s">
        <v>7452</v>
      </c>
      <c r="K1563" s="9" t="s">
        <v>7453</v>
      </c>
      <c r="L1563" s="10" t="s">
        <v>22</v>
      </c>
      <c r="M1563" s="10" t="s">
        <v>22</v>
      </c>
      <c r="N1563" s="10" t="s">
        <v>22</v>
      </c>
      <c r="O1563" s="10" t="s">
        <v>22</v>
      </c>
      <c r="P1563" s="10" t="s">
        <v>22</v>
      </c>
      <c r="Q1563" s="10" t="s">
        <v>22</v>
      </c>
      <c r="U1563" s="10" t="s">
        <v>22</v>
      </c>
      <c r="V1563" s="10" t="s">
        <v>22</v>
      </c>
      <c r="W1563" s="10" t="s">
        <v>22</v>
      </c>
      <c r="X1563" s="10" t="s">
        <v>22</v>
      </c>
      <c r="Y1563" s="10" t="s">
        <v>22</v>
      </c>
      <c r="Z1563" s="10" t="s">
        <v>22</v>
      </c>
    </row>
    <row r="1564" spans="1:26" ht="24" customHeight="1" x14ac:dyDescent="0.2">
      <c r="A1564" s="9" t="s">
        <v>18820</v>
      </c>
      <c r="B1564" s="9" t="s">
        <v>14</v>
      </c>
      <c r="C1564" s="9" t="s">
        <v>7454</v>
      </c>
      <c r="D1564" s="6" t="s">
        <v>7455</v>
      </c>
      <c r="E1564" s="22">
        <v>44409</v>
      </c>
      <c r="F1564" s="22">
        <v>46234</v>
      </c>
      <c r="G1564" s="6" t="s">
        <v>7456</v>
      </c>
      <c r="H1564" s="6" t="s">
        <v>18</v>
      </c>
      <c r="I1564" s="6" t="s">
        <v>19</v>
      </c>
      <c r="J1564" s="6" t="s">
        <v>7457</v>
      </c>
      <c r="K1564" s="9" t="s">
        <v>7458</v>
      </c>
      <c r="L1564" s="10" t="s">
        <v>22</v>
      </c>
      <c r="M1564" s="10" t="s">
        <v>22</v>
      </c>
      <c r="N1564" s="10" t="s">
        <v>22</v>
      </c>
      <c r="R1564" s="10" t="s">
        <v>22</v>
      </c>
      <c r="S1564" s="10" t="s">
        <v>22</v>
      </c>
      <c r="T1564" s="10" t="s">
        <v>22</v>
      </c>
      <c r="U1564" s="10" t="s">
        <v>22</v>
      </c>
      <c r="V1564" s="10" t="s">
        <v>22</v>
      </c>
      <c r="W1564" s="10" t="s">
        <v>22</v>
      </c>
    </row>
    <row r="1565" spans="1:26" ht="24" customHeight="1" x14ac:dyDescent="0.2">
      <c r="A1565" s="9" t="s">
        <v>18821</v>
      </c>
      <c r="B1565" s="9" t="s">
        <v>14</v>
      </c>
      <c r="C1565" s="9" t="s">
        <v>7459</v>
      </c>
      <c r="D1565" s="6" t="s">
        <v>7460</v>
      </c>
      <c r="E1565" s="22">
        <v>44416</v>
      </c>
      <c r="F1565" s="22">
        <v>46241</v>
      </c>
      <c r="G1565" s="6" t="s">
        <v>7461</v>
      </c>
      <c r="H1565" s="6" t="s">
        <v>202</v>
      </c>
      <c r="I1565" s="6" t="s">
        <v>873</v>
      </c>
      <c r="J1565" s="6" t="s">
        <v>7462</v>
      </c>
      <c r="K1565" s="9" t="s">
        <v>7463</v>
      </c>
      <c r="L1565" s="10" t="s">
        <v>22</v>
      </c>
      <c r="M1565" s="10" t="s">
        <v>22</v>
      </c>
      <c r="N1565" s="10" t="s">
        <v>22</v>
      </c>
      <c r="U1565" s="10" t="s">
        <v>22</v>
      </c>
      <c r="V1565" s="10" t="s">
        <v>22</v>
      </c>
      <c r="W1565" s="10" t="s">
        <v>22</v>
      </c>
    </row>
    <row r="1566" spans="1:26" ht="24" customHeight="1" x14ac:dyDescent="0.2">
      <c r="A1566" s="9" t="s">
        <v>18822</v>
      </c>
      <c r="B1566" s="9" t="s">
        <v>14</v>
      </c>
      <c r="C1566" s="9" t="s">
        <v>7464</v>
      </c>
      <c r="D1566" s="6" t="s">
        <v>7465</v>
      </c>
      <c r="E1566" s="22">
        <v>44416</v>
      </c>
      <c r="F1566" s="22">
        <v>46241</v>
      </c>
      <c r="G1566" s="6" t="s">
        <v>7466</v>
      </c>
      <c r="H1566" s="6" t="s">
        <v>1625</v>
      </c>
      <c r="I1566" s="6" t="s">
        <v>1626</v>
      </c>
      <c r="J1566" s="6" t="s">
        <v>7467</v>
      </c>
      <c r="K1566" s="9" t="s">
        <v>7468</v>
      </c>
      <c r="L1566" s="10" t="s">
        <v>22</v>
      </c>
      <c r="M1566" s="10" t="s">
        <v>22</v>
      </c>
      <c r="N1566" s="10" t="s">
        <v>22</v>
      </c>
      <c r="O1566" s="10" t="s">
        <v>22</v>
      </c>
      <c r="P1566" s="10" t="s">
        <v>22</v>
      </c>
      <c r="Q1566" s="10" t="s">
        <v>22</v>
      </c>
      <c r="R1566" s="10" t="s">
        <v>22</v>
      </c>
      <c r="S1566" s="10" t="s">
        <v>22</v>
      </c>
      <c r="T1566" s="10" t="s">
        <v>22</v>
      </c>
      <c r="U1566" s="10" t="s">
        <v>22</v>
      </c>
      <c r="V1566" s="10" t="s">
        <v>22</v>
      </c>
      <c r="W1566" s="10" t="s">
        <v>22</v>
      </c>
      <c r="X1566" s="10" t="s">
        <v>22</v>
      </c>
      <c r="Y1566" s="10" t="s">
        <v>22</v>
      </c>
      <c r="Z1566" s="10" t="s">
        <v>22</v>
      </c>
    </row>
    <row r="1567" spans="1:26" ht="24" customHeight="1" x14ac:dyDescent="0.2">
      <c r="A1567" s="9" t="s">
        <v>18823</v>
      </c>
      <c r="B1567" s="9" t="s">
        <v>14</v>
      </c>
      <c r="C1567" s="9" t="s">
        <v>7469</v>
      </c>
      <c r="D1567" s="6" t="s">
        <v>7470</v>
      </c>
      <c r="E1567" s="22">
        <v>44416</v>
      </c>
      <c r="F1567" s="22">
        <v>46241</v>
      </c>
      <c r="G1567" s="6" t="s">
        <v>7471</v>
      </c>
      <c r="H1567" s="6" t="s">
        <v>18</v>
      </c>
      <c r="I1567" s="6" t="s">
        <v>26</v>
      </c>
      <c r="J1567" s="6" t="s">
        <v>7472</v>
      </c>
      <c r="K1567" s="9" t="s">
        <v>7473</v>
      </c>
      <c r="L1567" s="10" t="s">
        <v>22</v>
      </c>
      <c r="M1567" s="10" t="s">
        <v>22</v>
      </c>
      <c r="N1567" s="10" t="s">
        <v>22</v>
      </c>
      <c r="O1567" s="10" t="s">
        <v>22</v>
      </c>
      <c r="P1567" s="10" t="s">
        <v>22</v>
      </c>
      <c r="Q1567" s="10" t="s">
        <v>22</v>
      </c>
      <c r="R1567" s="10" t="s">
        <v>22</v>
      </c>
      <c r="S1567" s="10" t="s">
        <v>22</v>
      </c>
      <c r="T1567" s="10" t="s">
        <v>22</v>
      </c>
      <c r="U1567" s="10" t="s">
        <v>22</v>
      </c>
      <c r="V1567" s="10" t="s">
        <v>22</v>
      </c>
      <c r="W1567" s="10" t="s">
        <v>22</v>
      </c>
      <c r="X1567" s="10" t="s">
        <v>22</v>
      </c>
      <c r="Y1567" s="10" t="s">
        <v>22</v>
      </c>
      <c r="Z1567" s="10" t="s">
        <v>22</v>
      </c>
    </row>
    <row r="1568" spans="1:26" ht="24" customHeight="1" x14ac:dyDescent="0.2">
      <c r="A1568" s="9" t="s">
        <v>18824</v>
      </c>
      <c r="B1568" s="9" t="s">
        <v>14</v>
      </c>
      <c r="C1568" s="9" t="s">
        <v>7474</v>
      </c>
      <c r="D1568" s="6" t="s">
        <v>7475</v>
      </c>
      <c r="E1568" s="22">
        <v>44416</v>
      </c>
      <c r="F1568" s="22">
        <v>46241</v>
      </c>
      <c r="G1568" s="6" t="s">
        <v>7476</v>
      </c>
      <c r="H1568" s="6" t="s">
        <v>62</v>
      </c>
      <c r="I1568" s="6" t="s">
        <v>1444</v>
      </c>
      <c r="J1568" s="6" t="s">
        <v>7477</v>
      </c>
      <c r="K1568" s="9" t="s">
        <v>7478</v>
      </c>
      <c r="L1568" s="10" t="s">
        <v>22</v>
      </c>
      <c r="M1568" s="10" t="s">
        <v>22</v>
      </c>
      <c r="N1568" s="10" t="s">
        <v>22</v>
      </c>
      <c r="O1568" s="10" t="s">
        <v>22</v>
      </c>
      <c r="P1568" s="10" t="s">
        <v>22</v>
      </c>
      <c r="Q1568" s="10" t="s">
        <v>22</v>
      </c>
      <c r="U1568" s="10" t="s">
        <v>22</v>
      </c>
      <c r="V1568" s="10" t="s">
        <v>22</v>
      </c>
      <c r="W1568" s="10" t="s">
        <v>22</v>
      </c>
      <c r="X1568" s="10" t="s">
        <v>22</v>
      </c>
      <c r="Y1568" s="10" t="s">
        <v>22</v>
      </c>
      <c r="Z1568" s="10" t="s">
        <v>22</v>
      </c>
    </row>
    <row r="1569" spans="1:26" ht="24" customHeight="1" x14ac:dyDescent="0.2">
      <c r="A1569" s="9" t="s">
        <v>18825</v>
      </c>
      <c r="B1569" s="9" t="s">
        <v>14</v>
      </c>
      <c r="C1569" s="9" t="s">
        <v>7479</v>
      </c>
      <c r="D1569" s="6" t="s">
        <v>7480</v>
      </c>
      <c r="E1569" s="22">
        <v>44432</v>
      </c>
      <c r="F1569" s="22">
        <v>46257</v>
      </c>
      <c r="G1569" s="6" t="s">
        <v>7481</v>
      </c>
      <c r="H1569" s="6" t="s">
        <v>1625</v>
      </c>
      <c r="I1569" s="6" t="s">
        <v>3160</v>
      </c>
      <c r="J1569" s="6" t="s">
        <v>7482</v>
      </c>
      <c r="K1569" s="9" t="s">
        <v>7483</v>
      </c>
      <c r="L1569" s="10" t="s">
        <v>22</v>
      </c>
      <c r="M1569" s="10" t="s">
        <v>22</v>
      </c>
      <c r="N1569" s="10" t="s">
        <v>22</v>
      </c>
      <c r="O1569" s="10" t="s">
        <v>22</v>
      </c>
      <c r="P1569" s="10" t="s">
        <v>22</v>
      </c>
      <c r="Q1569" s="10" t="s">
        <v>22</v>
      </c>
      <c r="R1569" s="10" t="s">
        <v>22</v>
      </c>
      <c r="S1569" s="10" t="s">
        <v>22</v>
      </c>
      <c r="T1569" s="10" t="s">
        <v>22</v>
      </c>
      <c r="U1569" s="10" t="s">
        <v>22</v>
      </c>
      <c r="V1569" s="10" t="s">
        <v>22</v>
      </c>
      <c r="W1569" s="10" t="s">
        <v>22</v>
      </c>
      <c r="X1569" s="10" t="s">
        <v>22</v>
      </c>
      <c r="Y1569" s="10" t="s">
        <v>22</v>
      </c>
      <c r="Z1569" s="10" t="s">
        <v>22</v>
      </c>
    </row>
    <row r="1570" spans="1:26" ht="24" customHeight="1" x14ac:dyDescent="0.2">
      <c r="A1570" s="9" t="s">
        <v>18826</v>
      </c>
      <c r="B1570" s="9" t="s">
        <v>14</v>
      </c>
      <c r="C1570" s="9" t="s">
        <v>7484</v>
      </c>
      <c r="D1570" s="6" t="s">
        <v>7485</v>
      </c>
      <c r="E1570" s="22">
        <v>44432</v>
      </c>
      <c r="F1570" s="22">
        <v>46257</v>
      </c>
      <c r="G1570" s="6" t="s">
        <v>7486</v>
      </c>
      <c r="H1570" s="6" t="s">
        <v>7487</v>
      </c>
      <c r="I1570" s="6" t="s">
        <v>7488</v>
      </c>
      <c r="J1570" s="6" t="s">
        <v>7489</v>
      </c>
      <c r="K1570" s="9" t="s">
        <v>7490</v>
      </c>
      <c r="L1570" s="10" t="s">
        <v>22</v>
      </c>
      <c r="M1570" s="10" t="s">
        <v>22</v>
      </c>
      <c r="N1570" s="10" t="s">
        <v>22</v>
      </c>
      <c r="O1570" s="10" t="s">
        <v>22</v>
      </c>
      <c r="P1570" s="10" t="s">
        <v>22</v>
      </c>
      <c r="Q1570" s="10" t="s">
        <v>22</v>
      </c>
      <c r="U1570" s="10" t="s">
        <v>22</v>
      </c>
      <c r="V1570" s="10" t="s">
        <v>22</v>
      </c>
      <c r="W1570" s="10" t="s">
        <v>22</v>
      </c>
      <c r="X1570" s="10" t="s">
        <v>22</v>
      </c>
      <c r="Y1570" s="10" t="s">
        <v>22</v>
      </c>
      <c r="Z1570" s="10" t="s">
        <v>22</v>
      </c>
    </row>
    <row r="1571" spans="1:26" ht="24" customHeight="1" x14ac:dyDescent="0.2">
      <c r="A1571" s="9" t="s">
        <v>18827</v>
      </c>
      <c r="B1571" s="9" t="s">
        <v>14</v>
      </c>
      <c r="C1571" s="9" t="s">
        <v>7491</v>
      </c>
      <c r="D1571" s="6" t="s">
        <v>7492</v>
      </c>
      <c r="E1571" s="22">
        <v>44432</v>
      </c>
      <c r="F1571" s="22">
        <v>46257</v>
      </c>
      <c r="G1571" s="6" t="s">
        <v>7493</v>
      </c>
      <c r="H1571" s="6" t="s">
        <v>62</v>
      </c>
      <c r="I1571" s="6" t="s">
        <v>551</v>
      </c>
      <c r="J1571" s="6" t="s">
        <v>7494</v>
      </c>
      <c r="K1571" s="9" t="s">
        <v>7495</v>
      </c>
      <c r="L1571" s="10" t="s">
        <v>22</v>
      </c>
      <c r="M1571" s="10" t="s">
        <v>22</v>
      </c>
      <c r="N1571" s="10" t="s">
        <v>22</v>
      </c>
      <c r="O1571" s="10" t="s">
        <v>22</v>
      </c>
      <c r="P1571" s="10" t="s">
        <v>22</v>
      </c>
      <c r="Q1571" s="10" t="s">
        <v>22</v>
      </c>
      <c r="U1571" s="10" t="s">
        <v>22</v>
      </c>
      <c r="V1571" s="10" t="s">
        <v>22</v>
      </c>
      <c r="W1571" s="10" t="s">
        <v>22</v>
      </c>
      <c r="X1571" s="10" t="s">
        <v>22</v>
      </c>
      <c r="Y1571" s="10" t="s">
        <v>22</v>
      </c>
      <c r="Z1571" s="10" t="s">
        <v>22</v>
      </c>
    </row>
    <row r="1572" spans="1:26" ht="24" customHeight="1" x14ac:dyDescent="0.2">
      <c r="A1572" s="9" t="s">
        <v>18828</v>
      </c>
      <c r="B1572" s="9" t="s">
        <v>14</v>
      </c>
      <c r="C1572" s="9" t="s">
        <v>7496</v>
      </c>
      <c r="D1572" s="6" t="s">
        <v>7497</v>
      </c>
      <c r="E1572" s="22">
        <v>44439</v>
      </c>
      <c r="F1572" s="22">
        <v>46264</v>
      </c>
      <c r="G1572" s="6" t="s">
        <v>7498</v>
      </c>
      <c r="H1572" s="6" t="s">
        <v>18</v>
      </c>
      <c r="I1572" s="6" t="s">
        <v>19</v>
      </c>
      <c r="J1572" s="6" t="s">
        <v>7499</v>
      </c>
      <c r="K1572" s="9" t="s">
        <v>7500</v>
      </c>
      <c r="L1572" s="10" t="s">
        <v>22</v>
      </c>
      <c r="M1572" s="10" t="s">
        <v>22</v>
      </c>
      <c r="N1572" s="10" t="s">
        <v>22</v>
      </c>
      <c r="O1572" s="10" t="s">
        <v>22</v>
      </c>
      <c r="P1572" s="10" t="s">
        <v>22</v>
      </c>
      <c r="Q1572" s="10" t="s">
        <v>22</v>
      </c>
      <c r="R1572" s="10" t="s">
        <v>22</v>
      </c>
      <c r="S1572" s="10" t="s">
        <v>22</v>
      </c>
      <c r="T1572" s="10" t="s">
        <v>22</v>
      </c>
      <c r="U1572" s="10" t="s">
        <v>22</v>
      </c>
      <c r="V1572" s="10" t="s">
        <v>22</v>
      </c>
      <c r="W1572" s="10" t="s">
        <v>22</v>
      </c>
      <c r="X1572" s="10" t="s">
        <v>22</v>
      </c>
      <c r="Y1572" s="10" t="s">
        <v>22</v>
      </c>
      <c r="Z1572" s="10" t="s">
        <v>22</v>
      </c>
    </row>
    <row r="1573" spans="1:26" ht="24" customHeight="1" x14ac:dyDescent="0.2">
      <c r="A1573" s="9" t="s">
        <v>18829</v>
      </c>
      <c r="B1573" s="9" t="s">
        <v>14</v>
      </c>
      <c r="C1573" s="9" t="s">
        <v>7501</v>
      </c>
      <c r="D1573" s="6" t="s">
        <v>7502</v>
      </c>
      <c r="E1573" s="22">
        <v>44439</v>
      </c>
      <c r="F1573" s="22">
        <v>46264</v>
      </c>
      <c r="G1573" s="6" t="s">
        <v>7503</v>
      </c>
      <c r="H1573" s="6" t="s">
        <v>1625</v>
      </c>
      <c r="I1573" s="6" t="s">
        <v>3160</v>
      </c>
      <c r="J1573" s="6" t="s">
        <v>7504</v>
      </c>
      <c r="L1573" s="10" t="s">
        <v>22</v>
      </c>
      <c r="M1573" s="10" t="s">
        <v>22</v>
      </c>
      <c r="N1573" s="10" t="s">
        <v>22</v>
      </c>
      <c r="O1573" s="10" t="s">
        <v>22</v>
      </c>
      <c r="P1573" s="10" t="s">
        <v>22</v>
      </c>
      <c r="Q1573" s="10" t="s">
        <v>22</v>
      </c>
      <c r="R1573" s="10" t="s">
        <v>22</v>
      </c>
      <c r="S1573" s="10" t="s">
        <v>22</v>
      </c>
      <c r="T1573" s="10" t="s">
        <v>22</v>
      </c>
      <c r="V1573" s="10" t="s">
        <v>22</v>
      </c>
      <c r="W1573" s="10" t="s">
        <v>22</v>
      </c>
      <c r="Y1573" s="10" t="s">
        <v>22</v>
      </c>
      <c r="Z1573" s="10" t="s">
        <v>22</v>
      </c>
    </row>
    <row r="1574" spans="1:26" ht="24" customHeight="1" x14ac:dyDescent="0.2">
      <c r="A1574" s="9" t="s">
        <v>18830</v>
      </c>
      <c r="B1574" s="9" t="s">
        <v>14</v>
      </c>
      <c r="C1574" s="9" t="s">
        <v>7505</v>
      </c>
      <c r="D1574" s="6" t="s">
        <v>7506</v>
      </c>
      <c r="E1574" s="22">
        <v>44439</v>
      </c>
      <c r="F1574" s="22">
        <v>46264</v>
      </c>
      <c r="G1574" s="6" t="s">
        <v>7507</v>
      </c>
      <c r="H1574" s="6" t="s">
        <v>3803</v>
      </c>
      <c r="I1574" s="6" t="s">
        <v>7508</v>
      </c>
      <c r="J1574" s="6" t="s">
        <v>7509</v>
      </c>
      <c r="K1574" s="9" t="s">
        <v>7510</v>
      </c>
      <c r="L1574" s="10" t="s">
        <v>22</v>
      </c>
      <c r="M1574" s="10" t="s">
        <v>22</v>
      </c>
      <c r="N1574" s="10" t="s">
        <v>22</v>
      </c>
      <c r="O1574" s="10" t="s">
        <v>22</v>
      </c>
      <c r="P1574" s="10" t="s">
        <v>22</v>
      </c>
      <c r="Q1574" s="10" t="s">
        <v>22</v>
      </c>
      <c r="R1574" s="10" t="s">
        <v>22</v>
      </c>
      <c r="S1574" s="10" t="s">
        <v>22</v>
      </c>
      <c r="T1574" s="10" t="s">
        <v>22</v>
      </c>
      <c r="U1574" s="10" t="s">
        <v>22</v>
      </c>
      <c r="V1574" s="10" t="s">
        <v>22</v>
      </c>
      <c r="W1574" s="10" t="s">
        <v>22</v>
      </c>
      <c r="X1574" s="10" t="s">
        <v>22</v>
      </c>
      <c r="Y1574" s="10" t="s">
        <v>22</v>
      </c>
      <c r="Z1574" s="10" t="s">
        <v>22</v>
      </c>
    </row>
    <row r="1575" spans="1:26" ht="24" customHeight="1" x14ac:dyDescent="0.2">
      <c r="A1575" s="9" t="s">
        <v>18831</v>
      </c>
      <c r="B1575" s="9" t="s">
        <v>14</v>
      </c>
      <c r="C1575" s="9" t="s">
        <v>7511</v>
      </c>
      <c r="D1575" s="6" t="s">
        <v>7512</v>
      </c>
      <c r="E1575" s="22">
        <v>44439</v>
      </c>
      <c r="F1575" s="22">
        <v>46264</v>
      </c>
      <c r="G1575" s="6" t="s">
        <v>7513</v>
      </c>
      <c r="H1575" s="6" t="s">
        <v>62</v>
      </c>
      <c r="I1575" s="6" t="s">
        <v>186</v>
      </c>
      <c r="J1575" s="6" t="s">
        <v>7514</v>
      </c>
      <c r="K1575" s="9" t="s">
        <v>7515</v>
      </c>
      <c r="L1575" s="10" t="s">
        <v>22</v>
      </c>
      <c r="M1575" s="10" t="s">
        <v>22</v>
      </c>
      <c r="N1575" s="10" t="s">
        <v>22</v>
      </c>
      <c r="O1575" s="10" t="s">
        <v>22</v>
      </c>
      <c r="P1575" s="10" t="s">
        <v>22</v>
      </c>
      <c r="Q1575" s="10" t="s">
        <v>22</v>
      </c>
      <c r="U1575" s="10" t="s">
        <v>22</v>
      </c>
      <c r="V1575" s="10" t="s">
        <v>22</v>
      </c>
      <c r="W1575" s="10" t="s">
        <v>22</v>
      </c>
      <c r="X1575" s="10" t="s">
        <v>22</v>
      </c>
      <c r="Y1575" s="10" t="s">
        <v>22</v>
      </c>
      <c r="Z1575" s="10" t="s">
        <v>22</v>
      </c>
    </row>
    <row r="1576" spans="1:26" ht="24" customHeight="1" x14ac:dyDescent="0.2">
      <c r="A1576" s="9" t="s">
        <v>18832</v>
      </c>
      <c r="B1576" s="9" t="s">
        <v>14</v>
      </c>
      <c r="C1576" s="9" t="s">
        <v>7516</v>
      </c>
      <c r="D1576" s="6" t="s">
        <v>7517</v>
      </c>
      <c r="E1576" s="22">
        <v>44447</v>
      </c>
      <c r="F1576" s="22">
        <v>46272</v>
      </c>
      <c r="G1576" s="6" t="s">
        <v>7518</v>
      </c>
      <c r="H1576" s="6" t="s">
        <v>4409</v>
      </c>
      <c r="I1576" s="6" t="s">
        <v>7519</v>
      </c>
      <c r="J1576" s="6" t="s">
        <v>7520</v>
      </c>
      <c r="K1576" s="9" t="s">
        <v>7521</v>
      </c>
      <c r="L1576" s="10" t="s">
        <v>22</v>
      </c>
      <c r="M1576" s="10" t="s">
        <v>22</v>
      </c>
      <c r="N1576" s="10" t="s">
        <v>22</v>
      </c>
      <c r="O1576" s="10" t="s">
        <v>22</v>
      </c>
      <c r="P1576" s="10" t="s">
        <v>22</v>
      </c>
      <c r="Q1576" s="10" t="s">
        <v>22</v>
      </c>
      <c r="R1576" s="10" t="s">
        <v>22</v>
      </c>
      <c r="S1576" s="10" t="s">
        <v>22</v>
      </c>
      <c r="T1576" s="10" t="s">
        <v>22</v>
      </c>
      <c r="U1576" s="10" t="s">
        <v>22</v>
      </c>
      <c r="V1576" s="10" t="s">
        <v>22</v>
      </c>
      <c r="W1576" s="10" t="s">
        <v>22</v>
      </c>
      <c r="X1576" s="10" t="s">
        <v>22</v>
      </c>
      <c r="Y1576" s="10" t="s">
        <v>22</v>
      </c>
      <c r="Z1576" s="10" t="s">
        <v>22</v>
      </c>
    </row>
    <row r="1577" spans="1:26" ht="24" customHeight="1" x14ac:dyDescent="0.2">
      <c r="A1577" s="9" t="s">
        <v>18833</v>
      </c>
      <c r="B1577" s="9" t="s">
        <v>14</v>
      </c>
      <c r="C1577" s="9" t="s">
        <v>7522</v>
      </c>
      <c r="D1577" s="6" t="s">
        <v>7523</v>
      </c>
      <c r="E1577" s="22">
        <v>44454</v>
      </c>
      <c r="F1577" s="22">
        <v>46279</v>
      </c>
      <c r="G1577" s="6" t="s">
        <v>7524</v>
      </c>
      <c r="H1577" s="6" t="s">
        <v>62</v>
      </c>
      <c r="I1577" s="6" t="s">
        <v>1125</v>
      </c>
      <c r="J1577" s="6" t="s">
        <v>7525</v>
      </c>
      <c r="K1577" s="9" t="s">
        <v>7526</v>
      </c>
      <c r="L1577" s="10" t="s">
        <v>22</v>
      </c>
      <c r="M1577" s="10" t="s">
        <v>22</v>
      </c>
      <c r="N1577" s="10" t="s">
        <v>22</v>
      </c>
      <c r="O1577" s="10" t="s">
        <v>22</v>
      </c>
      <c r="P1577" s="10" t="s">
        <v>22</v>
      </c>
      <c r="Q1577" s="10" t="s">
        <v>22</v>
      </c>
      <c r="R1577" s="10" t="s">
        <v>22</v>
      </c>
      <c r="S1577" s="10" t="s">
        <v>22</v>
      </c>
      <c r="T1577" s="10" t="s">
        <v>22</v>
      </c>
      <c r="U1577" s="10" t="s">
        <v>22</v>
      </c>
      <c r="V1577" s="10" t="s">
        <v>22</v>
      </c>
      <c r="W1577" s="10" t="s">
        <v>22</v>
      </c>
      <c r="X1577" s="10" t="s">
        <v>22</v>
      </c>
      <c r="Y1577" s="10" t="s">
        <v>22</v>
      </c>
      <c r="Z1577" s="10" t="s">
        <v>22</v>
      </c>
    </row>
    <row r="1578" spans="1:26" ht="24" customHeight="1" x14ac:dyDescent="0.2">
      <c r="A1578" s="9" t="s">
        <v>18834</v>
      </c>
      <c r="B1578" s="9" t="s">
        <v>14</v>
      </c>
      <c r="C1578" s="9" t="s">
        <v>7527</v>
      </c>
      <c r="D1578" s="6" t="s">
        <v>7528</v>
      </c>
      <c r="E1578" s="22">
        <v>44474</v>
      </c>
      <c r="F1578" s="22">
        <v>46299</v>
      </c>
      <c r="G1578" s="6" t="s">
        <v>7529</v>
      </c>
      <c r="H1578" s="6" t="s">
        <v>2029</v>
      </c>
      <c r="I1578" s="6" t="s">
        <v>7530</v>
      </c>
      <c r="J1578" s="6" t="s">
        <v>7531</v>
      </c>
      <c r="O1578" s="10" t="s">
        <v>22</v>
      </c>
      <c r="P1578" s="10" t="s">
        <v>22</v>
      </c>
      <c r="Q1578" s="10" t="s">
        <v>22</v>
      </c>
      <c r="X1578" s="10" t="s">
        <v>22</v>
      </c>
      <c r="Y1578" s="10" t="s">
        <v>22</v>
      </c>
      <c r="Z1578" s="10" t="s">
        <v>22</v>
      </c>
    </row>
    <row r="1579" spans="1:26" ht="24" customHeight="1" x14ac:dyDescent="0.2">
      <c r="A1579" s="9" t="s">
        <v>18835</v>
      </c>
      <c r="B1579" s="9" t="s">
        <v>14</v>
      </c>
      <c r="C1579" s="9" t="s">
        <v>7532</v>
      </c>
      <c r="D1579" s="6" t="s">
        <v>7533</v>
      </c>
      <c r="E1579" s="22">
        <v>44474</v>
      </c>
      <c r="F1579" s="22">
        <v>46299</v>
      </c>
      <c r="G1579" s="6" t="s">
        <v>7534</v>
      </c>
      <c r="H1579" s="6" t="s">
        <v>18</v>
      </c>
      <c r="I1579" s="6" t="s">
        <v>19</v>
      </c>
      <c r="J1579" s="6" t="s">
        <v>7535</v>
      </c>
      <c r="K1579" s="9" t="s">
        <v>7536</v>
      </c>
      <c r="L1579" s="10" t="s">
        <v>22</v>
      </c>
      <c r="M1579" s="10" t="s">
        <v>22</v>
      </c>
      <c r="N1579" s="10" t="s">
        <v>22</v>
      </c>
      <c r="O1579" s="10" t="s">
        <v>22</v>
      </c>
      <c r="P1579" s="10" t="s">
        <v>22</v>
      </c>
      <c r="Q1579" s="10" t="s">
        <v>22</v>
      </c>
      <c r="R1579" s="10" t="s">
        <v>22</v>
      </c>
      <c r="S1579" s="10" t="s">
        <v>22</v>
      </c>
      <c r="T1579" s="10" t="s">
        <v>22</v>
      </c>
      <c r="U1579" s="10" t="s">
        <v>22</v>
      </c>
      <c r="V1579" s="10" t="s">
        <v>22</v>
      </c>
      <c r="W1579" s="10" t="s">
        <v>22</v>
      </c>
      <c r="X1579" s="10" t="s">
        <v>22</v>
      </c>
      <c r="Y1579" s="10" t="s">
        <v>22</v>
      </c>
      <c r="Z1579" s="10" t="s">
        <v>22</v>
      </c>
    </row>
    <row r="1580" spans="1:26" ht="24" customHeight="1" x14ac:dyDescent="0.2">
      <c r="A1580" s="9" t="s">
        <v>18836</v>
      </c>
      <c r="B1580" s="9" t="s">
        <v>14</v>
      </c>
      <c r="C1580" s="9" t="s">
        <v>7537</v>
      </c>
      <c r="D1580" s="6" t="s">
        <v>7538</v>
      </c>
      <c r="E1580" s="22">
        <v>44474</v>
      </c>
      <c r="F1580" s="22">
        <v>46299</v>
      </c>
      <c r="G1580" s="6" t="s">
        <v>7539</v>
      </c>
      <c r="H1580" s="6" t="s">
        <v>18</v>
      </c>
      <c r="I1580" s="6" t="s">
        <v>19</v>
      </c>
      <c r="J1580" s="6" t="s">
        <v>7540</v>
      </c>
      <c r="K1580" s="9" t="s">
        <v>7541</v>
      </c>
      <c r="M1580" s="10" t="s">
        <v>22</v>
      </c>
      <c r="N1580" s="10" t="s">
        <v>22</v>
      </c>
      <c r="P1580" s="10" t="s">
        <v>22</v>
      </c>
      <c r="Q1580" s="10" t="s">
        <v>22</v>
      </c>
      <c r="V1580" s="10" t="s">
        <v>22</v>
      </c>
      <c r="W1580" s="10" t="s">
        <v>22</v>
      </c>
      <c r="Y1580" s="10" t="s">
        <v>22</v>
      </c>
      <c r="Z1580" s="10" t="s">
        <v>22</v>
      </c>
    </row>
    <row r="1581" spans="1:26" ht="24" customHeight="1" x14ac:dyDescent="0.2">
      <c r="A1581" s="9" t="s">
        <v>18837</v>
      </c>
      <c r="B1581" s="9" t="s">
        <v>14</v>
      </c>
      <c r="C1581" s="9" t="s">
        <v>7542</v>
      </c>
      <c r="D1581" s="6" t="s">
        <v>7543</v>
      </c>
      <c r="E1581" s="22">
        <v>44476</v>
      </c>
      <c r="F1581" s="22">
        <v>46301</v>
      </c>
      <c r="G1581" s="6" t="s">
        <v>7544</v>
      </c>
      <c r="H1581" s="6" t="s">
        <v>18</v>
      </c>
      <c r="I1581" s="6" t="s">
        <v>19</v>
      </c>
      <c r="J1581" s="6" t="s">
        <v>7545</v>
      </c>
      <c r="K1581" s="9" t="s">
        <v>7546</v>
      </c>
      <c r="L1581" s="10" t="s">
        <v>22</v>
      </c>
      <c r="M1581" s="10" t="s">
        <v>22</v>
      </c>
      <c r="N1581" s="10" t="s">
        <v>22</v>
      </c>
      <c r="O1581" s="10" t="s">
        <v>22</v>
      </c>
      <c r="P1581" s="10" t="s">
        <v>22</v>
      </c>
      <c r="Q1581" s="10" t="s">
        <v>22</v>
      </c>
      <c r="R1581" s="10" t="s">
        <v>22</v>
      </c>
      <c r="S1581" s="10" t="s">
        <v>22</v>
      </c>
      <c r="T1581" s="10" t="s">
        <v>22</v>
      </c>
    </row>
    <row r="1582" spans="1:26" ht="24" customHeight="1" x14ac:dyDescent="0.2">
      <c r="A1582" s="9" t="s">
        <v>18838</v>
      </c>
      <c r="B1582" s="9" t="s">
        <v>14</v>
      </c>
      <c r="C1582" s="9" t="s">
        <v>7547</v>
      </c>
      <c r="D1582" s="6" t="s">
        <v>7548</v>
      </c>
      <c r="E1582" s="22">
        <v>44476</v>
      </c>
      <c r="F1582" s="22">
        <v>46301</v>
      </c>
      <c r="G1582" s="6" t="s">
        <v>7549</v>
      </c>
      <c r="H1582" s="6" t="s">
        <v>62</v>
      </c>
      <c r="I1582" s="6" t="s">
        <v>186</v>
      </c>
      <c r="J1582" s="6" t="s">
        <v>7550</v>
      </c>
      <c r="L1582" s="10" t="s">
        <v>22</v>
      </c>
      <c r="M1582" s="10" t="s">
        <v>22</v>
      </c>
      <c r="N1582" s="10" t="s">
        <v>22</v>
      </c>
      <c r="O1582" s="10" t="s">
        <v>22</v>
      </c>
      <c r="P1582" s="10" t="s">
        <v>22</v>
      </c>
      <c r="Q1582" s="10" t="s">
        <v>22</v>
      </c>
      <c r="R1582" s="10" t="s">
        <v>22</v>
      </c>
      <c r="S1582" s="10" t="s">
        <v>22</v>
      </c>
      <c r="T1582" s="10" t="s">
        <v>22</v>
      </c>
      <c r="U1582" s="10" t="s">
        <v>22</v>
      </c>
      <c r="V1582" s="10" t="s">
        <v>22</v>
      </c>
      <c r="W1582" s="10" t="s">
        <v>22</v>
      </c>
      <c r="X1582" s="10" t="s">
        <v>22</v>
      </c>
      <c r="Y1582" s="10" t="s">
        <v>22</v>
      </c>
      <c r="Z1582" s="10" t="s">
        <v>22</v>
      </c>
    </row>
    <row r="1583" spans="1:26" ht="24" customHeight="1" x14ac:dyDescent="0.2">
      <c r="A1583" s="9" t="s">
        <v>18839</v>
      </c>
      <c r="B1583" s="9" t="s">
        <v>14</v>
      </c>
      <c r="C1583" s="9" t="s">
        <v>7551</v>
      </c>
      <c r="D1583" s="6" t="s">
        <v>7552</v>
      </c>
      <c r="E1583" s="22">
        <v>44480</v>
      </c>
      <c r="F1583" s="22">
        <v>46305</v>
      </c>
      <c r="G1583" s="6" t="s">
        <v>7553</v>
      </c>
      <c r="H1583" s="6" t="s">
        <v>202</v>
      </c>
      <c r="I1583" s="6" t="s">
        <v>863</v>
      </c>
      <c r="J1583" s="6" t="s">
        <v>7554</v>
      </c>
      <c r="K1583" s="9" t="s">
        <v>7555</v>
      </c>
      <c r="L1583" s="10" t="s">
        <v>22</v>
      </c>
      <c r="M1583" s="10" t="s">
        <v>22</v>
      </c>
      <c r="N1583" s="10" t="s">
        <v>22</v>
      </c>
      <c r="O1583" s="10" t="s">
        <v>22</v>
      </c>
      <c r="P1583" s="10" t="s">
        <v>22</v>
      </c>
      <c r="Q1583" s="10" t="s">
        <v>22</v>
      </c>
      <c r="R1583" s="10" t="s">
        <v>22</v>
      </c>
      <c r="S1583" s="10" t="s">
        <v>22</v>
      </c>
      <c r="T1583" s="10" t="s">
        <v>22</v>
      </c>
      <c r="U1583" s="10" t="s">
        <v>22</v>
      </c>
      <c r="V1583" s="10" t="s">
        <v>22</v>
      </c>
      <c r="W1583" s="10" t="s">
        <v>22</v>
      </c>
      <c r="X1583" s="10" t="s">
        <v>22</v>
      </c>
      <c r="Y1583" s="10" t="s">
        <v>22</v>
      </c>
      <c r="Z1583" s="10" t="s">
        <v>22</v>
      </c>
    </row>
    <row r="1584" spans="1:26" ht="24" customHeight="1" x14ac:dyDescent="0.2">
      <c r="A1584" s="9" t="s">
        <v>18840</v>
      </c>
      <c r="B1584" s="9" t="s">
        <v>14</v>
      </c>
      <c r="C1584" s="9" t="s">
        <v>7556</v>
      </c>
      <c r="D1584" s="6" t="s">
        <v>7557</v>
      </c>
      <c r="E1584" s="22">
        <v>44488</v>
      </c>
      <c r="F1584" s="22">
        <v>46313</v>
      </c>
      <c r="G1584" s="6" t="s">
        <v>7558</v>
      </c>
      <c r="H1584" s="6" t="s">
        <v>363</v>
      </c>
      <c r="I1584" s="6" t="s">
        <v>466</v>
      </c>
      <c r="J1584" s="6" t="s">
        <v>7559</v>
      </c>
      <c r="K1584" s="9" t="s">
        <v>7560</v>
      </c>
      <c r="L1584" s="10" t="s">
        <v>22</v>
      </c>
      <c r="M1584" s="10" t="s">
        <v>22</v>
      </c>
      <c r="N1584" s="10" t="s">
        <v>22</v>
      </c>
      <c r="O1584" s="10" t="s">
        <v>22</v>
      </c>
      <c r="P1584" s="10" t="s">
        <v>22</v>
      </c>
      <c r="Q1584" s="10" t="s">
        <v>22</v>
      </c>
      <c r="R1584" s="10" t="s">
        <v>22</v>
      </c>
      <c r="S1584" s="10" t="s">
        <v>22</v>
      </c>
      <c r="T1584" s="10" t="s">
        <v>22</v>
      </c>
      <c r="U1584" s="10" t="s">
        <v>22</v>
      </c>
      <c r="V1584" s="10" t="s">
        <v>22</v>
      </c>
      <c r="W1584" s="10" t="s">
        <v>22</v>
      </c>
      <c r="X1584" s="10" t="s">
        <v>22</v>
      </c>
      <c r="Y1584" s="10" t="s">
        <v>22</v>
      </c>
      <c r="Z1584" s="10" t="s">
        <v>22</v>
      </c>
    </row>
    <row r="1585" spans="1:26" ht="24" customHeight="1" x14ac:dyDescent="0.2">
      <c r="A1585" s="9" t="s">
        <v>18841</v>
      </c>
      <c r="B1585" s="9" t="s">
        <v>14</v>
      </c>
      <c r="C1585" s="9" t="s">
        <v>7561</v>
      </c>
      <c r="D1585" s="6" t="s">
        <v>7562</v>
      </c>
      <c r="E1585" s="22">
        <v>44494</v>
      </c>
      <c r="F1585" s="22">
        <v>46319</v>
      </c>
      <c r="G1585" s="6" t="s">
        <v>7563</v>
      </c>
      <c r="H1585" s="6" t="s">
        <v>202</v>
      </c>
      <c r="I1585" s="6" t="s">
        <v>1170</v>
      </c>
      <c r="J1585" s="6" t="s">
        <v>7564</v>
      </c>
      <c r="K1585" s="9" t="s">
        <v>7565</v>
      </c>
      <c r="L1585" s="10" t="s">
        <v>22</v>
      </c>
      <c r="M1585" s="10" t="s">
        <v>22</v>
      </c>
      <c r="N1585" s="10" t="s">
        <v>22</v>
      </c>
      <c r="O1585" s="10" t="s">
        <v>22</v>
      </c>
      <c r="P1585" s="10" t="s">
        <v>22</v>
      </c>
      <c r="Q1585" s="10" t="s">
        <v>22</v>
      </c>
      <c r="R1585" s="10" t="s">
        <v>22</v>
      </c>
      <c r="S1585" s="10" t="s">
        <v>22</v>
      </c>
      <c r="T1585" s="10" t="s">
        <v>22</v>
      </c>
      <c r="U1585" s="10" t="s">
        <v>22</v>
      </c>
      <c r="V1585" s="10" t="s">
        <v>22</v>
      </c>
      <c r="W1585" s="10" t="s">
        <v>22</v>
      </c>
      <c r="X1585" s="10" t="s">
        <v>22</v>
      </c>
      <c r="Y1585" s="10" t="s">
        <v>22</v>
      </c>
      <c r="Z1585" s="10" t="s">
        <v>22</v>
      </c>
    </row>
    <row r="1586" spans="1:26" ht="24" customHeight="1" x14ac:dyDescent="0.2">
      <c r="A1586" s="9" t="s">
        <v>18842</v>
      </c>
      <c r="B1586" s="9" t="s">
        <v>14</v>
      </c>
      <c r="C1586" s="9" t="s">
        <v>7566</v>
      </c>
      <c r="D1586" s="6" t="s">
        <v>4141</v>
      </c>
      <c r="E1586" s="22">
        <v>44493</v>
      </c>
      <c r="F1586" s="22">
        <v>46318</v>
      </c>
      <c r="G1586" s="6" t="s">
        <v>4142</v>
      </c>
      <c r="H1586" s="6" t="s">
        <v>62</v>
      </c>
      <c r="I1586" s="6" t="s">
        <v>73</v>
      </c>
      <c r="J1586" s="6" t="s">
        <v>7567</v>
      </c>
      <c r="K1586" s="9" t="s">
        <v>7568</v>
      </c>
      <c r="L1586" s="10" t="s">
        <v>22</v>
      </c>
      <c r="M1586" s="10" t="s">
        <v>22</v>
      </c>
      <c r="N1586" s="10" t="s">
        <v>22</v>
      </c>
      <c r="O1586" s="10" t="s">
        <v>22</v>
      </c>
      <c r="P1586" s="10" t="s">
        <v>22</v>
      </c>
      <c r="Q1586" s="10" t="s">
        <v>22</v>
      </c>
      <c r="R1586" s="10" t="s">
        <v>22</v>
      </c>
      <c r="S1586" s="10" t="s">
        <v>22</v>
      </c>
      <c r="T1586" s="10" t="s">
        <v>22</v>
      </c>
      <c r="U1586" s="10" t="s">
        <v>22</v>
      </c>
      <c r="V1586" s="10" t="s">
        <v>22</v>
      </c>
      <c r="W1586" s="10" t="s">
        <v>22</v>
      </c>
      <c r="X1586" s="10" t="s">
        <v>22</v>
      </c>
      <c r="Y1586" s="10" t="s">
        <v>22</v>
      </c>
      <c r="Z1586" s="10" t="s">
        <v>22</v>
      </c>
    </row>
    <row r="1587" spans="1:26" ht="24" customHeight="1" x14ac:dyDescent="0.2">
      <c r="A1587" s="9" t="s">
        <v>18843</v>
      </c>
      <c r="B1587" s="9" t="s">
        <v>14</v>
      </c>
      <c r="C1587" s="9" t="s">
        <v>7569</v>
      </c>
      <c r="D1587" s="6" t="s">
        <v>7570</v>
      </c>
      <c r="E1587" s="22">
        <v>44500</v>
      </c>
      <c r="F1587" s="22">
        <v>46325</v>
      </c>
      <c r="G1587" s="6" t="s">
        <v>7571</v>
      </c>
      <c r="H1587" s="6" t="s">
        <v>18</v>
      </c>
      <c r="I1587" s="6" t="s">
        <v>19</v>
      </c>
      <c r="J1587" s="6" t="s">
        <v>7572</v>
      </c>
      <c r="K1587" s="9" t="s">
        <v>7573</v>
      </c>
      <c r="L1587" s="10" t="s">
        <v>22</v>
      </c>
      <c r="M1587" s="10" t="s">
        <v>22</v>
      </c>
      <c r="N1587" s="10" t="s">
        <v>22</v>
      </c>
      <c r="O1587" s="10" t="s">
        <v>22</v>
      </c>
      <c r="P1587" s="10" t="s">
        <v>22</v>
      </c>
      <c r="Q1587" s="10" t="s">
        <v>22</v>
      </c>
      <c r="R1587" s="10" t="s">
        <v>22</v>
      </c>
      <c r="S1587" s="10" t="s">
        <v>22</v>
      </c>
      <c r="T1587" s="10" t="s">
        <v>22</v>
      </c>
      <c r="V1587" s="10" t="s">
        <v>22</v>
      </c>
      <c r="W1587" s="10" t="s">
        <v>22</v>
      </c>
      <c r="Y1587" s="10" t="s">
        <v>22</v>
      </c>
      <c r="Z1587" s="10" t="s">
        <v>22</v>
      </c>
    </row>
    <row r="1588" spans="1:26" ht="24" customHeight="1" x14ac:dyDescent="0.2">
      <c r="A1588" s="9" t="s">
        <v>18844</v>
      </c>
      <c r="B1588" s="9" t="s">
        <v>14</v>
      </c>
      <c r="C1588" s="9" t="s">
        <v>7574</v>
      </c>
      <c r="D1588" s="6" t="s">
        <v>7575</v>
      </c>
      <c r="E1588" s="22">
        <v>44507</v>
      </c>
      <c r="F1588" s="22">
        <v>46332</v>
      </c>
      <c r="G1588" s="6" t="s">
        <v>7576</v>
      </c>
      <c r="H1588" s="6" t="s">
        <v>2368</v>
      </c>
      <c r="I1588" s="6" t="s">
        <v>3271</v>
      </c>
      <c r="J1588" s="6" t="s">
        <v>7577</v>
      </c>
      <c r="K1588" s="9" t="s">
        <v>7578</v>
      </c>
      <c r="L1588" s="10" t="s">
        <v>22</v>
      </c>
      <c r="M1588" s="10" t="s">
        <v>22</v>
      </c>
      <c r="N1588" s="10" t="s">
        <v>22</v>
      </c>
      <c r="O1588" s="10" t="s">
        <v>22</v>
      </c>
      <c r="P1588" s="10" t="s">
        <v>22</v>
      </c>
      <c r="Q1588" s="10" t="s">
        <v>22</v>
      </c>
      <c r="R1588" s="10" t="s">
        <v>22</v>
      </c>
      <c r="S1588" s="10" t="s">
        <v>22</v>
      </c>
      <c r="T1588" s="10" t="s">
        <v>22</v>
      </c>
      <c r="U1588" s="10" t="s">
        <v>22</v>
      </c>
      <c r="V1588" s="10" t="s">
        <v>22</v>
      </c>
      <c r="W1588" s="10" t="s">
        <v>22</v>
      </c>
      <c r="X1588" s="10" t="s">
        <v>22</v>
      </c>
      <c r="Y1588" s="10" t="s">
        <v>22</v>
      </c>
      <c r="Z1588" s="10" t="s">
        <v>22</v>
      </c>
    </row>
    <row r="1589" spans="1:26" ht="24" customHeight="1" x14ac:dyDescent="0.2">
      <c r="A1589" s="9" t="s">
        <v>18845</v>
      </c>
      <c r="B1589" s="9" t="s">
        <v>14</v>
      </c>
      <c r="C1589" s="9" t="s">
        <v>7574</v>
      </c>
      <c r="D1589" s="6" t="s">
        <v>7575</v>
      </c>
      <c r="E1589" s="22">
        <v>44507</v>
      </c>
      <c r="F1589" s="22">
        <v>46332</v>
      </c>
      <c r="G1589" s="6" t="s">
        <v>7579</v>
      </c>
      <c r="H1589" s="6" t="s">
        <v>62</v>
      </c>
      <c r="I1589" s="6" t="s">
        <v>186</v>
      </c>
      <c r="J1589" s="6" t="s">
        <v>7580</v>
      </c>
      <c r="K1589" s="9" t="s">
        <v>7581</v>
      </c>
      <c r="L1589" s="10" t="s">
        <v>22</v>
      </c>
      <c r="M1589" s="10" t="s">
        <v>22</v>
      </c>
      <c r="N1589" s="10" t="s">
        <v>22</v>
      </c>
      <c r="O1589" s="10" t="s">
        <v>22</v>
      </c>
      <c r="P1589" s="10" t="s">
        <v>22</v>
      </c>
      <c r="Q1589" s="10" t="s">
        <v>22</v>
      </c>
      <c r="R1589" s="10" t="s">
        <v>22</v>
      </c>
      <c r="S1589" s="10" t="s">
        <v>22</v>
      </c>
      <c r="T1589" s="10" t="s">
        <v>22</v>
      </c>
      <c r="U1589" s="10" t="s">
        <v>22</v>
      </c>
      <c r="V1589" s="10" t="s">
        <v>22</v>
      </c>
      <c r="W1589" s="10" t="s">
        <v>22</v>
      </c>
      <c r="X1589" s="10" t="s">
        <v>22</v>
      </c>
      <c r="Y1589" s="10" t="s">
        <v>22</v>
      </c>
      <c r="Z1589" s="10" t="s">
        <v>22</v>
      </c>
    </row>
    <row r="1590" spans="1:26" ht="24" customHeight="1" x14ac:dyDescent="0.2">
      <c r="A1590" s="9" t="s">
        <v>18846</v>
      </c>
      <c r="B1590" s="9" t="s">
        <v>14</v>
      </c>
      <c r="C1590" s="9" t="s">
        <v>7582</v>
      </c>
      <c r="D1590" s="6" t="s">
        <v>7583</v>
      </c>
      <c r="E1590" s="22">
        <v>44504</v>
      </c>
      <c r="F1590" s="22">
        <v>46329</v>
      </c>
      <c r="G1590" s="6" t="s">
        <v>7584</v>
      </c>
      <c r="H1590" s="6" t="s">
        <v>2029</v>
      </c>
      <c r="I1590" s="6" t="s">
        <v>7585</v>
      </c>
      <c r="J1590" s="6" t="s">
        <v>7586</v>
      </c>
      <c r="K1590" s="9" t="s">
        <v>7587</v>
      </c>
      <c r="L1590" s="10" t="s">
        <v>22</v>
      </c>
      <c r="M1590" s="10" t="s">
        <v>22</v>
      </c>
      <c r="N1590" s="10" t="s">
        <v>22</v>
      </c>
      <c r="O1590" s="10" t="s">
        <v>22</v>
      </c>
      <c r="P1590" s="10" t="s">
        <v>22</v>
      </c>
      <c r="Q1590" s="10" t="s">
        <v>22</v>
      </c>
      <c r="R1590" s="10" t="s">
        <v>22</v>
      </c>
      <c r="S1590" s="10" t="s">
        <v>22</v>
      </c>
      <c r="T1590" s="10" t="s">
        <v>22</v>
      </c>
      <c r="U1590" s="10" t="s">
        <v>22</v>
      </c>
      <c r="V1590" s="10" t="s">
        <v>22</v>
      </c>
      <c r="W1590" s="10" t="s">
        <v>22</v>
      </c>
      <c r="X1590" s="10" t="s">
        <v>22</v>
      </c>
      <c r="Y1590" s="10" t="s">
        <v>22</v>
      </c>
      <c r="Z1590" s="10" t="s">
        <v>22</v>
      </c>
    </row>
    <row r="1591" spans="1:26" ht="24" customHeight="1" x14ac:dyDescent="0.2">
      <c r="A1591" s="9" t="s">
        <v>18847</v>
      </c>
      <c r="B1591" s="9" t="s">
        <v>14</v>
      </c>
      <c r="C1591" s="9" t="s">
        <v>7588</v>
      </c>
      <c r="D1591" s="6" t="s">
        <v>7589</v>
      </c>
      <c r="E1591" s="22">
        <v>44507</v>
      </c>
      <c r="F1591" s="22">
        <v>46332</v>
      </c>
      <c r="G1591" s="6" t="s">
        <v>7590</v>
      </c>
      <c r="H1591" s="6" t="s">
        <v>229</v>
      </c>
      <c r="I1591" s="6" t="s">
        <v>7591</v>
      </c>
      <c r="J1591" s="6" t="s">
        <v>7592</v>
      </c>
      <c r="K1591" s="9" t="s">
        <v>7593</v>
      </c>
      <c r="L1591" s="10" t="s">
        <v>22</v>
      </c>
      <c r="M1591" s="10" t="s">
        <v>22</v>
      </c>
      <c r="N1591" s="10" t="s">
        <v>22</v>
      </c>
      <c r="O1591" s="10" t="s">
        <v>22</v>
      </c>
      <c r="P1591" s="10" t="s">
        <v>22</v>
      </c>
      <c r="Q1591" s="10" t="s">
        <v>22</v>
      </c>
      <c r="R1591" s="10" t="s">
        <v>22</v>
      </c>
      <c r="S1591" s="10" t="s">
        <v>22</v>
      </c>
      <c r="T1591" s="10" t="s">
        <v>22</v>
      </c>
      <c r="U1591" s="10" t="s">
        <v>22</v>
      </c>
      <c r="V1591" s="10" t="s">
        <v>22</v>
      </c>
      <c r="W1591" s="10" t="s">
        <v>22</v>
      </c>
      <c r="X1591" s="10" t="s">
        <v>22</v>
      </c>
      <c r="Y1591" s="10" t="s">
        <v>22</v>
      </c>
      <c r="Z1591" s="10" t="s">
        <v>22</v>
      </c>
    </row>
    <row r="1592" spans="1:26" ht="24" customHeight="1" x14ac:dyDescent="0.2">
      <c r="A1592" s="9" t="s">
        <v>18848</v>
      </c>
      <c r="B1592" s="9" t="s">
        <v>14</v>
      </c>
      <c r="C1592" s="9" t="s">
        <v>7594</v>
      </c>
      <c r="D1592" s="6" t="s">
        <v>7595</v>
      </c>
      <c r="E1592" s="22">
        <v>44507</v>
      </c>
      <c r="F1592" s="22">
        <v>46332</v>
      </c>
      <c r="G1592" s="6" t="s">
        <v>7596</v>
      </c>
      <c r="H1592" s="6" t="s">
        <v>18</v>
      </c>
      <c r="I1592" s="6" t="s">
        <v>19</v>
      </c>
      <c r="J1592" s="6" t="s">
        <v>7597</v>
      </c>
      <c r="K1592" s="9" t="s">
        <v>7598</v>
      </c>
      <c r="L1592" s="10" t="s">
        <v>22</v>
      </c>
      <c r="M1592" s="10" t="s">
        <v>22</v>
      </c>
      <c r="N1592" s="10" t="s">
        <v>22</v>
      </c>
      <c r="R1592" s="10" t="s">
        <v>22</v>
      </c>
      <c r="S1592" s="10" t="s">
        <v>22</v>
      </c>
      <c r="T1592" s="10" t="s">
        <v>22</v>
      </c>
      <c r="U1592" s="10" t="s">
        <v>22</v>
      </c>
      <c r="V1592" s="10" t="s">
        <v>22</v>
      </c>
      <c r="W1592" s="10" t="s">
        <v>22</v>
      </c>
    </row>
    <row r="1593" spans="1:26" ht="24" customHeight="1" x14ac:dyDescent="0.2">
      <c r="A1593" s="9" t="s">
        <v>18849</v>
      </c>
      <c r="B1593" s="9" t="s">
        <v>14</v>
      </c>
      <c r="C1593" s="9" t="s">
        <v>7599</v>
      </c>
      <c r="D1593" s="6" t="s">
        <v>7600</v>
      </c>
      <c r="E1593" s="22">
        <v>44504</v>
      </c>
      <c r="F1593" s="22">
        <v>46329</v>
      </c>
      <c r="G1593" s="6" t="s">
        <v>7601</v>
      </c>
      <c r="H1593" s="6" t="s">
        <v>18</v>
      </c>
      <c r="I1593" s="6" t="s">
        <v>19</v>
      </c>
      <c r="J1593" s="6" t="s">
        <v>7602</v>
      </c>
      <c r="K1593" s="9" t="s">
        <v>7603</v>
      </c>
      <c r="L1593" s="10" t="s">
        <v>22</v>
      </c>
      <c r="M1593" s="10" t="s">
        <v>22</v>
      </c>
      <c r="N1593" s="10" t="s">
        <v>22</v>
      </c>
      <c r="O1593" s="10" t="s">
        <v>22</v>
      </c>
      <c r="P1593" s="10" t="s">
        <v>22</v>
      </c>
      <c r="Q1593" s="10" t="s">
        <v>22</v>
      </c>
      <c r="U1593" s="10" t="s">
        <v>22</v>
      </c>
      <c r="V1593" s="10" t="s">
        <v>22</v>
      </c>
      <c r="W1593" s="10" t="s">
        <v>22</v>
      </c>
      <c r="X1593" s="10" t="s">
        <v>22</v>
      </c>
      <c r="Y1593" s="10" t="s">
        <v>22</v>
      </c>
      <c r="Z1593" s="10" t="s">
        <v>22</v>
      </c>
    </row>
    <row r="1594" spans="1:26" ht="24" customHeight="1" x14ac:dyDescent="0.2">
      <c r="A1594" s="9" t="s">
        <v>18850</v>
      </c>
      <c r="B1594" s="9" t="s">
        <v>14</v>
      </c>
      <c r="C1594" s="9" t="s">
        <v>7604</v>
      </c>
      <c r="D1594" s="6" t="s">
        <v>7605</v>
      </c>
      <c r="E1594" s="22">
        <v>44504</v>
      </c>
      <c r="F1594" s="22">
        <v>46329</v>
      </c>
      <c r="G1594" s="6" t="s">
        <v>7606</v>
      </c>
      <c r="H1594" s="6" t="s">
        <v>62</v>
      </c>
      <c r="I1594" s="6" t="s">
        <v>73</v>
      </c>
      <c r="J1594" s="6" t="s">
        <v>7607</v>
      </c>
      <c r="K1594" s="9" t="s">
        <v>7608</v>
      </c>
      <c r="L1594" s="10" t="s">
        <v>22</v>
      </c>
      <c r="M1594" s="10" t="s">
        <v>22</v>
      </c>
      <c r="N1594" s="10" t="s">
        <v>22</v>
      </c>
      <c r="O1594" s="10" t="s">
        <v>22</v>
      </c>
      <c r="P1594" s="10" t="s">
        <v>22</v>
      </c>
      <c r="Q1594" s="10" t="s">
        <v>22</v>
      </c>
      <c r="R1594" s="10" t="s">
        <v>22</v>
      </c>
      <c r="S1594" s="10" t="s">
        <v>22</v>
      </c>
      <c r="T1594" s="10" t="s">
        <v>22</v>
      </c>
      <c r="U1594" s="10" t="s">
        <v>22</v>
      </c>
      <c r="V1594" s="10" t="s">
        <v>22</v>
      </c>
      <c r="W1594" s="10" t="s">
        <v>22</v>
      </c>
      <c r="X1594" s="10" t="s">
        <v>22</v>
      </c>
      <c r="Y1594" s="10" t="s">
        <v>22</v>
      </c>
      <c r="Z1594" s="10" t="s">
        <v>22</v>
      </c>
    </row>
    <row r="1595" spans="1:26" ht="24" customHeight="1" x14ac:dyDescent="0.2">
      <c r="A1595" s="9" t="s">
        <v>18851</v>
      </c>
      <c r="B1595" s="9" t="s">
        <v>14</v>
      </c>
      <c r="C1595" s="9" t="s">
        <v>7609</v>
      </c>
      <c r="D1595" s="6" t="s">
        <v>7610</v>
      </c>
      <c r="E1595" s="22">
        <v>44510</v>
      </c>
      <c r="F1595" s="22">
        <v>46335</v>
      </c>
      <c r="G1595" s="6" t="s">
        <v>7611</v>
      </c>
      <c r="H1595" s="6" t="s">
        <v>18</v>
      </c>
      <c r="I1595" s="6" t="s">
        <v>19</v>
      </c>
      <c r="J1595" s="6" t="s">
        <v>7612</v>
      </c>
      <c r="K1595" s="9" t="s">
        <v>7613</v>
      </c>
      <c r="L1595" s="10" t="s">
        <v>22</v>
      </c>
      <c r="M1595" s="10" t="s">
        <v>22</v>
      </c>
      <c r="N1595" s="10" t="s">
        <v>22</v>
      </c>
      <c r="O1595" s="10" t="s">
        <v>22</v>
      </c>
      <c r="P1595" s="10" t="s">
        <v>22</v>
      </c>
      <c r="Q1595" s="10" t="s">
        <v>22</v>
      </c>
      <c r="R1595" s="10" t="s">
        <v>22</v>
      </c>
      <c r="S1595" s="10" t="s">
        <v>22</v>
      </c>
      <c r="T1595" s="10" t="s">
        <v>22</v>
      </c>
      <c r="U1595" s="10" t="s">
        <v>22</v>
      </c>
      <c r="V1595" s="10" t="s">
        <v>22</v>
      </c>
      <c r="W1595" s="10" t="s">
        <v>22</v>
      </c>
      <c r="X1595" s="10" t="s">
        <v>22</v>
      </c>
      <c r="Y1595" s="10" t="s">
        <v>22</v>
      </c>
      <c r="Z1595" s="10" t="s">
        <v>22</v>
      </c>
    </row>
    <row r="1596" spans="1:26" ht="24" customHeight="1" x14ac:dyDescent="0.2">
      <c r="A1596" s="9" t="s">
        <v>18852</v>
      </c>
      <c r="B1596" s="9" t="s">
        <v>14</v>
      </c>
      <c r="C1596" s="9" t="s">
        <v>7614</v>
      </c>
      <c r="D1596" s="6" t="s">
        <v>7615</v>
      </c>
      <c r="E1596" s="22">
        <v>44510</v>
      </c>
      <c r="F1596" s="22">
        <v>46335</v>
      </c>
      <c r="G1596" s="6" t="s">
        <v>7616</v>
      </c>
      <c r="H1596" s="6" t="s">
        <v>2069</v>
      </c>
      <c r="I1596" s="6" t="s">
        <v>2070</v>
      </c>
      <c r="J1596" s="6" t="s">
        <v>7617</v>
      </c>
      <c r="K1596" s="9" t="s">
        <v>7618</v>
      </c>
      <c r="L1596" s="10" t="s">
        <v>22</v>
      </c>
      <c r="M1596" s="10" t="s">
        <v>22</v>
      </c>
      <c r="N1596" s="10" t="s">
        <v>22</v>
      </c>
      <c r="O1596" s="10" t="s">
        <v>22</v>
      </c>
      <c r="P1596" s="10" t="s">
        <v>22</v>
      </c>
      <c r="Q1596" s="10" t="s">
        <v>22</v>
      </c>
      <c r="R1596" s="10" t="s">
        <v>22</v>
      </c>
      <c r="S1596" s="10" t="s">
        <v>22</v>
      </c>
      <c r="T1596" s="10" t="s">
        <v>22</v>
      </c>
      <c r="U1596" s="10" t="s">
        <v>22</v>
      </c>
      <c r="V1596" s="10" t="s">
        <v>22</v>
      </c>
      <c r="W1596" s="10" t="s">
        <v>22</v>
      </c>
      <c r="X1596" s="10" t="s">
        <v>22</v>
      </c>
      <c r="Y1596" s="10" t="s">
        <v>22</v>
      </c>
      <c r="Z1596" s="10" t="s">
        <v>22</v>
      </c>
    </row>
    <row r="1597" spans="1:26" ht="24" customHeight="1" x14ac:dyDescent="0.2">
      <c r="A1597" s="9" t="s">
        <v>18853</v>
      </c>
      <c r="B1597" s="9" t="s">
        <v>14</v>
      </c>
      <c r="C1597" s="9" t="s">
        <v>7619</v>
      </c>
      <c r="D1597" s="6" t="s">
        <v>7620</v>
      </c>
      <c r="E1597" s="22">
        <v>44515</v>
      </c>
      <c r="F1597" s="22">
        <v>46340</v>
      </c>
      <c r="G1597" s="6" t="s">
        <v>7621</v>
      </c>
      <c r="H1597" s="6" t="s">
        <v>363</v>
      </c>
      <c r="I1597" s="6" t="s">
        <v>558</v>
      </c>
      <c r="J1597" s="6" t="s">
        <v>7622</v>
      </c>
      <c r="M1597" s="10" t="s">
        <v>22</v>
      </c>
      <c r="N1597" s="10" t="s">
        <v>22</v>
      </c>
      <c r="P1597" s="10" t="s">
        <v>22</v>
      </c>
      <c r="Q1597" s="10" t="s">
        <v>22</v>
      </c>
      <c r="S1597" s="10" t="s">
        <v>22</v>
      </c>
      <c r="T1597" s="10" t="s">
        <v>22</v>
      </c>
      <c r="V1597" s="10" t="s">
        <v>22</v>
      </c>
      <c r="W1597" s="10" t="s">
        <v>22</v>
      </c>
      <c r="Y1597" s="10" t="s">
        <v>22</v>
      </c>
      <c r="Z1597" s="10" t="s">
        <v>22</v>
      </c>
    </row>
    <row r="1598" spans="1:26" ht="24" customHeight="1" x14ac:dyDescent="0.2">
      <c r="A1598" s="9" t="s">
        <v>18854</v>
      </c>
      <c r="B1598" s="9" t="s">
        <v>14</v>
      </c>
      <c r="C1598" s="9" t="s">
        <v>7623</v>
      </c>
      <c r="D1598" s="6" t="s">
        <v>7624</v>
      </c>
      <c r="E1598" s="22">
        <v>44518</v>
      </c>
      <c r="F1598" s="22">
        <v>46343</v>
      </c>
      <c r="G1598" s="6" t="s">
        <v>7625</v>
      </c>
      <c r="H1598" s="6" t="s">
        <v>62</v>
      </c>
      <c r="I1598" s="6" t="s">
        <v>252</v>
      </c>
      <c r="J1598" s="6" t="s">
        <v>7626</v>
      </c>
      <c r="K1598" s="9" t="s">
        <v>7627</v>
      </c>
      <c r="L1598" s="10" t="s">
        <v>22</v>
      </c>
      <c r="M1598" s="10" t="s">
        <v>22</v>
      </c>
      <c r="N1598" s="10" t="s">
        <v>22</v>
      </c>
      <c r="O1598" s="10" t="s">
        <v>22</v>
      </c>
      <c r="P1598" s="10" t="s">
        <v>22</v>
      </c>
      <c r="Q1598" s="10" t="s">
        <v>22</v>
      </c>
      <c r="R1598" s="10" t="s">
        <v>22</v>
      </c>
      <c r="S1598" s="10" t="s">
        <v>22</v>
      </c>
      <c r="T1598" s="10" t="s">
        <v>22</v>
      </c>
      <c r="U1598" s="10" t="s">
        <v>22</v>
      </c>
      <c r="V1598" s="10" t="s">
        <v>22</v>
      </c>
      <c r="W1598" s="10" t="s">
        <v>22</v>
      </c>
      <c r="X1598" s="10" t="s">
        <v>22</v>
      </c>
      <c r="Y1598" s="10" t="s">
        <v>22</v>
      </c>
      <c r="Z1598" s="10" t="s">
        <v>22</v>
      </c>
    </row>
    <row r="1599" spans="1:26" ht="24" customHeight="1" x14ac:dyDescent="0.2">
      <c r="A1599" s="9" t="s">
        <v>18855</v>
      </c>
      <c r="B1599" s="9" t="s">
        <v>14</v>
      </c>
      <c r="C1599" s="9" t="s">
        <v>7628</v>
      </c>
      <c r="D1599" s="6" t="s">
        <v>7629</v>
      </c>
      <c r="E1599" s="22">
        <v>44518</v>
      </c>
      <c r="F1599" s="22">
        <v>46343</v>
      </c>
      <c r="G1599" s="6" t="s">
        <v>7630</v>
      </c>
      <c r="H1599" s="6" t="s">
        <v>18</v>
      </c>
      <c r="I1599" s="6" t="s">
        <v>19</v>
      </c>
      <c r="J1599" s="6" t="s">
        <v>20971</v>
      </c>
      <c r="K1599" s="9" t="s">
        <v>7631</v>
      </c>
      <c r="L1599" s="10" t="s">
        <v>22</v>
      </c>
      <c r="M1599" s="10" t="s">
        <v>22</v>
      </c>
      <c r="N1599" s="10" t="s">
        <v>22</v>
      </c>
      <c r="O1599" s="10" t="s">
        <v>22</v>
      </c>
      <c r="P1599" s="10" t="s">
        <v>22</v>
      </c>
      <c r="Q1599" s="10" t="s">
        <v>22</v>
      </c>
      <c r="R1599" s="10" t="s">
        <v>22</v>
      </c>
      <c r="S1599" s="10" t="s">
        <v>22</v>
      </c>
      <c r="T1599" s="10" t="s">
        <v>22</v>
      </c>
      <c r="U1599" s="10" t="s">
        <v>22</v>
      </c>
      <c r="V1599" s="10" t="s">
        <v>22</v>
      </c>
      <c r="W1599" s="10" t="s">
        <v>22</v>
      </c>
      <c r="X1599" s="10" t="s">
        <v>22</v>
      </c>
      <c r="Y1599" s="10" t="s">
        <v>22</v>
      </c>
      <c r="Z1599" s="10" t="s">
        <v>22</v>
      </c>
    </row>
    <row r="1600" spans="1:26" ht="24" customHeight="1" x14ac:dyDescent="0.2">
      <c r="A1600" s="9" t="s">
        <v>18856</v>
      </c>
      <c r="B1600" s="9" t="s">
        <v>14</v>
      </c>
      <c r="C1600" s="9" t="s">
        <v>7632</v>
      </c>
      <c r="D1600" s="6" t="s">
        <v>7633</v>
      </c>
      <c r="E1600" s="22">
        <v>44531</v>
      </c>
      <c r="F1600" s="22">
        <v>46356</v>
      </c>
      <c r="G1600" s="6" t="s">
        <v>7634</v>
      </c>
      <c r="H1600" s="6" t="s">
        <v>62</v>
      </c>
      <c r="I1600" s="6" t="s">
        <v>236</v>
      </c>
      <c r="J1600" s="6" t="s">
        <v>7635</v>
      </c>
      <c r="K1600" s="9" t="s">
        <v>7636</v>
      </c>
      <c r="L1600" s="10" t="s">
        <v>22</v>
      </c>
      <c r="M1600" s="10" t="s">
        <v>22</v>
      </c>
      <c r="N1600" s="10" t="s">
        <v>22</v>
      </c>
      <c r="O1600" s="10" t="s">
        <v>22</v>
      </c>
      <c r="P1600" s="10" t="s">
        <v>22</v>
      </c>
      <c r="Q1600" s="10" t="s">
        <v>22</v>
      </c>
      <c r="R1600" s="10" t="s">
        <v>22</v>
      </c>
      <c r="S1600" s="10" t="s">
        <v>22</v>
      </c>
      <c r="T1600" s="10" t="s">
        <v>22</v>
      </c>
    </row>
    <row r="1601" spans="1:26" ht="24" customHeight="1" x14ac:dyDescent="0.2">
      <c r="A1601" s="9" t="s">
        <v>18857</v>
      </c>
      <c r="B1601" s="9" t="s">
        <v>14</v>
      </c>
      <c r="C1601" s="9" t="s">
        <v>7637</v>
      </c>
      <c r="D1601" s="6" t="s">
        <v>7638</v>
      </c>
      <c r="E1601" s="22">
        <v>44531</v>
      </c>
      <c r="F1601" s="22">
        <v>46356</v>
      </c>
      <c r="G1601" s="6" t="s">
        <v>7639</v>
      </c>
      <c r="H1601" s="6" t="s">
        <v>18</v>
      </c>
      <c r="I1601" s="6" t="s">
        <v>19</v>
      </c>
      <c r="J1601" s="6" t="s">
        <v>7640</v>
      </c>
      <c r="K1601" s="9" t="s">
        <v>7641</v>
      </c>
      <c r="L1601" s="10" t="s">
        <v>22</v>
      </c>
      <c r="M1601" s="10" t="s">
        <v>22</v>
      </c>
      <c r="N1601" s="10" t="s">
        <v>22</v>
      </c>
      <c r="U1601" s="10" t="s">
        <v>22</v>
      </c>
      <c r="V1601" s="10" t="s">
        <v>22</v>
      </c>
      <c r="W1601" s="10" t="s">
        <v>22</v>
      </c>
    </row>
    <row r="1602" spans="1:26" ht="24" customHeight="1" x14ac:dyDescent="0.2">
      <c r="A1602" s="9" t="s">
        <v>18858</v>
      </c>
      <c r="B1602" s="9" t="s">
        <v>14</v>
      </c>
      <c r="C1602" s="9" t="s">
        <v>7642</v>
      </c>
      <c r="D1602" s="6" t="s">
        <v>7643</v>
      </c>
      <c r="E1602" s="22">
        <v>44535</v>
      </c>
      <c r="F1602" s="22">
        <v>46360</v>
      </c>
      <c r="G1602" s="6" t="s">
        <v>7644</v>
      </c>
      <c r="H1602" s="6" t="s">
        <v>1625</v>
      </c>
      <c r="I1602" s="6" t="s">
        <v>4540</v>
      </c>
      <c r="J1602" s="6" t="s">
        <v>7645</v>
      </c>
      <c r="K1602" s="9" t="s">
        <v>7646</v>
      </c>
      <c r="L1602" s="10" t="s">
        <v>22</v>
      </c>
      <c r="M1602" s="10" t="s">
        <v>22</v>
      </c>
      <c r="N1602" s="10" t="s">
        <v>22</v>
      </c>
      <c r="O1602" s="10" t="s">
        <v>22</v>
      </c>
      <c r="P1602" s="10" t="s">
        <v>22</v>
      </c>
      <c r="Q1602" s="10" t="s">
        <v>22</v>
      </c>
      <c r="R1602" s="10" t="s">
        <v>22</v>
      </c>
      <c r="S1602" s="10" t="s">
        <v>22</v>
      </c>
      <c r="T1602" s="10" t="s">
        <v>22</v>
      </c>
      <c r="U1602" s="10" t="s">
        <v>22</v>
      </c>
      <c r="V1602" s="10" t="s">
        <v>22</v>
      </c>
      <c r="W1602" s="10" t="s">
        <v>22</v>
      </c>
      <c r="X1602" s="10" t="s">
        <v>22</v>
      </c>
      <c r="Y1602" s="10" t="s">
        <v>22</v>
      </c>
      <c r="Z1602" s="10" t="s">
        <v>22</v>
      </c>
    </row>
    <row r="1603" spans="1:26" ht="24" customHeight="1" x14ac:dyDescent="0.2">
      <c r="A1603" s="9" t="s">
        <v>18859</v>
      </c>
      <c r="B1603" s="9" t="s">
        <v>14</v>
      </c>
      <c r="C1603" s="9" t="s">
        <v>7647</v>
      </c>
      <c r="D1603" s="6" t="s">
        <v>7648</v>
      </c>
      <c r="E1603" s="22">
        <v>44535</v>
      </c>
      <c r="F1603" s="22">
        <v>46360</v>
      </c>
      <c r="G1603" s="6" t="s">
        <v>7649</v>
      </c>
      <c r="H1603" s="6" t="s">
        <v>18</v>
      </c>
      <c r="I1603" s="6" t="s">
        <v>19</v>
      </c>
      <c r="J1603" s="6" t="s">
        <v>7650</v>
      </c>
      <c r="M1603" s="10" t="s">
        <v>22</v>
      </c>
      <c r="N1603" s="10" t="s">
        <v>22</v>
      </c>
      <c r="P1603" s="10" t="s">
        <v>22</v>
      </c>
      <c r="Q1603" s="10" t="s">
        <v>22</v>
      </c>
      <c r="V1603" s="10" t="s">
        <v>22</v>
      </c>
      <c r="W1603" s="10" t="s">
        <v>22</v>
      </c>
      <c r="Y1603" s="10" t="s">
        <v>22</v>
      </c>
      <c r="Z1603" s="10" t="s">
        <v>22</v>
      </c>
    </row>
    <row r="1604" spans="1:26" ht="24" customHeight="1" x14ac:dyDescent="0.2">
      <c r="A1604" s="9" t="s">
        <v>18860</v>
      </c>
      <c r="B1604" s="9" t="s">
        <v>14</v>
      </c>
      <c r="C1604" s="9" t="s">
        <v>7651</v>
      </c>
      <c r="D1604" s="6" t="s">
        <v>7652</v>
      </c>
      <c r="E1604" s="22">
        <v>44535</v>
      </c>
      <c r="F1604" s="22">
        <v>46360</v>
      </c>
      <c r="G1604" s="6" t="s">
        <v>7653</v>
      </c>
      <c r="H1604" s="6" t="s">
        <v>62</v>
      </c>
      <c r="I1604" s="6" t="s">
        <v>186</v>
      </c>
      <c r="J1604" s="6" t="s">
        <v>7654</v>
      </c>
      <c r="K1604" s="9" t="s">
        <v>7655</v>
      </c>
      <c r="L1604" s="10" t="s">
        <v>22</v>
      </c>
      <c r="M1604" s="10" t="s">
        <v>22</v>
      </c>
      <c r="N1604" s="10" t="s">
        <v>22</v>
      </c>
      <c r="O1604" s="10" t="s">
        <v>22</v>
      </c>
      <c r="P1604" s="10" t="s">
        <v>22</v>
      </c>
      <c r="Q1604" s="10" t="s">
        <v>22</v>
      </c>
      <c r="R1604" s="10" t="s">
        <v>22</v>
      </c>
      <c r="S1604" s="10" t="s">
        <v>22</v>
      </c>
      <c r="T1604" s="10" t="s">
        <v>22</v>
      </c>
      <c r="U1604" s="10" t="s">
        <v>22</v>
      </c>
      <c r="V1604" s="10" t="s">
        <v>22</v>
      </c>
      <c r="W1604" s="10" t="s">
        <v>22</v>
      </c>
      <c r="X1604" s="10" t="s">
        <v>22</v>
      </c>
      <c r="Y1604" s="10" t="s">
        <v>22</v>
      </c>
      <c r="Z1604" s="10" t="s">
        <v>22</v>
      </c>
    </row>
    <row r="1605" spans="1:26" ht="24" customHeight="1" x14ac:dyDescent="0.2">
      <c r="A1605" s="9" t="s">
        <v>18861</v>
      </c>
      <c r="B1605" s="9" t="s">
        <v>14</v>
      </c>
      <c r="C1605" s="9" t="s">
        <v>7656</v>
      </c>
      <c r="D1605" s="6" t="s">
        <v>7657</v>
      </c>
      <c r="E1605" s="22">
        <v>44537</v>
      </c>
      <c r="F1605" s="22">
        <v>46362</v>
      </c>
      <c r="G1605" s="6" t="s">
        <v>7658</v>
      </c>
      <c r="H1605" s="6" t="s">
        <v>62</v>
      </c>
      <c r="I1605" s="6" t="s">
        <v>477</v>
      </c>
      <c r="J1605" s="6" t="s">
        <v>7659</v>
      </c>
      <c r="K1605" s="9" t="s">
        <v>7660</v>
      </c>
      <c r="L1605" s="10" t="s">
        <v>22</v>
      </c>
      <c r="M1605" s="10" t="s">
        <v>22</v>
      </c>
      <c r="N1605" s="10" t="s">
        <v>22</v>
      </c>
      <c r="O1605" s="10" t="s">
        <v>22</v>
      </c>
      <c r="P1605" s="10" t="s">
        <v>22</v>
      </c>
      <c r="Q1605" s="10" t="s">
        <v>22</v>
      </c>
      <c r="U1605" s="10" t="s">
        <v>22</v>
      </c>
      <c r="V1605" s="10" t="s">
        <v>22</v>
      </c>
      <c r="W1605" s="10" t="s">
        <v>22</v>
      </c>
      <c r="X1605" s="10" t="s">
        <v>22</v>
      </c>
      <c r="Y1605" s="10" t="s">
        <v>22</v>
      </c>
      <c r="Z1605" s="10" t="s">
        <v>22</v>
      </c>
    </row>
    <row r="1606" spans="1:26" ht="24" customHeight="1" x14ac:dyDescent="0.2">
      <c r="A1606" s="9" t="s">
        <v>18862</v>
      </c>
      <c r="B1606" s="9" t="s">
        <v>14</v>
      </c>
      <c r="C1606" s="9" t="s">
        <v>7656</v>
      </c>
      <c r="D1606" s="6" t="s">
        <v>7657</v>
      </c>
      <c r="E1606" s="22">
        <v>44537</v>
      </c>
      <c r="F1606" s="22">
        <v>46362</v>
      </c>
      <c r="G1606" s="6" t="s">
        <v>7661</v>
      </c>
      <c r="H1606" s="6" t="s">
        <v>363</v>
      </c>
      <c r="I1606" s="6" t="s">
        <v>558</v>
      </c>
      <c r="J1606" s="6" t="s">
        <v>7662</v>
      </c>
      <c r="K1606" s="9" t="s">
        <v>7663</v>
      </c>
      <c r="L1606" s="10" t="s">
        <v>22</v>
      </c>
      <c r="M1606" s="10" t="s">
        <v>22</v>
      </c>
      <c r="N1606" s="10" t="s">
        <v>22</v>
      </c>
      <c r="O1606" s="10" t="s">
        <v>22</v>
      </c>
      <c r="P1606" s="10" t="s">
        <v>22</v>
      </c>
      <c r="Q1606" s="10" t="s">
        <v>22</v>
      </c>
      <c r="U1606" s="10" t="s">
        <v>22</v>
      </c>
      <c r="V1606" s="10" t="s">
        <v>22</v>
      </c>
      <c r="W1606" s="10" t="s">
        <v>22</v>
      </c>
      <c r="X1606" s="10" t="s">
        <v>22</v>
      </c>
      <c r="Y1606" s="10" t="s">
        <v>22</v>
      </c>
      <c r="Z1606" s="10" t="s">
        <v>22</v>
      </c>
    </row>
    <row r="1607" spans="1:26" ht="24" customHeight="1" x14ac:dyDescent="0.2">
      <c r="A1607" s="9" t="s">
        <v>18863</v>
      </c>
      <c r="B1607" s="9" t="s">
        <v>14</v>
      </c>
      <c r="C1607" s="9" t="s">
        <v>7656</v>
      </c>
      <c r="D1607" s="6" t="s">
        <v>7657</v>
      </c>
      <c r="E1607" s="22">
        <v>44537</v>
      </c>
      <c r="F1607" s="22">
        <v>46362</v>
      </c>
      <c r="G1607" s="6" t="s">
        <v>7664</v>
      </c>
      <c r="H1607" s="6" t="s">
        <v>62</v>
      </c>
      <c r="I1607" s="6" t="s">
        <v>312</v>
      </c>
      <c r="J1607" s="6" t="s">
        <v>7665</v>
      </c>
      <c r="K1607" s="9" t="s">
        <v>7666</v>
      </c>
      <c r="L1607" s="10" t="s">
        <v>22</v>
      </c>
      <c r="M1607" s="10" t="s">
        <v>22</v>
      </c>
      <c r="N1607" s="10" t="s">
        <v>22</v>
      </c>
      <c r="O1607" s="10" t="s">
        <v>22</v>
      </c>
      <c r="P1607" s="10" t="s">
        <v>22</v>
      </c>
      <c r="Q1607" s="10" t="s">
        <v>22</v>
      </c>
      <c r="U1607" s="10" t="s">
        <v>22</v>
      </c>
      <c r="V1607" s="10" t="s">
        <v>22</v>
      </c>
      <c r="W1607" s="10" t="s">
        <v>22</v>
      </c>
      <c r="X1607" s="10" t="s">
        <v>22</v>
      </c>
      <c r="Y1607" s="10" t="s">
        <v>22</v>
      </c>
      <c r="Z1607" s="10" t="s">
        <v>22</v>
      </c>
    </row>
    <row r="1608" spans="1:26" ht="24" customHeight="1" x14ac:dyDescent="0.2">
      <c r="A1608" s="9" t="s">
        <v>18864</v>
      </c>
      <c r="B1608" s="9" t="s">
        <v>14</v>
      </c>
      <c r="C1608" s="9" t="s">
        <v>7656</v>
      </c>
      <c r="D1608" s="6" t="s">
        <v>7657</v>
      </c>
      <c r="E1608" s="22">
        <v>44537</v>
      </c>
      <c r="F1608" s="22">
        <v>46362</v>
      </c>
      <c r="G1608" s="6" t="s">
        <v>7667</v>
      </c>
      <c r="H1608" s="6" t="s">
        <v>363</v>
      </c>
      <c r="I1608" s="6" t="s">
        <v>466</v>
      </c>
      <c r="J1608" s="6" t="s">
        <v>7668</v>
      </c>
      <c r="K1608" s="9" t="s">
        <v>7669</v>
      </c>
      <c r="L1608" s="10" t="s">
        <v>22</v>
      </c>
      <c r="M1608" s="10" t="s">
        <v>22</v>
      </c>
      <c r="N1608" s="10" t="s">
        <v>22</v>
      </c>
      <c r="O1608" s="10" t="s">
        <v>22</v>
      </c>
      <c r="P1608" s="10" t="s">
        <v>22</v>
      </c>
      <c r="Q1608" s="10" t="s">
        <v>22</v>
      </c>
      <c r="U1608" s="10" t="s">
        <v>22</v>
      </c>
      <c r="V1608" s="10" t="s">
        <v>22</v>
      </c>
      <c r="W1608" s="10" t="s">
        <v>22</v>
      </c>
      <c r="X1608" s="10" t="s">
        <v>22</v>
      </c>
      <c r="Y1608" s="10" t="s">
        <v>22</v>
      </c>
      <c r="Z1608" s="10" t="s">
        <v>22</v>
      </c>
    </row>
    <row r="1609" spans="1:26" ht="24" customHeight="1" x14ac:dyDescent="0.2">
      <c r="A1609" s="9" t="s">
        <v>18865</v>
      </c>
      <c r="B1609" s="9" t="s">
        <v>14</v>
      </c>
      <c r="C1609" s="9" t="s">
        <v>7656</v>
      </c>
      <c r="D1609" s="6" t="s">
        <v>7657</v>
      </c>
      <c r="E1609" s="22">
        <v>44537</v>
      </c>
      <c r="F1609" s="22">
        <v>46362</v>
      </c>
      <c r="G1609" s="6" t="s">
        <v>7670</v>
      </c>
      <c r="H1609" s="6" t="s">
        <v>62</v>
      </c>
      <c r="I1609" s="6" t="s">
        <v>73</v>
      </c>
      <c r="J1609" s="6" t="s">
        <v>7671</v>
      </c>
      <c r="K1609" s="9" t="s">
        <v>7672</v>
      </c>
      <c r="L1609" s="10" t="s">
        <v>22</v>
      </c>
      <c r="M1609" s="10" t="s">
        <v>22</v>
      </c>
      <c r="N1609" s="10" t="s">
        <v>22</v>
      </c>
      <c r="O1609" s="10" t="s">
        <v>22</v>
      </c>
      <c r="P1609" s="10" t="s">
        <v>22</v>
      </c>
      <c r="Q1609" s="10" t="s">
        <v>22</v>
      </c>
      <c r="U1609" s="10" t="s">
        <v>22</v>
      </c>
      <c r="V1609" s="10" t="s">
        <v>22</v>
      </c>
      <c r="W1609" s="10" t="s">
        <v>22</v>
      </c>
      <c r="X1609" s="10" t="s">
        <v>22</v>
      </c>
      <c r="Y1609" s="10" t="s">
        <v>22</v>
      </c>
      <c r="Z1609" s="10" t="s">
        <v>22</v>
      </c>
    </row>
    <row r="1610" spans="1:26" ht="24" customHeight="1" x14ac:dyDescent="0.2">
      <c r="A1610" s="9" t="s">
        <v>18866</v>
      </c>
      <c r="B1610" s="9" t="s">
        <v>14</v>
      </c>
      <c r="C1610" s="9" t="s">
        <v>7673</v>
      </c>
      <c r="D1610" s="6" t="s">
        <v>7674</v>
      </c>
      <c r="E1610" s="22">
        <v>44537</v>
      </c>
      <c r="F1610" s="22">
        <v>46362</v>
      </c>
      <c r="G1610" s="6" t="s">
        <v>7675</v>
      </c>
      <c r="H1610" s="6" t="s">
        <v>202</v>
      </c>
      <c r="I1610" s="6" t="s">
        <v>1707</v>
      </c>
      <c r="J1610" s="6" t="s">
        <v>7676</v>
      </c>
      <c r="K1610" s="9" t="s">
        <v>7677</v>
      </c>
      <c r="L1610" s="10" t="s">
        <v>22</v>
      </c>
      <c r="M1610" s="10" t="s">
        <v>22</v>
      </c>
      <c r="N1610" s="10" t="s">
        <v>22</v>
      </c>
      <c r="O1610" s="10" t="s">
        <v>22</v>
      </c>
      <c r="P1610" s="10" t="s">
        <v>22</v>
      </c>
      <c r="Q1610" s="10" t="s">
        <v>22</v>
      </c>
      <c r="R1610" s="10" t="s">
        <v>22</v>
      </c>
      <c r="S1610" s="10" t="s">
        <v>22</v>
      </c>
      <c r="T1610" s="10" t="s">
        <v>22</v>
      </c>
      <c r="U1610" s="10" t="s">
        <v>22</v>
      </c>
      <c r="V1610" s="10" t="s">
        <v>22</v>
      </c>
      <c r="W1610" s="10" t="s">
        <v>22</v>
      </c>
      <c r="X1610" s="10" t="s">
        <v>22</v>
      </c>
      <c r="Y1610" s="10" t="s">
        <v>22</v>
      </c>
      <c r="Z1610" s="10" t="s">
        <v>22</v>
      </c>
    </row>
    <row r="1611" spans="1:26" ht="24" customHeight="1" x14ac:dyDescent="0.2">
      <c r="A1611" s="9" t="s">
        <v>18867</v>
      </c>
      <c r="B1611" s="9" t="s">
        <v>14</v>
      </c>
      <c r="C1611" s="9" t="s">
        <v>7678</v>
      </c>
      <c r="D1611" s="6" t="s">
        <v>7679</v>
      </c>
      <c r="E1611" s="22">
        <v>44543</v>
      </c>
      <c r="F1611" s="22">
        <v>46368</v>
      </c>
      <c r="G1611" s="6" t="s">
        <v>7680</v>
      </c>
      <c r="H1611" s="6" t="s">
        <v>62</v>
      </c>
      <c r="I1611" s="6" t="s">
        <v>477</v>
      </c>
      <c r="J1611" s="6" t="s">
        <v>7681</v>
      </c>
      <c r="K1611" s="9" t="s">
        <v>7682</v>
      </c>
      <c r="L1611" s="10" t="s">
        <v>22</v>
      </c>
      <c r="M1611" s="10" t="s">
        <v>22</v>
      </c>
      <c r="N1611" s="10" t="s">
        <v>22</v>
      </c>
      <c r="O1611" s="10" t="s">
        <v>22</v>
      </c>
      <c r="P1611" s="10" t="s">
        <v>22</v>
      </c>
      <c r="Q1611" s="10" t="s">
        <v>22</v>
      </c>
      <c r="R1611" s="10" t="s">
        <v>22</v>
      </c>
      <c r="S1611" s="10" t="s">
        <v>22</v>
      </c>
      <c r="T1611" s="10" t="s">
        <v>22</v>
      </c>
    </row>
    <row r="1612" spans="1:26" ht="24" customHeight="1" x14ac:dyDescent="0.2">
      <c r="A1612" s="9" t="s">
        <v>18868</v>
      </c>
      <c r="B1612" s="9" t="s">
        <v>14</v>
      </c>
      <c r="C1612" s="9" t="s">
        <v>7683</v>
      </c>
      <c r="D1612" s="6" t="s">
        <v>7684</v>
      </c>
      <c r="E1612" s="22">
        <v>44546</v>
      </c>
      <c r="F1612" s="22">
        <v>46371</v>
      </c>
      <c r="G1612" s="6" t="s">
        <v>7685</v>
      </c>
      <c r="H1612" s="6" t="s">
        <v>202</v>
      </c>
      <c r="I1612" s="6" t="s">
        <v>336</v>
      </c>
      <c r="J1612" s="6" t="s">
        <v>7686</v>
      </c>
      <c r="K1612" s="9" t="s">
        <v>7687</v>
      </c>
      <c r="L1612" s="10" t="s">
        <v>22</v>
      </c>
      <c r="M1612" s="10" t="s">
        <v>22</v>
      </c>
      <c r="N1612" s="10" t="s">
        <v>22</v>
      </c>
      <c r="O1612" s="10" t="s">
        <v>22</v>
      </c>
      <c r="P1612" s="10" t="s">
        <v>22</v>
      </c>
      <c r="Q1612" s="10" t="s">
        <v>22</v>
      </c>
      <c r="R1612" s="10" t="s">
        <v>22</v>
      </c>
      <c r="S1612" s="10" t="s">
        <v>22</v>
      </c>
      <c r="T1612" s="10" t="s">
        <v>22</v>
      </c>
      <c r="U1612" s="10" t="s">
        <v>22</v>
      </c>
      <c r="V1612" s="10" t="s">
        <v>22</v>
      </c>
      <c r="W1612" s="10" t="s">
        <v>22</v>
      </c>
      <c r="X1612" s="10" t="s">
        <v>22</v>
      </c>
      <c r="Y1612" s="10" t="s">
        <v>22</v>
      </c>
      <c r="Z1612" s="10" t="s">
        <v>22</v>
      </c>
    </row>
    <row r="1613" spans="1:26" ht="24" customHeight="1" x14ac:dyDescent="0.2">
      <c r="A1613" s="9" t="s">
        <v>18869</v>
      </c>
      <c r="B1613" s="9" t="s">
        <v>14</v>
      </c>
      <c r="C1613" s="9" t="s">
        <v>7688</v>
      </c>
      <c r="D1613" s="6" t="s">
        <v>7689</v>
      </c>
      <c r="E1613" s="22">
        <v>44546</v>
      </c>
      <c r="F1613" s="22">
        <v>46371</v>
      </c>
      <c r="G1613" s="6" t="s">
        <v>7690</v>
      </c>
      <c r="H1613" s="6" t="s">
        <v>202</v>
      </c>
      <c r="I1613" s="6" t="s">
        <v>336</v>
      </c>
      <c r="J1613" s="6" t="s">
        <v>7691</v>
      </c>
      <c r="K1613" s="9" t="s">
        <v>7692</v>
      </c>
      <c r="L1613" s="10" t="s">
        <v>22</v>
      </c>
      <c r="M1613" s="10" t="s">
        <v>22</v>
      </c>
      <c r="N1613" s="10" t="s">
        <v>22</v>
      </c>
      <c r="O1613" s="10" t="s">
        <v>22</v>
      </c>
      <c r="P1613" s="10" t="s">
        <v>22</v>
      </c>
      <c r="Q1613" s="10" t="s">
        <v>22</v>
      </c>
      <c r="R1613" s="10" t="s">
        <v>22</v>
      </c>
      <c r="S1613" s="10" t="s">
        <v>22</v>
      </c>
      <c r="T1613" s="10" t="s">
        <v>22</v>
      </c>
      <c r="U1613" s="10" t="s">
        <v>22</v>
      </c>
      <c r="V1613" s="10" t="s">
        <v>22</v>
      </c>
      <c r="W1613" s="10" t="s">
        <v>22</v>
      </c>
      <c r="X1613" s="10" t="s">
        <v>22</v>
      </c>
      <c r="Y1613" s="10" t="s">
        <v>22</v>
      </c>
      <c r="Z1613" s="10" t="s">
        <v>22</v>
      </c>
    </row>
    <row r="1614" spans="1:26" ht="24" customHeight="1" x14ac:dyDescent="0.2">
      <c r="A1614" s="9" t="s">
        <v>18870</v>
      </c>
      <c r="B1614" s="9" t="s">
        <v>14</v>
      </c>
      <c r="C1614" s="9" t="s">
        <v>7693</v>
      </c>
      <c r="D1614" s="6" t="s">
        <v>7694</v>
      </c>
      <c r="E1614" s="22">
        <v>44546</v>
      </c>
      <c r="F1614" s="22">
        <v>46371</v>
      </c>
      <c r="G1614" s="6" t="s">
        <v>7695</v>
      </c>
      <c r="H1614" s="6" t="s">
        <v>1625</v>
      </c>
      <c r="I1614" s="6" t="s">
        <v>3516</v>
      </c>
      <c r="J1614" s="6" t="s">
        <v>7696</v>
      </c>
      <c r="K1614" s="9" t="s">
        <v>7697</v>
      </c>
      <c r="L1614" s="10" t="s">
        <v>22</v>
      </c>
      <c r="M1614" s="10" t="s">
        <v>22</v>
      </c>
      <c r="N1614" s="10" t="s">
        <v>22</v>
      </c>
      <c r="O1614" s="10" t="s">
        <v>22</v>
      </c>
      <c r="P1614" s="10" t="s">
        <v>22</v>
      </c>
      <c r="Q1614" s="10" t="s">
        <v>22</v>
      </c>
      <c r="R1614" s="10" t="s">
        <v>22</v>
      </c>
      <c r="S1614" s="10" t="s">
        <v>22</v>
      </c>
      <c r="T1614" s="10" t="s">
        <v>22</v>
      </c>
      <c r="U1614" s="10" t="s">
        <v>22</v>
      </c>
      <c r="V1614" s="10" t="s">
        <v>22</v>
      </c>
      <c r="W1614" s="10" t="s">
        <v>22</v>
      </c>
      <c r="X1614" s="10" t="s">
        <v>22</v>
      </c>
      <c r="Y1614" s="10" t="s">
        <v>22</v>
      </c>
      <c r="Z1614" s="10" t="s">
        <v>22</v>
      </c>
    </row>
    <row r="1615" spans="1:26" ht="24" customHeight="1" x14ac:dyDescent="0.2">
      <c r="A1615" s="9" t="s">
        <v>18871</v>
      </c>
      <c r="B1615" s="9" t="s">
        <v>14</v>
      </c>
      <c r="C1615" s="9" t="s">
        <v>7698</v>
      </c>
      <c r="D1615" s="6" t="s">
        <v>7699</v>
      </c>
      <c r="E1615" s="22">
        <v>44546</v>
      </c>
      <c r="F1615" s="22">
        <v>46371</v>
      </c>
      <c r="G1615" s="6" t="s">
        <v>7700</v>
      </c>
      <c r="H1615" s="6" t="s">
        <v>62</v>
      </c>
      <c r="I1615" s="6" t="s">
        <v>236</v>
      </c>
      <c r="J1615" s="6" t="s">
        <v>7701</v>
      </c>
      <c r="K1615" s="9" t="s">
        <v>7702</v>
      </c>
      <c r="L1615" s="10" t="s">
        <v>22</v>
      </c>
      <c r="M1615" s="10" t="s">
        <v>22</v>
      </c>
      <c r="N1615" s="10" t="s">
        <v>22</v>
      </c>
      <c r="O1615" s="10" t="s">
        <v>22</v>
      </c>
      <c r="P1615" s="10" t="s">
        <v>22</v>
      </c>
      <c r="Q1615" s="10" t="s">
        <v>22</v>
      </c>
      <c r="R1615" s="10" t="s">
        <v>22</v>
      </c>
      <c r="S1615" s="10" t="s">
        <v>22</v>
      </c>
      <c r="T1615" s="10" t="s">
        <v>22</v>
      </c>
      <c r="U1615" s="10" t="s">
        <v>22</v>
      </c>
      <c r="V1615" s="10" t="s">
        <v>22</v>
      </c>
      <c r="W1615" s="10" t="s">
        <v>22</v>
      </c>
      <c r="X1615" s="10" t="s">
        <v>22</v>
      </c>
      <c r="Y1615" s="10" t="s">
        <v>22</v>
      </c>
      <c r="Z1615" s="10" t="s">
        <v>22</v>
      </c>
    </row>
    <row r="1616" spans="1:26" ht="24" customHeight="1" x14ac:dyDescent="0.2">
      <c r="A1616" s="9" t="s">
        <v>18872</v>
      </c>
      <c r="B1616" s="9" t="s">
        <v>14</v>
      </c>
      <c r="C1616" s="9" t="s">
        <v>7703</v>
      </c>
      <c r="D1616" s="6" t="s">
        <v>7704</v>
      </c>
      <c r="E1616" s="22">
        <v>44546</v>
      </c>
      <c r="F1616" s="22">
        <v>46371</v>
      </c>
      <c r="G1616" s="6" t="s">
        <v>7705</v>
      </c>
      <c r="H1616" s="6" t="s">
        <v>18</v>
      </c>
      <c r="I1616" s="6" t="s">
        <v>19</v>
      </c>
      <c r="J1616" s="6" t="s">
        <v>7706</v>
      </c>
      <c r="K1616" s="9" t="s">
        <v>7707</v>
      </c>
      <c r="L1616" s="10" t="s">
        <v>22</v>
      </c>
      <c r="M1616" s="10" t="s">
        <v>22</v>
      </c>
      <c r="N1616" s="10" t="s">
        <v>22</v>
      </c>
      <c r="O1616" s="10" t="s">
        <v>22</v>
      </c>
      <c r="P1616" s="10" t="s">
        <v>22</v>
      </c>
      <c r="Q1616" s="10" t="s">
        <v>22</v>
      </c>
      <c r="R1616" s="10" t="s">
        <v>22</v>
      </c>
      <c r="S1616" s="10" t="s">
        <v>22</v>
      </c>
      <c r="T1616" s="10" t="s">
        <v>22</v>
      </c>
      <c r="U1616" s="10" t="s">
        <v>22</v>
      </c>
      <c r="V1616" s="10" t="s">
        <v>22</v>
      </c>
      <c r="W1616" s="10" t="s">
        <v>22</v>
      </c>
      <c r="X1616" s="10" t="s">
        <v>22</v>
      </c>
      <c r="Y1616" s="10" t="s">
        <v>22</v>
      </c>
      <c r="Z1616" s="10" t="s">
        <v>22</v>
      </c>
    </row>
    <row r="1617" spans="1:26" ht="24" customHeight="1" x14ac:dyDescent="0.2">
      <c r="A1617" s="9" t="s">
        <v>18873</v>
      </c>
      <c r="B1617" s="9" t="s">
        <v>14</v>
      </c>
      <c r="C1617" s="9" t="s">
        <v>7708</v>
      </c>
      <c r="D1617" s="6" t="s">
        <v>7709</v>
      </c>
      <c r="E1617" s="22">
        <v>44557</v>
      </c>
      <c r="F1617" s="22">
        <v>46382</v>
      </c>
      <c r="G1617" s="6" t="s">
        <v>7710</v>
      </c>
      <c r="H1617" s="6" t="s">
        <v>18</v>
      </c>
      <c r="I1617" s="6" t="s">
        <v>26</v>
      </c>
      <c r="J1617" s="6" t="s">
        <v>7711</v>
      </c>
      <c r="K1617" s="9" t="s">
        <v>7712</v>
      </c>
      <c r="O1617" s="10" t="s">
        <v>22</v>
      </c>
      <c r="P1617" s="10" t="s">
        <v>22</v>
      </c>
      <c r="Q1617" s="10" t="s">
        <v>22</v>
      </c>
      <c r="X1617" s="10" t="s">
        <v>22</v>
      </c>
      <c r="Y1617" s="10" t="s">
        <v>22</v>
      </c>
      <c r="Z1617" s="10" t="s">
        <v>22</v>
      </c>
    </row>
    <row r="1618" spans="1:26" ht="24" customHeight="1" x14ac:dyDescent="0.2">
      <c r="A1618" s="9" t="s">
        <v>18874</v>
      </c>
      <c r="B1618" s="9" t="s">
        <v>14</v>
      </c>
      <c r="C1618" s="9" t="s">
        <v>7713</v>
      </c>
      <c r="D1618" s="6" t="s">
        <v>7714</v>
      </c>
      <c r="E1618" s="22">
        <v>44557</v>
      </c>
      <c r="F1618" s="22">
        <v>46382</v>
      </c>
      <c r="G1618" s="6" t="s">
        <v>7715</v>
      </c>
      <c r="H1618" s="6" t="s">
        <v>2029</v>
      </c>
      <c r="I1618" s="6" t="s">
        <v>7716</v>
      </c>
      <c r="J1618" s="6" t="s">
        <v>7717</v>
      </c>
      <c r="K1618" s="9" t="s">
        <v>7718</v>
      </c>
      <c r="L1618" s="10" t="s">
        <v>22</v>
      </c>
      <c r="M1618" s="10" t="s">
        <v>22</v>
      </c>
      <c r="N1618" s="10" t="s">
        <v>22</v>
      </c>
      <c r="O1618" s="10" t="s">
        <v>22</v>
      </c>
      <c r="P1618" s="10" t="s">
        <v>22</v>
      </c>
      <c r="Q1618" s="10" t="s">
        <v>22</v>
      </c>
      <c r="R1618" s="10" t="s">
        <v>22</v>
      </c>
      <c r="S1618" s="10" t="s">
        <v>22</v>
      </c>
      <c r="T1618" s="10" t="s">
        <v>22</v>
      </c>
      <c r="U1618" s="10" t="s">
        <v>22</v>
      </c>
      <c r="V1618" s="10" t="s">
        <v>22</v>
      </c>
      <c r="W1618" s="10" t="s">
        <v>22</v>
      </c>
      <c r="X1618" s="10" t="s">
        <v>22</v>
      </c>
      <c r="Y1618" s="10" t="s">
        <v>22</v>
      </c>
      <c r="Z1618" s="10" t="s">
        <v>22</v>
      </c>
    </row>
    <row r="1619" spans="1:26" ht="24" customHeight="1" x14ac:dyDescent="0.2">
      <c r="A1619" s="9" t="s">
        <v>18875</v>
      </c>
      <c r="B1619" s="9" t="s">
        <v>14</v>
      </c>
      <c r="C1619" s="9" t="s">
        <v>7719</v>
      </c>
      <c r="D1619" s="6" t="s">
        <v>7720</v>
      </c>
      <c r="E1619" s="22">
        <v>44565</v>
      </c>
      <c r="F1619" s="22">
        <v>46390</v>
      </c>
      <c r="G1619" s="6" t="s">
        <v>7721</v>
      </c>
      <c r="H1619" s="6" t="s">
        <v>18</v>
      </c>
      <c r="I1619" s="6" t="s">
        <v>19</v>
      </c>
      <c r="J1619" s="6" t="s">
        <v>7722</v>
      </c>
      <c r="K1619" s="9" t="s">
        <v>7723</v>
      </c>
      <c r="L1619" s="10" t="s">
        <v>22</v>
      </c>
      <c r="M1619" s="10" t="s">
        <v>22</v>
      </c>
      <c r="N1619" s="10" t="s">
        <v>22</v>
      </c>
      <c r="O1619" s="10" t="s">
        <v>22</v>
      </c>
      <c r="P1619" s="10" t="s">
        <v>22</v>
      </c>
      <c r="Q1619" s="10" t="s">
        <v>22</v>
      </c>
      <c r="U1619" s="10" t="s">
        <v>22</v>
      </c>
      <c r="V1619" s="10" t="s">
        <v>22</v>
      </c>
      <c r="W1619" s="10" t="s">
        <v>22</v>
      </c>
      <c r="X1619" s="10" t="s">
        <v>22</v>
      </c>
      <c r="Y1619" s="10" t="s">
        <v>22</v>
      </c>
      <c r="Z1619" s="10" t="s">
        <v>22</v>
      </c>
    </row>
    <row r="1620" spans="1:26" ht="24" customHeight="1" x14ac:dyDescent="0.2">
      <c r="A1620" s="9" t="s">
        <v>18876</v>
      </c>
      <c r="B1620" s="9" t="s">
        <v>14</v>
      </c>
      <c r="C1620" s="9" t="s">
        <v>7724</v>
      </c>
      <c r="D1620" s="6" t="s">
        <v>7725</v>
      </c>
      <c r="E1620" s="22">
        <v>44567</v>
      </c>
      <c r="F1620" s="22">
        <v>46392</v>
      </c>
      <c r="G1620" s="6" t="s">
        <v>7726</v>
      </c>
      <c r="H1620" s="6" t="s">
        <v>62</v>
      </c>
      <c r="I1620" s="6" t="s">
        <v>186</v>
      </c>
      <c r="J1620" s="6" t="s">
        <v>7727</v>
      </c>
      <c r="K1620" s="9" t="s">
        <v>7728</v>
      </c>
      <c r="L1620" s="10" t="s">
        <v>22</v>
      </c>
      <c r="M1620" s="10" t="s">
        <v>22</v>
      </c>
      <c r="N1620" s="10" t="s">
        <v>22</v>
      </c>
      <c r="O1620" s="10" t="s">
        <v>22</v>
      </c>
      <c r="P1620" s="10" t="s">
        <v>22</v>
      </c>
      <c r="Q1620" s="10" t="s">
        <v>22</v>
      </c>
      <c r="R1620" s="10" t="s">
        <v>22</v>
      </c>
      <c r="S1620" s="10" t="s">
        <v>22</v>
      </c>
      <c r="T1620" s="10" t="s">
        <v>22</v>
      </c>
      <c r="U1620" s="10" t="s">
        <v>22</v>
      </c>
      <c r="V1620" s="10" t="s">
        <v>22</v>
      </c>
      <c r="W1620" s="10" t="s">
        <v>22</v>
      </c>
      <c r="X1620" s="10" t="s">
        <v>22</v>
      </c>
      <c r="Y1620" s="10" t="s">
        <v>22</v>
      </c>
      <c r="Z1620" s="10" t="s">
        <v>22</v>
      </c>
    </row>
    <row r="1621" spans="1:26" ht="24" customHeight="1" x14ac:dyDescent="0.2">
      <c r="A1621" s="9" t="s">
        <v>18877</v>
      </c>
      <c r="B1621" s="9" t="s">
        <v>14</v>
      </c>
      <c r="C1621" s="9" t="s">
        <v>7729</v>
      </c>
      <c r="D1621" s="6" t="s">
        <v>7730</v>
      </c>
      <c r="E1621" s="22">
        <v>44565</v>
      </c>
      <c r="F1621" s="22">
        <v>46390</v>
      </c>
      <c r="G1621" s="6" t="s">
        <v>7731</v>
      </c>
      <c r="H1621" s="6" t="s">
        <v>18</v>
      </c>
      <c r="I1621" s="6" t="s">
        <v>19</v>
      </c>
      <c r="J1621" s="6" t="s">
        <v>7732</v>
      </c>
      <c r="K1621" s="9" t="s">
        <v>7733</v>
      </c>
      <c r="L1621" s="10" t="s">
        <v>22</v>
      </c>
      <c r="M1621" s="10" t="s">
        <v>22</v>
      </c>
      <c r="N1621" s="10" t="s">
        <v>22</v>
      </c>
      <c r="O1621" s="10" t="s">
        <v>22</v>
      </c>
      <c r="P1621" s="10" t="s">
        <v>22</v>
      </c>
      <c r="Q1621" s="10" t="s">
        <v>22</v>
      </c>
      <c r="R1621" s="10" t="s">
        <v>22</v>
      </c>
      <c r="S1621" s="10" t="s">
        <v>22</v>
      </c>
      <c r="T1621" s="10" t="s">
        <v>22</v>
      </c>
      <c r="U1621" s="10" t="s">
        <v>22</v>
      </c>
      <c r="V1621" s="10" t="s">
        <v>22</v>
      </c>
      <c r="W1621" s="10" t="s">
        <v>22</v>
      </c>
      <c r="X1621" s="10" t="s">
        <v>22</v>
      </c>
      <c r="Y1621" s="10" t="s">
        <v>22</v>
      </c>
      <c r="Z1621" s="10" t="s">
        <v>22</v>
      </c>
    </row>
    <row r="1622" spans="1:26" ht="24" customHeight="1" x14ac:dyDescent="0.2">
      <c r="A1622" s="9" t="s">
        <v>18878</v>
      </c>
      <c r="B1622" s="9" t="s">
        <v>14</v>
      </c>
      <c r="C1622" s="9" t="s">
        <v>7734</v>
      </c>
      <c r="D1622" s="6" t="s">
        <v>7735</v>
      </c>
      <c r="E1622" s="22">
        <v>44567</v>
      </c>
      <c r="F1622" s="22">
        <v>46392</v>
      </c>
      <c r="G1622" s="6" t="s">
        <v>7736</v>
      </c>
      <c r="H1622" s="6" t="s">
        <v>229</v>
      </c>
      <c r="I1622" s="6" t="s">
        <v>1885</v>
      </c>
      <c r="J1622" s="6" t="s">
        <v>7737</v>
      </c>
      <c r="L1622" s="10" t="s">
        <v>22</v>
      </c>
      <c r="M1622" s="10" t="s">
        <v>22</v>
      </c>
      <c r="N1622" s="10" t="s">
        <v>22</v>
      </c>
      <c r="O1622" s="10" t="s">
        <v>22</v>
      </c>
      <c r="P1622" s="10" t="s">
        <v>22</v>
      </c>
      <c r="Q1622" s="10" t="s">
        <v>22</v>
      </c>
      <c r="U1622" s="10" t="s">
        <v>22</v>
      </c>
      <c r="V1622" s="10" t="s">
        <v>22</v>
      </c>
      <c r="W1622" s="10" t="s">
        <v>22</v>
      </c>
      <c r="X1622" s="10" t="s">
        <v>22</v>
      </c>
      <c r="Y1622" s="10" t="s">
        <v>22</v>
      </c>
      <c r="Z1622" s="10" t="s">
        <v>22</v>
      </c>
    </row>
    <row r="1623" spans="1:26" ht="24" customHeight="1" x14ac:dyDescent="0.2">
      <c r="A1623" s="9" t="s">
        <v>18879</v>
      </c>
      <c r="B1623" s="9" t="s">
        <v>14</v>
      </c>
      <c r="C1623" s="9" t="s">
        <v>7738</v>
      </c>
      <c r="D1623" s="6" t="s">
        <v>7739</v>
      </c>
      <c r="E1623" s="22">
        <v>44572</v>
      </c>
      <c r="F1623" s="22">
        <v>46397</v>
      </c>
      <c r="G1623" s="6" t="s">
        <v>7740</v>
      </c>
      <c r="H1623" s="6" t="s">
        <v>202</v>
      </c>
      <c r="I1623" s="6" t="s">
        <v>2992</v>
      </c>
      <c r="J1623" s="6" t="s">
        <v>7741</v>
      </c>
      <c r="L1623" s="10" t="s">
        <v>22</v>
      </c>
      <c r="M1623" s="10" t="s">
        <v>22</v>
      </c>
      <c r="N1623" s="10" t="s">
        <v>22</v>
      </c>
      <c r="O1623" s="10" t="s">
        <v>22</v>
      </c>
      <c r="P1623" s="10" t="s">
        <v>22</v>
      </c>
      <c r="Q1623" s="10" t="s">
        <v>22</v>
      </c>
      <c r="U1623" s="10" t="s">
        <v>22</v>
      </c>
      <c r="V1623" s="10" t="s">
        <v>22</v>
      </c>
      <c r="W1623" s="10" t="s">
        <v>22</v>
      </c>
      <c r="X1623" s="10" t="s">
        <v>22</v>
      </c>
      <c r="Y1623" s="10" t="s">
        <v>22</v>
      </c>
      <c r="Z1623" s="10" t="s">
        <v>22</v>
      </c>
    </row>
    <row r="1624" spans="1:26" ht="24" customHeight="1" x14ac:dyDescent="0.2">
      <c r="A1624" s="9" t="s">
        <v>18880</v>
      </c>
      <c r="B1624" s="9" t="s">
        <v>14</v>
      </c>
      <c r="C1624" s="9" t="s">
        <v>7742</v>
      </c>
      <c r="D1624" s="6" t="s">
        <v>7743</v>
      </c>
      <c r="E1624" s="22">
        <v>44578</v>
      </c>
      <c r="F1624" s="22">
        <v>46403</v>
      </c>
      <c r="G1624" s="6" t="s">
        <v>7744</v>
      </c>
      <c r="H1624" s="6" t="s">
        <v>62</v>
      </c>
      <c r="I1624" s="6" t="s">
        <v>414</v>
      </c>
      <c r="J1624" s="6" t="s">
        <v>7745</v>
      </c>
      <c r="K1624" s="9" t="s">
        <v>7746</v>
      </c>
      <c r="L1624" s="10" t="s">
        <v>22</v>
      </c>
      <c r="M1624" s="10" t="s">
        <v>22</v>
      </c>
      <c r="N1624" s="10" t="s">
        <v>22</v>
      </c>
      <c r="O1624" s="10" t="s">
        <v>22</v>
      </c>
      <c r="P1624" s="10" t="s">
        <v>22</v>
      </c>
      <c r="Q1624" s="10" t="s">
        <v>22</v>
      </c>
      <c r="U1624" s="10" t="s">
        <v>22</v>
      </c>
      <c r="V1624" s="10" t="s">
        <v>22</v>
      </c>
      <c r="W1624" s="10" t="s">
        <v>22</v>
      </c>
      <c r="X1624" s="10" t="s">
        <v>22</v>
      </c>
      <c r="Y1624" s="10" t="s">
        <v>22</v>
      </c>
      <c r="Z1624" s="10" t="s">
        <v>22</v>
      </c>
    </row>
    <row r="1625" spans="1:26" ht="24" customHeight="1" x14ac:dyDescent="0.2">
      <c r="A1625" s="9" t="s">
        <v>18881</v>
      </c>
      <c r="B1625" s="9" t="s">
        <v>14</v>
      </c>
      <c r="C1625" s="9" t="s">
        <v>7747</v>
      </c>
      <c r="D1625" s="6" t="s">
        <v>7748</v>
      </c>
      <c r="E1625" s="22">
        <v>44578</v>
      </c>
      <c r="F1625" s="22">
        <v>46403</v>
      </c>
      <c r="G1625" s="6" t="s">
        <v>7749</v>
      </c>
      <c r="H1625" s="6" t="s">
        <v>62</v>
      </c>
      <c r="I1625" s="6" t="s">
        <v>306</v>
      </c>
      <c r="J1625" s="6" t="s">
        <v>7750</v>
      </c>
      <c r="K1625" s="9" t="s">
        <v>7751</v>
      </c>
      <c r="L1625" s="10" t="s">
        <v>22</v>
      </c>
      <c r="M1625" s="10" t="s">
        <v>22</v>
      </c>
      <c r="N1625" s="10" t="s">
        <v>22</v>
      </c>
      <c r="O1625" s="10" t="s">
        <v>22</v>
      </c>
      <c r="P1625" s="10" t="s">
        <v>22</v>
      </c>
      <c r="Q1625" s="10" t="s">
        <v>22</v>
      </c>
      <c r="R1625" s="10" t="s">
        <v>22</v>
      </c>
      <c r="S1625" s="10" t="s">
        <v>22</v>
      </c>
      <c r="T1625" s="10" t="s">
        <v>22</v>
      </c>
      <c r="U1625" s="10" t="s">
        <v>22</v>
      </c>
      <c r="V1625" s="10" t="s">
        <v>22</v>
      </c>
      <c r="W1625" s="10" t="s">
        <v>22</v>
      </c>
      <c r="X1625" s="10" t="s">
        <v>22</v>
      </c>
      <c r="Y1625" s="10" t="s">
        <v>22</v>
      </c>
      <c r="Z1625" s="10" t="s">
        <v>22</v>
      </c>
    </row>
    <row r="1626" spans="1:26" ht="24" customHeight="1" x14ac:dyDescent="0.2">
      <c r="A1626" s="9" t="s">
        <v>18882</v>
      </c>
      <c r="B1626" s="9" t="s">
        <v>14</v>
      </c>
      <c r="C1626" s="9" t="s">
        <v>7752</v>
      </c>
      <c r="D1626" s="6" t="s">
        <v>7753</v>
      </c>
      <c r="E1626" s="22">
        <v>44578</v>
      </c>
      <c r="F1626" s="22">
        <v>46403</v>
      </c>
      <c r="G1626" s="6" t="s">
        <v>7754</v>
      </c>
      <c r="H1626" s="6" t="s">
        <v>363</v>
      </c>
      <c r="I1626" s="6" t="s">
        <v>1837</v>
      </c>
      <c r="J1626" s="6" t="s">
        <v>7755</v>
      </c>
      <c r="K1626" s="9" t="s">
        <v>7756</v>
      </c>
      <c r="L1626" s="10" t="s">
        <v>22</v>
      </c>
      <c r="M1626" s="10" t="s">
        <v>22</v>
      </c>
      <c r="N1626" s="10" t="s">
        <v>22</v>
      </c>
      <c r="O1626" s="10" t="s">
        <v>22</v>
      </c>
      <c r="P1626" s="10" t="s">
        <v>22</v>
      </c>
      <c r="Q1626" s="10" t="s">
        <v>22</v>
      </c>
      <c r="R1626" s="10" t="s">
        <v>22</v>
      </c>
      <c r="S1626" s="10" t="s">
        <v>22</v>
      </c>
      <c r="T1626" s="10" t="s">
        <v>22</v>
      </c>
      <c r="U1626" s="10" t="s">
        <v>22</v>
      </c>
      <c r="V1626" s="10" t="s">
        <v>22</v>
      </c>
      <c r="W1626" s="10" t="s">
        <v>22</v>
      </c>
      <c r="X1626" s="10" t="s">
        <v>22</v>
      </c>
      <c r="Y1626" s="10" t="s">
        <v>22</v>
      </c>
      <c r="Z1626" s="10" t="s">
        <v>22</v>
      </c>
    </row>
    <row r="1627" spans="1:26" ht="24" customHeight="1" x14ac:dyDescent="0.2">
      <c r="A1627" s="9" t="s">
        <v>18883</v>
      </c>
      <c r="B1627" s="9" t="s">
        <v>14</v>
      </c>
      <c r="C1627" s="9" t="s">
        <v>7757</v>
      </c>
      <c r="D1627" s="6" t="s">
        <v>7758</v>
      </c>
      <c r="E1627" s="22">
        <v>44581</v>
      </c>
      <c r="F1627" s="22">
        <v>46406</v>
      </c>
      <c r="G1627" s="6" t="s">
        <v>7759</v>
      </c>
      <c r="H1627" s="6" t="s">
        <v>202</v>
      </c>
      <c r="I1627" s="6" t="s">
        <v>3050</v>
      </c>
      <c r="J1627" s="6" t="s">
        <v>7760</v>
      </c>
      <c r="K1627" s="9" t="s">
        <v>7761</v>
      </c>
      <c r="L1627" s="10" t="s">
        <v>22</v>
      </c>
      <c r="M1627" s="10" t="s">
        <v>22</v>
      </c>
      <c r="N1627" s="10" t="s">
        <v>22</v>
      </c>
      <c r="O1627" s="10" t="s">
        <v>22</v>
      </c>
      <c r="P1627" s="10" t="s">
        <v>22</v>
      </c>
      <c r="Q1627" s="10" t="s">
        <v>22</v>
      </c>
      <c r="R1627" s="10" t="s">
        <v>22</v>
      </c>
      <c r="S1627" s="10" t="s">
        <v>22</v>
      </c>
      <c r="T1627" s="10" t="s">
        <v>22</v>
      </c>
    </row>
    <row r="1628" spans="1:26" ht="24" customHeight="1" x14ac:dyDescent="0.2">
      <c r="A1628" s="9" t="s">
        <v>18884</v>
      </c>
      <c r="B1628" s="9" t="s">
        <v>14</v>
      </c>
      <c r="C1628" s="9" t="s">
        <v>7762</v>
      </c>
      <c r="D1628" s="6" t="s">
        <v>7763</v>
      </c>
      <c r="E1628" s="22">
        <v>44584</v>
      </c>
      <c r="F1628" s="22">
        <v>46409</v>
      </c>
      <c r="G1628" s="6" t="s">
        <v>7764</v>
      </c>
      <c r="H1628" s="6" t="s">
        <v>18</v>
      </c>
      <c r="I1628" s="6" t="s">
        <v>19</v>
      </c>
      <c r="J1628" s="6" t="s">
        <v>7765</v>
      </c>
      <c r="K1628" s="9" t="s">
        <v>7766</v>
      </c>
      <c r="L1628" s="10" t="s">
        <v>22</v>
      </c>
      <c r="M1628" s="10" t="s">
        <v>22</v>
      </c>
      <c r="N1628" s="10" t="s">
        <v>22</v>
      </c>
      <c r="O1628" s="10" t="s">
        <v>22</v>
      </c>
      <c r="P1628" s="10" t="s">
        <v>22</v>
      </c>
      <c r="Q1628" s="10" t="s">
        <v>22</v>
      </c>
      <c r="R1628" s="10" t="s">
        <v>22</v>
      </c>
      <c r="S1628" s="10" t="s">
        <v>22</v>
      </c>
      <c r="T1628" s="10" t="s">
        <v>22</v>
      </c>
      <c r="U1628" s="10" t="s">
        <v>22</v>
      </c>
      <c r="V1628" s="10" t="s">
        <v>22</v>
      </c>
      <c r="W1628" s="10" t="s">
        <v>22</v>
      </c>
      <c r="X1628" s="10" t="s">
        <v>22</v>
      </c>
      <c r="Y1628" s="10" t="s">
        <v>22</v>
      </c>
      <c r="Z1628" s="10" t="s">
        <v>22</v>
      </c>
    </row>
    <row r="1629" spans="1:26" ht="24" customHeight="1" x14ac:dyDescent="0.2">
      <c r="A1629" s="9" t="s">
        <v>18885</v>
      </c>
      <c r="B1629" s="9" t="s">
        <v>14</v>
      </c>
      <c r="C1629" s="9" t="s">
        <v>7767</v>
      </c>
      <c r="D1629" s="6" t="s">
        <v>7768</v>
      </c>
      <c r="E1629" s="22">
        <v>44588</v>
      </c>
      <c r="F1629" s="22">
        <v>46413</v>
      </c>
      <c r="G1629" s="6" t="s">
        <v>7769</v>
      </c>
      <c r="H1629" s="6" t="s">
        <v>229</v>
      </c>
      <c r="I1629" s="6" t="s">
        <v>1885</v>
      </c>
      <c r="J1629" s="6" t="s">
        <v>7770</v>
      </c>
      <c r="K1629" s="9" t="s">
        <v>7771</v>
      </c>
      <c r="L1629" s="10" t="s">
        <v>22</v>
      </c>
      <c r="M1629" s="10" t="s">
        <v>22</v>
      </c>
      <c r="N1629" s="10" t="s">
        <v>22</v>
      </c>
      <c r="O1629" s="10" t="s">
        <v>22</v>
      </c>
      <c r="P1629" s="10" t="s">
        <v>22</v>
      </c>
      <c r="Q1629" s="10" t="s">
        <v>22</v>
      </c>
      <c r="R1629" s="10" t="s">
        <v>22</v>
      </c>
      <c r="S1629" s="10" t="s">
        <v>22</v>
      </c>
      <c r="T1629" s="10" t="s">
        <v>22</v>
      </c>
      <c r="U1629" s="10" t="s">
        <v>22</v>
      </c>
      <c r="V1629" s="10" t="s">
        <v>22</v>
      </c>
      <c r="W1629" s="10" t="s">
        <v>22</v>
      </c>
      <c r="X1629" s="10" t="s">
        <v>22</v>
      </c>
      <c r="Y1629" s="10" t="s">
        <v>22</v>
      </c>
      <c r="Z1629" s="10" t="s">
        <v>22</v>
      </c>
    </row>
    <row r="1630" spans="1:26" ht="24" customHeight="1" x14ac:dyDescent="0.2">
      <c r="A1630" s="9" t="s">
        <v>18886</v>
      </c>
      <c r="B1630" s="9" t="s">
        <v>14</v>
      </c>
      <c r="C1630" s="9" t="s">
        <v>7772</v>
      </c>
      <c r="D1630" s="6" t="s">
        <v>7773</v>
      </c>
      <c r="E1630" s="22">
        <v>44594</v>
      </c>
      <c r="F1630" s="22">
        <v>46419</v>
      </c>
      <c r="G1630" s="6" t="s">
        <v>7774</v>
      </c>
      <c r="H1630" s="6" t="s">
        <v>202</v>
      </c>
      <c r="I1630" s="6" t="s">
        <v>7775</v>
      </c>
      <c r="J1630" s="6" t="s">
        <v>7776</v>
      </c>
      <c r="K1630" s="9" t="s">
        <v>7777</v>
      </c>
      <c r="L1630" s="10" t="s">
        <v>22</v>
      </c>
      <c r="M1630" s="10" t="s">
        <v>22</v>
      </c>
      <c r="N1630" s="10" t="s">
        <v>22</v>
      </c>
      <c r="O1630" s="10" t="s">
        <v>22</v>
      </c>
      <c r="P1630" s="10" t="s">
        <v>22</v>
      </c>
      <c r="Q1630" s="10" t="s">
        <v>22</v>
      </c>
      <c r="R1630" s="10" t="s">
        <v>22</v>
      </c>
      <c r="S1630" s="10" t="s">
        <v>22</v>
      </c>
      <c r="T1630" s="10" t="s">
        <v>22</v>
      </c>
      <c r="U1630" s="10" t="s">
        <v>22</v>
      </c>
      <c r="V1630" s="10" t="s">
        <v>22</v>
      </c>
      <c r="W1630" s="10" t="s">
        <v>22</v>
      </c>
      <c r="X1630" s="10" t="s">
        <v>22</v>
      </c>
      <c r="Y1630" s="10" t="s">
        <v>22</v>
      </c>
      <c r="Z1630" s="10" t="s">
        <v>22</v>
      </c>
    </row>
    <row r="1631" spans="1:26" ht="24" customHeight="1" x14ac:dyDescent="0.2">
      <c r="A1631" s="9" t="s">
        <v>18887</v>
      </c>
      <c r="B1631" s="9" t="s">
        <v>14</v>
      </c>
      <c r="C1631" s="9" t="s">
        <v>7778</v>
      </c>
      <c r="D1631" s="6" t="s">
        <v>7779</v>
      </c>
      <c r="E1631" s="22">
        <v>44598</v>
      </c>
      <c r="F1631" s="22">
        <v>46423</v>
      </c>
      <c r="G1631" s="6" t="s">
        <v>7780</v>
      </c>
      <c r="H1631" s="6" t="s">
        <v>202</v>
      </c>
      <c r="I1631" s="6" t="s">
        <v>954</v>
      </c>
      <c r="J1631" s="6" t="s">
        <v>7781</v>
      </c>
      <c r="K1631" s="9" t="s">
        <v>7782</v>
      </c>
      <c r="L1631" s="10" t="s">
        <v>22</v>
      </c>
      <c r="M1631" s="10" t="s">
        <v>22</v>
      </c>
      <c r="N1631" s="10" t="s">
        <v>22</v>
      </c>
      <c r="O1631" s="10" t="s">
        <v>22</v>
      </c>
      <c r="P1631" s="10" t="s">
        <v>22</v>
      </c>
      <c r="Q1631" s="10" t="s">
        <v>22</v>
      </c>
      <c r="R1631" s="10" t="s">
        <v>22</v>
      </c>
      <c r="S1631" s="10" t="s">
        <v>22</v>
      </c>
      <c r="T1631" s="10" t="s">
        <v>22</v>
      </c>
      <c r="U1631" s="10" t="s">
        <v>22</v>
      </c>
      <c r="V1631" s="10" t="s">
        <v>22</v>
      </c>
      <c r="W1631" s="10" t="s">
        <v>22</v>
      </c>
      <c r="X1631" s="10" t="s">
        <v>22</v>
      </c>
      <c r="Y1631" s="10" t="s">
        <v>22</v>
      </c>
      <c r="Z1631" s="10" t="s">
        <v>22</v>
      </c>
    </row>
    <row r="1632" spans="1:26" ht="24" customHeight="1" x14ac:dyDescent="0.2">
      <c r="A1632" s="9" t="s">
        <v>18888</v>
      </c>
      <c r="B1632" s="9" t="s">
        <v>14</v>
      </c>
      <c r="C1632" s="9" t="s">
        <v>7783</v>
      </c>
      <c r="D1632" s="6" t="s">
        <v>7784</v>
      </c>
      <c r="E1632" s="22">
        <v>44600</v>
      </c>
      <c r="F1632" s="22">
        <v>46425</v>
      </c>
      <c r="G1632" s="6" t="s">
        <v>7785</v>
      </c>
      <c r="H1632" s="6" t="s">
        <v>62</v>
      </c>
      <c r="I1632" s="6" t="s">
        <v>306</v>
      </c>
      <c r="J1632" s="6" t="s">
        <v>7786</v>
      </c>
      <c r="L1632" s="10" t="s">
        <v>22</v>
      </c>
      <c r="M1632" s="10" t="s">
        <v>22</v>
      </c>
      <c r="N1632" s="10" t="s">
        <v>22</v>
      </c>
      <c r="O1632" s="10" t="s">
        <v>22</v>
      </c>
      <c r="P1632" s="10" t="s">
        <v>22</v>
      </c>
      <c r="Q1632" s="10" t="s">
        <v>22</v>
      </c>
      <c r="R1632" s="10" t="s">
        <v>22</v>
      </c>
      <c r="S1632" s="10" t="s">
        <v>22</v>
      </c>
      <c r="T1632" s="10" t="s">
        <v>22</v>
      </c>
      <c r="U1632" s="10" t="s">
        <v>22</v>
      </c>
      <c r="V1632" s="10" t="s">
        <v>22</v>
      </c>
      <c r="W1632" s="10" t="s">
        <v>22</v>
      </c>
      <c r="X1632" s="10" t="s">
        <v>22</v>
      </c>
      <c r="Y1632" s="10" t="s">
        <v>22</v>
      </c>
      <c r="Z1632" s="10" t="s">
        <v>22</v>
      </c>
    </row>
    <row r="1633" spans="1:26" ht="24" customHeight="1" x14ac:dyDescent="0.2">
      <c r="A1633" s="9" t="s">
        <v>18889</v>
      </c>
      <c r="B1633" s="9" t="s">
        <v>14</v>
      </c>
      <c r="C1633" s="9" t="s">
        <v>7787</v>
      </c>
      <c r="D1633" s="6" t="s">
        <v>7788</v>
      </c>
      <c r="E1633" s="22">
        <v>44600</v>
      </c>
      <c r="F1633" s="22">
        <v>46425</v>
      </c>
      <c r="G1633" s="6" t="s">
        <v>7789</v>
      </c>
      <c r="H1633" s="6" t="s">
        <v>363</v>
      </c>
      <c r="I1633" s="6" t="s">
        <v>364</v>
      </c>
      <c r="J1633" s="6" t="s">
        <v>7790</v>
      </c>
      <c r="K1633" s="9" t="s">
        <v>7791</v>
      </c>
      <c r="L1633" s="10" t="s">
        <v>22</v>
      </c>
      <c r="M1633" s="10" t="s">
        <v>22</v>
      </c>
      <c r="N1633" s="10" t="s">
        <v>22</v>
      </c>
      <c r="O1633" s="10" t="s">
        <v>22</v>
      </c>
      <c r="P1633" s="10" t="s">
        <v>22</v>
      </c>
      <c r="Q1633" s="10" t="s">
        <v>22</v>
      </c>
      <c r="R1633" s="10" t="s">
        <v>22</v>
      </c>
      <c r="S1633" s="10" t="s">
        <v>22</v>
      </c>
      <c r="T1633" s="10" t="s">
        <v>22</v>
      </c>
      <c r="U1633" s="10" t="s">
        <v>22</v>
      </c>
      <c r="V1633" s="10" t="s">
        <v>22</v>
      </c>
      <c r="W1633" s="10" t="s">
        <v>22</v>
      </c>
      <c r="X1633" s="10" t="s">
        <v>22</v>
      </c>
      <c r="Y1633" s="10" t="s">
        <v>22</v>
      </c>
      <c r="Z1633" s="10" t="s">
        <v>22</v>
      </c>
    </row>
    <row r="1634" spans="1:26" ht="24" customHeight="1" x14ac:dyDescent="0.2">
      <c r="A1634" s="9" t="s">
        <v>18890</v>
      </c>
      <c r="B1634" s="9" t="s">
        <v>14</v>
      </c>
      <c r="C1634" s="9" t="s">
        <v>7792</v>
      </c>
      <c r="D1634" s="6" t="s">
        <v>7793</v>
      </c>
      <c r="E1634" s="22">
        <v>44600</v>
      </c>
      <c r="F1634" s="22">
        <v>46425</v>
      </c>
      <c r="G1634" s="6" t="s">
        <v>7794</v>
      </c>
      <c r="H1634" s="6" t="s">
        <v>363</v>
      </c>
      <c r="I1634" s="6" t="s">
        <v>466</v>
      </c>
      <c r="J1634" s="6" t="s">
        <v>7795</v>
      </c>
      <c r="K1634" s="9" t="s">
        <v>7796</v>
      </c>
      <c r="L1634" s="10" t="s">
        <v>22</v>
      </c>
      <c r="M1634" s="10" t="s">
        <v>22</v>
      </c>
      <c r="N1634" s="10" t="s">
        <v>22</v>
      </c>
      <c r="O1634" s="10" t="s">
        <v>22</v>
      </c>
      <c r="P1634" s="10" t="s">
        <v>22</v>
      </c>
      <c r="Q1634" s="10" t="s">
        <v>22</v>
      </c>
      <c r="R1634" s="10" t="s">
        <v>22</v>
      </c>
      <c r="S1634" s="10" t="s">
        <v>22</v>
      </c>
      <c r="T1634" s="10" t="s">
        <v>22</v>
      </c>
      <c r="U1634" s="10" t="s">
        <v>22</v>
      </c>
      <c r="V1634" s="10" t="s">
        <v>22</v>
      </c>
      <c r="W1634" s="10" t="s">
        <v>22</v>
      </c>
      <c r="X1634" s="10" t="s">
        <v>22</v>
      </c>
      <c r="Y1634" s="10" t="s">
        <v>22</v>
      </c>
      <c r="Z1634" s="10" t="s">
        <v>22</v>
      </c>
    </row>
    <row r="1635" spans="1:26" ht="24" customHeight="1" x14ac:dyDescent="0.2">
      <c r="A1635" s="9" t="s">
        <v>18891</v>
      </c>
      <c r="B1635" s="9" t="s">
        <v>14</v>
      </c>
      <c r="C1635" s="9" t="s">
        <v>7797</v>
      </c>
      <c r="D1635" s="6" t="s">
        <v>7798</v>
      </c>
      <c r="E1635" s="22">
        <v>44606</v>
      </c>
      <c r="F1635" s="22">
        <v>46431</v>
      </c>
      <c r="G1635" s="6" t="s">
        <v>7799</v>
      </c>
      <c r="H1635" s="6" t="s">
        <v>18</v>
      </c>
      <c r="I1635" s="6" t="s">
        <v>19</v>
      </c>
      <c r="J1635" s="6" t="s">
        <v>7800</v>
      </c>
      <c r="L1635" s="10" t="s">
        <v>22</v>
      </c>
      <c r="M1635" s="10" t="s">
        <v>22</v>
      </c>
      <c r="N1635" s="10" t="s">
        <v>22</v>
      </c>
      <c r="O1635" s="10" t="s">
        <v>22</v>
      </c>
      <c r="P1635" s="10" t="s">
        <v>22</v>
      </c>
      <c r="Q1635" s="10" t="s">
        <v>22</v>
      </c>
      <c r="R1635" s="10" t="s">
        <v>22</v>
      </c>
      <c r="S1635" s="10" t="s">
        <v>22</v>
      </c>
      <c r="T1635" s="10" t="s">
        <v>22</v>
      </c>
      <c r="U1635" s="10" t="s">
        <v>22</v>
      </c>
      <c r="V1635" s="10" t="s">
        <v>22</v>
      </c>
      <c r="W1635" s="10" t="s">
        <v>22</v>
      </c>
      <c r="X1635" s="10" t="s">
        <v>22</v>
      </c>
      <c r="Y1635" s="10" t="s">
        <v>22</v>
      </c>
      <c r="Z1635" s="10" t="s">
        <v>22</v>
      </c>
    </row>
    <row r="1636" spans="1:26" ht="24" customHeight="1" x14ac:dyDescent="0.2">
      <c r="A1636" s="9" t="s">
        <v>18892</v>
      </c>
      <c r="B1636" s="9" t="s">
        <v>14</v>
      </c>
      <c r="C1636" s="9" t="s">
        <v>7801</v>
      </c>
      <c r="D1636" s="6" t="s">
        <v>7802</v>
      </c>
      <c r="E1636" s="22">
        <v>44606</v>
      </c>
      <c r="F1636" s="22">
        <v>46431</v>
      </c>
      <c r="G1636" s="6" t="s">
        <v>7803</v>
      </c>
      <c r="H1636" s="6" t="s">
        <v>62</v>
      </c>
      <c r="I1636" s="6" t="s">
        <v>2705</v>
      </c>
      <c r="J1636" s="6" t="s">
        <v>7804</v>
      </c>
      <c r="K1636" s="9" t="s">
        <v>7805</v>
      </c>
      <c r="L1636" s="10" t="s">
        <v>22</v>
      </c>
      <c r="M1636" s="10" t="s">
        <v>22</v>
      </c>
      <c r="N1636" s="10" t="s">
        <v>22</v>
      </c>
      <c r="O1636" s="10" t="s">
        <v>22</v>
      </c>
      <c r="P1636" s="10" t="s">
        <v>22</v>
      </c>
      <c r="Q1636" s="10" t="s">
        <v>22</v>
      </c>
      <c r="R1636" s="10" t="s">
        <v>22</v>
      </c>
      <c r="S1636" s="10" t="s">
        <v>22</v>
      </c>
      <c r="T1636" s="10" t="s">
        <v>22</v>
      </c>
      <c r="U1636" s="10" t="s">
        <v>22</v>
      </c>
      <c r="V1636" s="10" t="s">
        <v>22</v>
      </c>
      <c r="W1636" s="10" t="s">
        <v>22</v>
      </c>
      <c r="X1636" s="10" t="s">
        <v>22</v>
      </c>
      <c r="Y1636" s="10" t="s">
        <v>22</v>
      </c>
      <c r="Z1636" s="10" t="s">
        <v>22</v>
      </c>
    </row>
    <row r="1637" spans="1:26" ht="24" customHeight="1" x14ac:dyDescent="0.2">
      <c r="A1637" s="9" t="s">
        <v>18893</v>
      </c>
      <c r="B1637" s="9" t="s">
        <v>14</v>
      </c>
      <c r="C1637" s="9" t="s">
        <v>7806</v>
      </c>
      <c r="D1637" s="6" t="s">
        <v>7807</v>
      </c>
      <c r="E1637" s="22">
        <v>44609</v>
      </c>
      <c r="F1637" s="22">
        <v>46434</v>
      </c>
      <c r="G1637" s="6" t="s">
        <v>7808</v>
      </c>
      <c r="H1637" s="6" t="s">
        <v>62</v>
      </c>
      <c r="I1637" s="6" t="s">
        <v>1141</v>
      </c>
      <c r="J1637" s="6" t="s">
        <v>7809</v>
      </c>
      <c r="K1637" s="9" t="s">
        <v>7810</v>
      </c>
      <c r="L1637" s="10" t="s">
        <v>22</v>
      </c>
      <c r="M1637" s="10" t="s">
        <v>22</v>
      </c>
      <c r="N1637" s="10" t="s">
        <v>22</v>
      </c>
      <c r="O1637" s="10" t="s">
        <v>22</v>
      </c>
      <c r="P1637" s="10" t="s">
        <v>22</v>
      </c>
      <c r="Q1637" s="10" t="s">
        <v>22</v>
      </c>
      <c r="U1637" s="10" t="s">
        <v>22</v>
      </c>
      <c r="V1637" s="10" t="s">
        <v>22</v>
      </c>
      <c r="W1637" s="10" t="s">
        <v>22</v>
      </c>
      <c r="X1637" s="10" t="s">
        <v>22</v>
      </c>
      <c r="Y1637" s="10" t="s">
        <v>22</v>
      </c>
      <c r="Z1637" s="10" t="s">
        <v>22</v>
      </c>
    </row>
    <row r="1638" spans="1:26" ht="24" customHeight="1" x14ac:dyDescent="0.2">
      <c r="A1638" s="9" t="s">
        <v>18894</v>
      </c>
      <c r="B1638" s="9" t="s">
        <v>14</v>
      </c>
      <c r="C1638" s="9" t="s">
        <v>7811</v>
      </c>
      <c r="D1638" s="6" t="s">
        <v>7812</v>
      </c>
      <c r="E1638" s="22">
        <v>44613</v>
      </c>
      <c r="F1638" s="22">
        <v>46438</v>
      </c>
      <c r="G1638" s="6" t="s">
        <v>7813</v>
      </c>
      <c r="H1638" s="6" t="s">
        <v>62</v>
      </c>
      <c r="I1638" s="6" t="s">
        <v>430</v>
      </c>
      <c r="J1638" s="6" t="s">
        <v>7814</v>
      </c>
      <c r="L1638" s="10" t="s">
        <v>22</v>
      </c>
      <c r="M1638" s="10" t="s">
        <v>22</v>
      </c>
      <c r="N1638" s="10" t="s">
        <v>22</v>
      </c>
      <c r="O1638" s="10" t="s">
        <v>22</v>
      </c>
      <c r="P1638" s="10" t="s">
        <v>22</v>
      </c>
      <c r="Q1638" s="10" t="s">
        <v>22</v>
      </c>
      <c r="R1638" s="10" t="s">
        <v>22</v>
      </c>
      <c r="S1638" s="10" t="s">
        <v>22</v>
      </c>
      <c r="T1638" s="10" t="s">
        <v>22</v>
      </c>
      <c r="U1638" s="10" t="s">
        <v>22</v>
      </c>
      <c r="V1638" s="10" t="s">
        <v>22</v>
      </c>
      <c r="W1638" s="10" t="s">
        <v>22</v>
      </c>
      <c r="X1638" s="10" t="s">
        <v>22</v>
      </c>
      <c r="Y1638" s="10" t="s">
        <v>22</v>
      </c>
      <c r="Z1638" s="10" t="s">
        <v>22</v>
      </c>
    </row>
    <row r="1639" spans="1:26" ht="24" customHeight="1" x14ac:dyDescent="0.2">
      <c r="A1639" s="9" t="s">
        <v>18895</v>
      </c>
      <c r="B1639" s="9" t="s">
        <v>14</v>
      </c>
      <c r="C1639" s="9" t="s">
        <v>7815</v>
      </c>
      <c r="D1639" s="6" t="s">
        <v>7816</v>
      </c>
      <c r="E1639" s="22">
        <v>44613</v>
      </c>
      <c r="F1639" s="22">
        <v>46438</v>
      </c>
      <c r="G1639" s="6" t="s">
        <v>7817</v>
      </c>
      <c r="H1639" s="6" t="s">
        <v>62</v>
      </c>
      <c r="I1639" s="6" t="s">
        <v>352</v>
      </c>
      <c r="J1639" s="6" t="s">
        <v>7818</v>
      </c>
      <c r="K1639" s="9" t="s">
        <v>7819</v>
      </c>
      <c r="L1639" s="10" t="s">
        <v>22</v>
      </c>
      <c r="M1639" s="10" t="s">
        <v>22</v>
      </c>
      <c r="N1639" s="10" t="s">
        <v>22</v>
      </c>
      <c r="O1639" s="10" t="s">
        <v>22</v>
      </c>
      <c r="P1639" s="10" t="s">
        <v>22</v>
      </c>
      <c r="Q1639" s="10" t="s">
        <v>22</v>
      </c>
      <c r="R1639" s="10" t="s">
        <v>22</v>
      </c>
      <c r="S1639" s="10" t="s">
        <v>22</v>
      </c>
      <c r="T1639" s="10" t="s">
        <v>22</v>
      </c>
      <c r="U1639" s="10" t="s">
        <v>22</v>
      </c>
      <c r="V1639" s="10" t="s">
        <v>22</v>
      </c>
      <c r="W1639" s="10" t="s">
        <v>22</v>
      </c>
      <c r="X1639" s="10" t="s">
        <v>22</v>
      </c>
      <c r="Y1639" s="10" t="s">
        <v>22</v>
      </c>
      <c r="Z1639" s="10" t="s">
        <v>22</v>
      </c>
    </row>
    <row r="1640" spans="1:26" ht="24" customHeight="1" x14ac:dyDescent="0.2">
      <c r="A1640" s="9" t="s">
        <v>18896</v>
      </c>
      <c r="B1640" s="9" t="s">
        <v>14</v>
      </c>
      <c r="C1640" s="9" t="s">
        <v>7820</v>
      </c>
      <c r="D1640" s="6" t="s">
        <v>7821</v>
      </c>
      <c r="E1640" s="22">
        <v>44613</v>
      </c>
      <c r="F1640" s="22">
        <v>46438</v>
      </c>
      <c r="G1640" s="6" t="s">
        <v>7822</v>
      </c>
      <c r="H1640" s="6" t="s">
        <v>62</v>
      </c>
      <c r="I1640" s="6" t="s">
        <v>318</v>
      </c>
      <c r="J1640" s="6" t="s">
        <v>7823</v>
      </c>
      <c r="K1640" s="9" t="s">
        <v>7824</v>
      </c>
      <c r="L1640" s="10" t="s">
        <v>22</v>
      </c>
      <c r="M1640" s="10" t="s">
        <v>22</v>
      </c>
      <c r="N1640" s="10" t="s">
        <v>22</v>
      </c>
      <c r="O1640" s="10" t="s">
        <v>22</v>
      </c>
      <c r="P1640" s="10" t="s">
        <v>22</v>
      </c>
      <c r="Q1640" s="10" t="s">
        <v>22</v>
      </c>
      <c r="R1640" s="10" t="s">
        <v>22</v>
      </c>
      <c r="S1640" s="10" t="s">
        <v>22</v>
      </c>
      <c r="T1640" s="10" t="s">
        <v>22</v>
      </c>
      <c r="U1640" s="10" t="s">
        <v>22</v>
      </c>
      <c r="V1640" s="10" t="s">
        <v>22</v>
      </c>
      <c r="W1640" s="10" t="s">
        <v>22</v>
      </c>
      <c r="X1640" s="10" t="s">
        <v>22</v>
      </c>
      <c r="Y1640" s="10" t="s">
        <v>22</v>
      </c>
      <c r="Z1640" s="10" t="s">
        <v>22</v>
      </c>
    </row>
    <row r="1641" spans="1:26" ht="24" customHeight="1" x14ac:dyDescent="0.2">
      <c r="A1641" s="9" t="s">
        <v>18897</v>
      </c>
      <c r="B1641" s="9" t="s">
        <v>14</v>
      </c>
      <c r="C1641" s="9" t="s">
        <v>7825</v>
      </c>
      <c r="D1641" s="6" t="s">
        <v>7826</v>
      </c>
      <c r="E1641" s="22">
        <v>44613</v>
      </c>
      <c r="F1641" s="22">
        <v>46438</v>
      </c>
      <c r="G1641" s="6" t="s">
        <v>7827</v>
      </c>
      <c r="H1641" s="6" t="s">
        <v>62</v>
      </c>
      <c r="I1641" s="6" t="s">
        <v>842</v>
      </c>
      <c r="J1641" s="6" t="s">
        <v>7828</v>
      </c>
      <c r="K1641" s="9" t="s">
        <v>7829</v>
      </c>
      <c r="L1641" s="10" t="s">
        <v>22</v>
      </c>
      <c r="M1641" s="10" t="s">
        <v>22</v>
      </c>
      <c r="N1641" s="10" t="s">
        <v>22</v>
      </c>
      <c r="O1641" s="10" t="s">
        <v>22</v>
      </c>
      <c r="P1641" s="10" t="s">
        <v>22</v>
      </c>
      <c r="Q1641" s="10" t="s">
        <v>22</v>
      </c>
      <c r="R1641" s="10" t="s">
        <v>22</v>
      </c>
      <c r="S1641" s="10" t="s">
        <v>22</v>
      </c>
      <c r="T1641" s="10" t="s">
        <v>22</v>
      </c>
      <c r="U1641" s="10" t="s">
        <v>22</v>
      </c>
      <c r="V1641" s="10" t="s">
        <v>22</v>
      </c>
      <c r="W1641" s="10" t="s">
        <v>22</v>
      </c>
      <c r="X1641" s="10" t="s">
        <v>22</v>
      </c>
      <c r="Y1641" s="10" t="s">
        <v>22</v>
      </c>
      <c r="Z1641" s="10" t="s">
        <v>22</v>
      </c>
    </row>
    <row r="1642" spans="1:26" ht="24" customHeight="1" x14ac:dyDescent="0.2">
      <c r="A1642" s="9" t="s">
        <v>18898</v>
      </c>
      <c r="B1642" s="9" t="s">
        <v>14</v>
      </c>
      <c r="C1642" s="9" t="s">
        <v>7830</v>
      </c>
      <c r="D1642" s="6" t="s">
        <v>7831</v>
      </c>
      <c r="E1642" s="22">
        <v>44622</v>
      </c>
      <c r="F1642" s="22">
        <v>46447</v>
      </c>
      <c r="G1642" s="6" t="s">
        <v>7832</v>
      </c>
      <c r="H1642" s="6" t="s">
        <v>6990</v>
      </c>
      <c r="I1642" s="6" t="s">
        <v>7833</v>
      </c>
      <c r="J1642" s="6" t="s">
        <v>7834</v>
      </c>
      <c r="K1642" s="9" t="s">
        <v>7835</v>
      </c>
      <c r="L1642" s="10" t="s">
        <v>22</v>
      </c>
      <c r="M1642" s="10" t="s">
        <v>22</v>
      </c>
      <c r="N1642" s="10" t="s">
        <v>22</v>
      </c>
      <c r="O1642" s="10" t="s">
        <v>22</v>
      </c>
      <c r="P1642" s="10" t="s">
        <v>22</v>
      </c>
      <c r="Q1642" s="10" t="s">
        <v>22</v>
      </c>
      <c r="U1642" s="10" t="s">
        <v>22</v>
      </c>
      <c r="V1642" s="10" t="s">
        <v>22</v>
      </c>
      <c r="W1642" s="10" t="s">
        <v>22</v>
      </c>
      <c r="X1642" s="10" t="s">
        <v>22</v>
      </c>
      <c r="Y1642" s="10" t="s">
        <v>22</v>
      </c>
      <c r="Z1642" s="10" t="s">
        <v>22</v>
      </c>
    </row>
    <row r="1643" spans="1:26" ht="24" customHeight="1" x14ac:dyDescent="0.2">
      <c r="A1643" s="9" t="s">
        <v>18899</v>
      </c>
      <c r="B1643" s="9" t="s">
        <v>14</v>
      </c>
      <c r="C1643" s="9" t="s">
        <v>7836</v>
      </c>
      <c r="D1643" s="6" t="s">
        <v>7837</v>
      </c>
      <c r="E1643" s="22">
        <v>44626</v>
      </c>
      <c r="F1643" s="22">
        <v>46451</v>
      </c>
      <c r="G1643" s="6" t="s">
        <v>7838</v>
      </c>
      <c r="H1643" s="6" t="s">
        <v>363</v>
      </c>
      <c r="I1643" s="6" t="s">
        <v>7398</v>
      </c>
      <c r="J1643" s="6" t="s">
        <v>7839</v>
      </c>
      <c r="K1643" s="9" t="s">
        <v>7840</v>
      </c>
      <c r="L1643" s="10" t="s">
        <v>22</v>
      </c>
      <c r="M1643" s="10" t="s">
        <v>22</v>
      </c>
      <c r="N1643" s="10" t="s">
        <v>22</v>
      </c>
      <c r="O1643" s="10" t="s">
        <v>22</v>
      </c>
      <c r="P1643" s="10" t="s">
        <v>22</v>
      </c>
      <c r="Q1643" s="10" t="s">
        <v>22</v>
      </c>
      <c r="R1643" s="10" t="s">
        <v>22</v>
      </c>
      <c r="S1643" s="10" t="s">
        <v>22</v>
      </c>
      <c r="T1643" s="10" t="s">
        <v>22</v>
      </c>
      <c r="U1643" s="10" t="s">
        <v>22</v>
      </c>
      <c r="V1643" s="10" t="s">
        <v>22</v>
      </c>
      <c r="W1643" s="10" t="s">
        <v>22</v>
      </c>
      <c r="X1643" s="10" t="s">
        <v>22</v>
      </c>
      <c r="Y1643" s="10" t="s">
        <v>22</v>
      </c>
      <c r="Z1643" s="10" t="s">
        <v>22</v>
      </c>
    </row>
    <row r="1644" spans="1:26" ht="24" customHeight="1" x14ac:dyDescent="0.2">
      <c r="A1644" s="9" t="s">
        <v>18900</v>
      </c>
      <c r="B1644" s="9" t="s">
        <v>14</v>
      </c>
      <c r="C1644" s="9" t="s">
        <v>7841</v>
      </c>
      <c r="D1644" s="6" t="s">
        <v>7842</v>
      </c>
      <c r="E1644" s="22">
        <v>44626</v>
      </c>
      <c r="F1644" s="22">
        <v>46451</v>
      </c>
      <c r="G1644" s="6" t="s">
        <v>7843</v>
      </c>
      <c r="H1644" s="6" t="s">
        <v>18</v>
      </c>
      <c r="I1644" s="6" t="s">
        <v>19</v>
      </c>
      <c r="J1644" s="6" t="s">
        <v>7844</v>
      </c>
      <c r="K1644" s="9" t="s">
        <v>7845</v>
      </c>
      <c r="L1644" s="10" t="s">
        <v>22</v>
      </c>
      <c r="M1644" s="10" t="s">
        <v>22</v>
      </c>
      <c r="N1644" s="10" t="s">
        <v>22</v>
      </c>
      <c r="O1644" s="10" t="s">
        <v>22</v>
      </c>
      <c r="P1644" s="10" t="s">
        <v>22</v>
      </c>
      <c r="Q1644" s="10" t="s">
        <v>22</v>
      </c>
      <c r="R1644" s="10" t="s">
        <v>22</v>
      </c>
      <c r="S1644" s="10" t="s">
        <v>22</v>
      </c>
      <c r="T1644" s="10" t="s">
        <v>22</v>
      </c>
      <c r="U1644" s="10" t="s">
        <v>22</v>
      </c>
      <c r="V1644" s="10" t="s">
        <v>22</v>
      </c>
      <c r="W1644" s="10" t="s">
        <v>22</v>
      </c>
      <c r="X1644" s="10" t="s">
        <v>22</v>
      </c>
      <c r="Y1644" s="10" t="s">
        <v>22</v>
      </c>
      <c r="Z1644" s="10" t="s">
        <v>22</v>
      </c>
    </row>
    <row r="1645" spans="1:26" ht="24" customHeight="1" x14ac:dyDescent="0.2">
      <c r="A1645" s="9" t="s">
        <v>18901</v>
      </c>
      <c r="B1645" s="9" t="s">
        <v>14</v>
      </c>
      <c r="C1645" s="9" t="s">
        <v>7846</v>
      </c>
      <c r="D1645" s="6" t="s">
        <v>7847</v>
      </c>
      <c r="E1645" s="22">
        <v>44626</v>
      </c>
      <c r="F1645" s="22">
        <v>46451</v>
      </c>
      <c r="G1645" s="6" t="s">
        <v>7848</v>
      </c>
      <c r="H1645" s="6" t="s">
        <v>202</v>
      </c>
      <c r="I1645" s="6" t="s">
        <v>863</v>
      </c>
      <c r="J1645" s="6" t="s">
        <v>7849</v>
      </c>
      <c r="K1645" s="9" t="s">
        <v>7850</v>
      </c>
      <c r="L1645" s="10" t="s">
        <v>22</v>
      </c>
      <c r="M1645" s="10" t="s">
        <v>22</v>
      </c>
      <c r="N1645" s="10" t="s">
        <v>22</v>
      </c>
      <c r="O1645" s="10" t="s">
        <v>22</v>
      </c>
      <c r="P1645" s="10" t="s">
        <v>22</v>
      </c>
      <c r="Q1645" s="10" t="s">
        <v>22</v>
      </c>
      <c r="U1645" s="10" t="s">
        <v>22</v>
      </c>
      <c r="V1645" s="10" t="s">
        <v>22</v>
      </c>
      <c r="W1645" s="10" t="s">
        <v>22</v>
      </c>
      <c r="X1645" s="10" t="s">
        <v>22</v>
      </c>
      <c r="Y1645" s="10" t="s">
        <v>22</v>
      </c>
      <c r="Z1645" s="10" t="s">
        <v>22</v>
      </c>
    </row>
    <row r="1646" spans="1:26" ht="24" customHeight="1" x14ac:dyDescent="0.2">
      <c r="A1646" s="9" t="s">
        <v>18902</v>
      </c>
      <c r="B1646" s="9" t="s">
        <v>14</v>
      </c>
      <c r="C1646" s="9" t="s">
        <v>7851</v>
      </c>
      <c r="D1646" s="6" t="s">
        <v>7852</v>
      </c>
      <c r="E1646" s="22">
        <v>44626</v>
      </c>
      <c r="F1646" s="22">
        <v>46451</v>
      </c>
      <c r="G1646" s="6" t="s">
        <v>7853</v>
      </c>
      <c r="H1646" s="6" t="s">
        <v>18</v>
      </c>
      <c r="I1646" s="6" t="s">
        <v>26</v>
      </c>
      <c r="J1646" s="6" t="s">
        <v>7854</v>
      </c>
      <c r="K1646" s="9" t="s">
        <v>7855</v>
      </c>
      <c r="L1646" s="10" t="s">
        <v>22</v>
      </c>
      <c r="M1646" s="10" t="s">
        <v>22</v>
      </c>
      <c r="N1646" s="10" t="s">
        <v>22</v>
      </c>
      <c r="O1646" s="10" t="s">
        <v>22</v>
      </c>
      <c r="P1646" s="10" t="s">
        <v>22</v>
      </c>
      <c r="Q1646" s="10" t="s">
        <v>22</v>
      </c>
      <c r="R1646" s="10" t="s">
        <v>22</v>
      </c>
      <c r="S1646" s="10" t="s">
        <v>22</v>
      </c>
      <c r="T1646" s="10" t="s">
        <v>22</v>
      </c>
      <c r="U1646" s="10" t="s">
        <v>22</v>
      </c>
      <c r="V1646" s="10" t="s">
        <v>22</v>
      </c>
      <c r="W1646" s="10" t="s">
        <v>22</v>
      </c>
      <c r="X1646" s="10" t="s">
        <v>22</v>
      </c>
      <c r="Y1646" s="10" t="s">
        <v>22</v>
      </c>
      <c r="Z1646" s="10" t="s">
        <v>22</v>
      </c>
    </row>
    <row r="1647" spans="1:26" ht="24" customHeight="1" x14ac:dyDescent="0.2">
      <c r="A1647" s="9" t="s">
        <v>18903</v>
      </c>
      <c r="B1647" s="9" t="s">
        <v>14</v>
      </c>
      <c r="C1647" s="9" t="s">
        <v>7856</v>
      </c>
      <c r="D1647" s="6" t="s">
        <v>5221</v>
      </c>
      <c r="E1647" s="22">
        <v>44626</v>
      </c>
      <c r="F1647" s="22">
        <v>46451</v>
      </c>
      <c r="G1647" s="6" t="s">
        <v>7857</v>
      </c>
      <c r="H1647" s="6" t="s">
        <v>62</v>
      </c>
      <c r="I1647" s="6" t="s">
        <v>236</v>
      </c>
      <c r="J1647" s="6" t="s">
        <v>7858</v>
      </c>
      <c r="K1647" s="9" t="s">
        <v>7859</v>
      </c>
      <c r="L1647" s="10" t="s">
        <v>22</v>
      </c>
      <c r="M1647" s="10" t="s">
        <v>22</v>
      </c>
      <c r="N1647" s="10" t="s">
        <v>22</v>
      </c>
      <c r="O1647" s="10" t="s">
        <v>22</v>
      </c>
      <c r="P1647" s="10" t="s">
        <v>22</v>
      </c>
      <c r="Q1647" s="10" t="s">
        <v>22</v>
      </c>
      <c r="R1647" s="10" t="s">
        <v>22</v>
      </c>
      <c r="S1647" s="10" t="s">
        <v>22</v>
      </c>
      <c r="T1647" s="10" t="s">
        <v>22</v>
      </c>
      <c r="U1647" s="10" t="s">
        <v>22</v>
      </c>
      <c r="V1647" s="10" t="s">
        <v>22</v>
      </c>
      <c r="W1647" s="10" t="s">
        <v>22</v>
      </c>
      <c r="X1647" s="10" t="s">
        <v>22</v>
      </c>
      <c r="Y1647" s="10" t="s">
        <v>22</v>
      </c>
      <c r="Z1647" s="10" t="s">
        <v>22</v>
      </c>
    </row>
    <row r="1648" spans="1:26" ht="24" customHeight="1" x14ac:dyDescent="0.2">
      <c r="A1648" s="9" t="s">
        <v>18904</v>
      </c>
      <c r="B1648" s="9" t="s">
        <v>14</v>
      </c>
      <c r="C1648" s="9" t="s">
        <v>7860</v>
      </c>
      <c r="D1648" s="6" t="s">
        <v>7861</v>
      </c>
      <c r="E1648" s="22">
        <v>44626</v>
      </c>
      <c r="F1648" s="22">
        <v>46451</v>
      </c>
      <c r="G1648" s="6" t="s">
        <v>7862</v>
      </c>
      <c r="H1648" s="6" t="s">
        <v>1625</v>
      </c>
      <c r="I1648" s="6" t="s">
        <v>3516</v>
      </c>
      <c r="J1648" s="6" t="s">
        <v>7863</v>
      </c>
      <c r="K1648" s="9" t="s">
        <v>7864</v>
      </c>
      <c r="L1648" s="10" t="s">
        <v>22</v>
      </c>
      <c r="M1648" s="10" t="s">
        <v>22</v>
      </c>
      <c r="N1648" s="10" t="s">
        <v>22</v>
      </c>
      <c r="O1648" s="10" t="s">
        <v>22</v>
      </c>
      <c r="P1648" s="10" t="s">
        <v>22</v>
      </c>
      <c r="Q1648" s="10" t="s">
        <v>22</v>
      </c>
      <c r="R1648" s="10" t="s">
        <v>22</v>
      </c>
      <c r="S1648" s="10" t="s">
        <v>22</v>
      </c>
      <c r="T1648" s="10" t="s">
        <v>22</v>
      </c>
      <c r="U1648" s="10" t="s">
        <v>22</v>
      </c>
      <c r="V1648" s="10" t="s">
        <v>22</v>
      </c>
      <c r="W1648" s="10" t="s">
        <v>22</v>
      </c>
      <c r="X1648" s="10" t="s">
        <v>22</v>
      </c>
      <c r="Y1648" s="10" t="s">
        <v>22</v>
      </c>
      <c r="Z1648" s="10" t="s">
        <v>22</v>
      </c>
    </row>
    <row r="1649" spans="1:26" ht="24" customHeight="1" x14ac:dyDescent="0.2">
      <c r="A1649" s="9" t="s">
        <v>18905</v>
      </c>
      <c r="B1649" s="9" t="s">
        <v>14</v>
      </c>
      <c r="C1649" s="9" t="s">
        <v>7865</v>
      </c>
      <c r="D1649" s="6" t="s">
        <v>7866</v>
      </c>
      <c r="E1649" s="22">
        <v>44626</v>
      </c>
      <c r="F1649" s="22">
        <v>46451</v>
      </c>
      <c r="G1649" s="6" t="s">
        <v>7866</v>
      </c>
      <c r="H1649" s="6" t="s">
        <v>18</v>
      </c>
      <c r="I1649" s="6" t="s">
        <v>19</v>
      </c>
      <c r="J1649" s="6" t="s">
        <v>7867</v>
      </c>
      <c r="K1649" s="9" t="s">
        <v>7868</v>
      </c>
      <c r="L1649" s="10" t="s">
        <v>22</v>
      </c>
      <c r="M1649" s="10" t="s">
        <v>22</v>
      </c>
      <c r="N1649" s="10" t="s">
        <v>22</v>
      </c>
      <c r="O1649" s="10" t="s">
        <v>22</v>
      </c>
      <c r="P1649" s="10" t="s">
        <v>22</v>
      </c>
      <c r="Q1649" s="10" t="s">
        <v>22</v>
      </c>
      <c r="R1649" s="10" t="s">
        <v>22</v>
      </c>
      <c r="S1649" s="10" t="s">
        <v>22</v>
      </c>
      <c r="T1649" s="10" t="s">
        <v>22</v>
      </c>
      <c r="U1649" s="10" t="s">
        <v>22</v>
      </c>
      <c r="V1649" s="10" t="s">
        <v>22</v>
      </c>
      <c r="W1649" s="10" t="s">
        <v>22</v>
      </c>
      <c r="X1649" s="10" t="s">
        <v>22</v>
      </c>
      <c r="Y1649" s="10" t="s">
        <v>22</v>
      </c>
      <c r="Z1649" s="10" t="s">
        <v>22</v>
      </c>
    </row>
    <row r="1650" spans="1:26" ht="24" customHeight="1" x14ac:dyDescent="0.2">
      <c r="A1650" s="9" t="s">
        <v>18906</v>
      </c>
      <c r="B1650" s="9" t="s">
        <v>14</v>
      </c>
      <c r="C1650" s="9" t="s">
        <v>7869</v>
      </c>
      <c r="D1650" s="6" t="s">
        <v>7870</v>
      </c>
      <c r="E1650" s="22">
        <v>44628</v>
      </c>
      <c r="F1650" s="22">
        <v>46453</v>
      </c>
      <c r="G1650" s="6" t="s">
        <v>7871</v>
      </c>
      <c r="H1650" s="6" t="s">
        <v>62</v>
      </c>
      <c r="I1650" s="6" t="s">
        <v>1433</v>
      </c>
      <c r="J1650" s="6" t="s">
        <v>7872</v>
      </c>
      <c r="L1650" s="10" t="s">
        <v>22</v>
      </c>
      <c r="M1650" s="10" t="s">
        <v>22</v>
      </c>
      <c r="N1650" s="10" t="s">
        <v>22</v>
      </c>
      <c r="O1650" s="10" t="s">
        <v>22</v>
      </c>
      <c r="P1650" s="10" t="s">
        <v>22</v>
      </c>
      <c r="Q1650" s="10" t="s">
        <v>22</v>
      </c>
      <c r="R1650" s="10" t="s">
        <v>22</v>
      </c>
      <c r="S1650" s="10" t="s">
        <v>22</v>
      </c>
      <c r="T1650" s="10" t="s">
        <v>22</v>
      </c>
      <c r="U1650" s="10" t="s">
        <v>22</v>
      </c>
      <c r="V1650" s="10" t="s">
        <v>22</v>
      </c>
      <c r="W1650" s="10" t="s">
        <v>22</v>
      </c>
      <c r="X1650" s="10" t="s">
        <v>22</v>
      </c>
      <c r="Y1650" s="10" t="s">
        <v>22</v>
      </c>
      <c r="Z1650" s="10" t="s">
        <v>22</v>
      </c>
    </row>
    <row r="1651" spans="1:26" ht="24" customHeight="1" x14ac:dyDescent="0.2">
      <c r="A1651" s="9" t="s">
        <v>18907</v>
      </c>
      <c r="B1651" s="9" t="s">
        <v>14</v>
      </c>
      <c r="C1651" s="9" t="s">
        <v>7873</v>
      </c>
      <c r="D1651" s="6" t="s">
        <v>7874</v>
      </c>
      <c r="E1651" s="22">
        <v>44628</v>
      </c>
      <c r="F1651" s="22">
        <v>46453</v>
      </c>
      <c r="G1651" s="6" t="s">
        <v>7875</v>
      </c>
      <c r="H1651" s="6" t="s">
        <v>202</v>
      </c>
      <c r="I1651" s="6" t="s">
        <v>3799</v>
      </c>
      <c r="J1651" s="6" t="s">
        <v>7876</v>
      </c>
      <c r="K1651" s="9" t="s">
        <v>7877</v>
      </c>
      <c r="O1651" s="10" t="s">
        <v>22</v>
      </c>
      <c r="P1651" s="10" t="s">
        <v>22</v>
      </c>
      <c r="Q1651" s="10" t="s">
        <v>22</v>
      </c>
      <c r="Y1651" s="10" t="s">
        <v>22</v>
      </c>
      <c r="Z1651" s="10" t="s">
        <v>22</v>
      </c>
    </row>
    <row r="1652" spans="1:26" ht="24" customHeight="1" x14ac:dyDescent="0.2">
      <c r="A1652" s="9" t="s">
        <v>18908</v>
      </c>
      <c r="B1652" s="9" t="s">
        <v>14</v>
      </c>
      <c r="C1652" s="9" t="s">
        <v>7878</v>
      </c>
      <c r="D1652" s="6" t="s">
        <v>7879</v>
      </c>
      <c r="E1652" s="22">
        <v>44630</v>
      </c>
      <c r="F1652" s="22">
        <v>46455</v>
      </c>
      <c r="G1652" s="6" t="s">
        <v>7880</v>
      </c>
      <c r="H1652" s="6" t="s">
        <v>2368</v>
      </c>
      <c r="I1652" s="6" t="s">
        <v>7881</v>
      </c>
      <c r="J1652" s="6" t="s">
        <v>7882</v>
      </c>
      <c r="K1652" s="9" t="s">
        <v>7883</v>
      </c>
      <c r="L1652" s="10" t="s">
        <v>22</v>
      </c>
      <c r="M1652" s="10" t="s">
        <v>22</v>
      </c>
      <c r="N1652" s="10" t="s">
        <v>22</v>
      </c>
      <c r="O1652" s="10" t="s">
        <v>22</v>
      </c>
      <c r="P1652" s="10" t="s">
        <v>22</v>
      </c>
      <c r="Q1652" s="10" t="s">
        <v>22</v>
      </c>
      <c r="R1652" s="10" t="s">
        <v>22</v>
      </c>
      <c r="S1652" s="10" t="s">
        <v>22</v>
      </c>
      <c r="T1652" s="10" t="s">
        <v>22</v>
      </c>
    </row>
    <row r="1653" spans="1:26" ht="24" customHeight="1" x14ac:dyDescent="0.2">
      <c r="A1653" s="9" t="s">
        <v>18909</v>
      </c>
      <c r="B1653" s="9" t="s">
        <v>14</v>
      </c>
      <c r="C1653" s="9" t="s">
        <v>7884</v>
      </c>
      <c r="D1653" s="6" t="s">
        <v>7885</v>
      </c>
      <c r="E1653" s="22">
        <v>44628</v>
      </c>
      <c r="F1653" s="22">
        <v>46453</v>
      </c>
      <c r="G1653" s="6" t="s">
        <v>7886</v>
      </c>
      <c r="H1653" s="6" t="s">
        <v>18</v>
      </c>
      <c r="I1653" s="6" t="s">
        <v>19</v>
      </c>
      <c r="J1653" s="6" t="s">
        <v>7887</v>
      </c>
      <c r="L1653" s="10" t="s">
        <v>22</v>
      </c>
      <c r="M1653" s="10" t="s">
        <v>22</v>
      </c>
      <c r="N1653" s="10" t="s">
        <v>22</v>
      </c>
      <c r="O1653" s="10" t="s">
        <v>22</v>
      </c>
      <c r="P1653" s="10" t="s">
        <v>22</v>
      </c>
      <c r="Q1653" s="10" t="s">
        <v>22</v>
      </c>
      <c r="U1653" s="10" t="s">
        <v>22</v>
      </c>
      <c r="V1653" s="10" t="s">
        <v>22</v>
      </c>
      <c r="W1653" s="10" t="s">
        <v>22</v>
      </c>
      <c r="X1653" s="10" t="s">
        <v>22</v>
      </c>
      <c r="Y1653" s="10" t="s">
        <v>22</v>
      </c>
      <c r="Z1653" s="10" t="s">
        <v>22</v>
      </c>
    </row>
    <row r="1654" spans="1:26" ht="24" customHeight="1" x14ac:dyDescent="0.2">
      <c r="A1654" s="9" t="s">
        <v>18910</v>
      </c>
      <c r="B1654" s="9" t="s">
        <v>14</v>
      </c>
      <c r="C1654" s="9" t="s">
        <v>7888</v>
      </c>
      <c r="D1654" s="6" t="s">
        <v>7889</v>
      </c>
      <c r="E1654" s="22">
        <v>44630</v>
      </c>
      <c r="F1654" s="22">
        <v>46455</v>
      </c>
      <c r="G1654" s="6" t="s">
        <v>7890</v>
      </c>
      <c r="H1654" s="6" t="s">
        <v>18</v>
      </c>
      <c r="I1654" s="6" t="s">
        <v>26</v>
      </c>
      <c r="J1654" s="6" t="s">
        <v>7891</v>
      </c>
      <c r="K1654" s="9" t="s">
        <v>7892</v>
      </c>
      <c r="L1654" s="10" t="s">
        <v>22</v>
      </c>
      <c r="M1654" s="10" t="s">
        <v>22</v>
      </c>
      <c r="N1654" s="10" t="s">
        <v>22</v>
      </c>
      <c r="O1654" s="10" t="s">
        <v>22</v>
      </c>
      <c r="P1654" s="10" t="s">
        <v>22</v>
      </c>
      <c r="Q1654" s="10" t="s">
        <v>22</v>
      </c>
      <c r="U1654" s="10" t="s">
        <v>22</v>
      </c>
      <c r="V1654" s="10" t="s">
        <v>22</v>
      </c>
      <c r="W1654" s="10" t="s">
        <v>22</v>
      </c>
      <c r="X1654" s="10" t="s">
        <v>22</v>
      </c>
      <c r="Y1654" s="10" t="s">
        <v>22</v>
      </c>
      <c r="Z1654" s="10" t="s">
        <v>22</v>
      </c>
    </row>
    <row r="1655" spans="1:26" ht="24" customHeight="1" x14ac:dyDescent="0.2">
      <c r="A1655" s="9" t="s">
        <v>18911</v>
      </c>
      <c r="B1655" s="9" t="s">
        <v>14</v>
      </c>
      <c r="C1655" s="9" t="s">
        <v>7893</v>
      </c>
      <c r="D1655" s="6" t="s">
        <v>7894</v>
      </c>
      <c r="E1655" s="22">
        <v>44635</v>
      </c>
      <c r="F1655" s="22">
        <v>46460</v>
      </c>
      <c r="G1655" s="6" t="s">
        <v>7895</v>
      </c>
      <c r="H1655" s="6" t="s">
        <v>229</v>
      </c>
      <c r="I1655" s="6" t="s">
        <v>3094</v>
      </c>
      <c r="J1655" s="6" t="s">
        <v>7896</v>
      </c>
      <c r="K1655" s="9" t="s">
        <v>7897</v>
      </c>
      <c r="L1655" s="10" t="s">
        <v>22</v>
      </c>
      <c r="M1655" s="10" t="s">
        <v>22</v>
      </c>
      <c r="N1655" s="10" t="s">
        <v>22</v>
      </c>
      <c r="O1655" s="10" t="s">
        <v>22</v>
      </c>
      <c r="P1655" s="10" t="s">
        <v>22</v>
      </c>
      <c r="Q1655" s="10" t="s">
        <v>22</v>
      </c>
      <c r="U1655" s="10" t="s">
        <v>22</v>
      </c>
      <c r="V1655" s="10" t="s">
        <v>22</v>
      </c>
      <c r="W1655" s="10" t="s">
        <v>22</v>
      </c>
      <c r="X1655" s="10" t="s">
        <v>22</v>
      </c>
      <c r="Y1655" s="10" t="s">
        <v>22</v>
      </c>
      <c r="Z1655" s="10" t="s">
        <v>22</v>
      </c>
    </row>
    <row r="1656" spans="1:26" ht="24" customHeight="1" x14ac:dyDescent="0.2">
      <c r="A1656" s="9" t="s">
        <v>18912</v>
      </c>
      <c r="B1656" s="9" t="s">
        <v>14</v>
      </c>
      <c r="C1656" s="9" t="s">
        <v>7898</v>
      </c>
      <c r="D1656" s="6" t="s">
        <v>7899</v>
      </c>
      <c r="E1656" s="22">
        <v>44635</v>
      </c>
      <c r="F1656" s="22">
        <v>46460</v>
      </c>
      <c r="G1656" s="6" t="s">
        <v>7900</v>
      </c>
      <c r="H1656" s="6" t="s">
        <v>62</v>
      </c>
      <c r="I1656" s="6" t="s">
        <v>591</v>
      </c>
      <c r="J1656" s="6" t="s">
        <v>7901</v>
      </c>
      <c r="K1656" s="9" t="s">
        <v>7902</v>
      </c>
      <c r="L1656" s="10" t="s">
        <v>22</v>
      </c>
      <c r="M1656" s="10" t="s">
        <v>22</v>
      </c>
      <c r="N1656" s="10" t="s">
        <v>22</v>
      </c>
      <c r="O1656" s="10" t="s">
        <v>22</v>
      </c>
      <c r="P1656" s="10" t="s">
        <v>22</v>
      </c>
      <c r="Q1656" s="10" t="s">
        <v>22</v>
      </c>
      <c r="R1656" s="10" t="s">
        <v>22</v>
      </c>
      <c r="S1656" s="10" t="s">
        <v>22</v>
      </c>
      <c r="T1656" s="10" t="s">
        <v>22</v>
      </c>
      <c r="U1656" s="10" t="s">
        <v>22</v>
      </c>
      <c r="V1656" s="10" t="s">
        <v>22</v>
      </c>
      <c r="W1656" s="10" t="s">
        <v>22</v>
      </c>
      <c r="X1656" s="10" t="s">
        <v>22</v>
      </c>
      <c r="Y1656" s="10" t="s">
        <v>22</v>
      </c>
      <c r="Z1656" s="10" t="s">
        <v>22</v>
      </c>
    </row>
    <row r="1657" spans="1:26" ht="24" customHeight="1" x14ac:dyDescent="0.2">
      <c r="A1657" s="9" t="s">
        <v>18913</v>
      </c>
      <c r="B1657" s="9" t="s">
        <v>14</v>
      </c>
      <c r="C1657" s="9" t="s">
        <v>7903</v>
      </c>
      <c r="D1657" s="6" t="s">
        <v>7904</v>
      </c>
      <c r="E1657" s="22">
        <v>44635</v>
      </c>
      <c r="F1657" s="22">
        <v>46460</v>
      </c>
      <c r="G1657" s="6" t="s">
        <v>7905</v>
      </c>
      <c r="H1657" s="6" t="s">
        <v>18</v>
      </c>
      <c r="I1657" s="6" t="s">
        <v>19</v>
      </c>
      <c r="J1657" s="6" t="s">
        <v>7906</v>
      </c>
      <c r="K1657" s="9" t="s">
        <v>7907</v>
      </c>
      <c r="L1657" s="10" t="s">
        <v>22</v>
      </c>
      <c r="M1657" s="10" t="s">
        <v>22</v>
      </c>
      <c r="N1657" s="10" t="s">
        <v>22</v>
      </c>
      <c r="V1657" s="10" t="s">
        <v>22</v>
      </c>
      <c r="W1657" s="10" t="s">
        <v>22</v>
      </c>
    </row>
    <row r="1658" spans="1:26" ht="24" customHeight="1" x14ac:dyDescent="0.2">
      <c r="A1658" s="9" t="s">
        <v>18914</v>
      </c>
      <c r="B1658" s="9" t="s">
        <v>14</v>
      </c>
      <c r="C1658" s="9" t="s">
        <v>7908</v>
      </c>
      <c r="D1658" s="6" t="s">
        <v>7909</v>
      </c>
      <c r="E1658" s="22">
        <v>44641</v>
      </c>
      <c r="F1658" s="22">
        <v>46466</v>
      </c>
      <c r="G1658" s="6" t="s">
        <v>7910</v>
      </c>
      <c r="H1658" s="6" t="s">
        <v>18</v>
      </c>
      <c r="I1658" s="6" t="s">
        <v>19</v>
      </c>
      <c r="J1658" s="6" t="s">
        <v>7911</v>
      </c>
      <c r="K1658" s="9" t="s">
        <v>7912</v>
      </c>
      <c r="L1658" s="10" t="s">
        <v>22</v>
      </c>
      <c r="M1658" s="10" t="s">
        <v>22</v>
      </c>
      <c r="N1658" s="10" t="s">
        <v>22</v>
      </c>
      <c r="O1658" s="10" t="s">
        <v>22</v>
      </c>
      <c r="P1658" s="10" t="s">
        <v>22</v>
      </c>
      <c r="Q1658" s="10" t="s">
        <v>22</v>
      </c>
      <c r="U1658" s="10" t="s">
        <v>22</v>
      </c>
      <c r="V1658" s="10" t="s">
        <v>22</v>
      </c>
      <c r="W1658" s="10" t="s">
        <v>22</v>
      </c>
      <c r="X1658" s="10" t="s">
        <v>22</v>
      </c>
      <c r="Y1658" s="10" t="s">
        <v>22</v>
      </c>
      <c r="Z1658" s="10" t="s">
        <v>22</v>
      </c>
    </row>
    <row r="1659" spans="1:26" ht="24" customHeight="1" x14ac:dyDescent="0.2">
      <c r="A1659" s="9" t="s">
        <v>18915</v>
      </c>
      <c r="B1659" s="9" t="s">
        <v>14</v>
      </c>
      <c r="C1659" s="9" t="s">
        <v>7913</v>
      </c>
      <c r="D1659" s="6" t="s">
        <v>7914</v>
      </c>
      <c r="E1659" s="22">
        <v>44641</v>
      </c>
      <c r="F1659" s="22">
        <v>46466</v>
      </c>
      <c r="G1659" s="6" t="s">
        <v>7915</v>
      </c>
      <c r="H1659" s="6" t="s">
        <v>229</v>
      </c>
      <c r="I1659" s="6" t="s">
        <v>324</v>
      </c>
      <c r="J1659" s="6" t="s">
        <v>7916</v>
      </c>
      <c r="K1659" s="9" t="s">
        <v>7917</v>
      </c>
      <c r="L1659" s="10" t="s">
        <v>22</v>
      </c>
      <c r="M1659" s="10" t="s">
        <v>22</v>
      </c>
      <c r="N1659" s="10" t="s">
        <v>22</v>
      </c>
      <c r="O1659" s="10" t="s">
        <v>22</v>
      </c>
      <c r="P1659" s="10" t="s">
        <v>22</v>
      </c>
      <c r="Q1659" s="10" t="s">
        <v>22</v>
      </c>
      <c r="R1659" s="10" t="s">
        <v>22</v>
      </c>
      <c r="S1659" s="10" t="s">
        <v>22</v>
      </c>
      <c r="T1659" s="10" t="s">
        <v>22</v>
      </c>
      <c r="U1659" s="10" t="s">
        <v>22</v>
      </c>
      <c r="V1659" s="10" t="s">
        <v>22</v>
      </c>
      <c r="W1659" s="10" t="s">
        <v>22</v>
      </c>
      <c r="X1659" s="10" t="s">
        <v>22</v>
      </c>
      <c r="Y1659" s="10" t="s">
        <v>22</v>
      </c>
      <c r="Z1659" s="10" t="s">
        <v>22</v>
      </c>
    </row>
    <row r="1660" spans="1:26" ht="24" customHeight="1" x14ac:dyDescent="0.2">
      <c r="A1660" s="9" t="s">
        <v>18916</v>
      </c>
      <c r="B1660" s="9" t="s">
        <v>14</v>
      </c>
      <c r="C1660" s="9" t="s">
        <v>7918</v>
      </c>
      <c r="D1660" s="6" t="s">
        <v>7919</v>
      </c>
      <c r="E1660" s="22">
        <v>44641</v>
      </c>
      <c r="F1660" s="22">
        <v>46466</v>
      </c>
      <c r="G1660" s="6" t="s">
        <v>7920</v>
      </c>
      <c r="H1660" s="6" t="s">
        <v>62</v>
      </c>
      <c r="I1660" s="6" t="s">
        <v>994</v>
      </c>
      <c r="J1660" s="6" t="s">
        <v>7921</v>
      </c>
      <c r="K1660" s="9" t="s">
        <v>7922</v>
      </c>
      <c r="L1660" s="10" t="s">
        <v>22</v>
      </c>
      <c r="M1660" s="10" t="s">
        <v>22</v>
      </c>
      <c r="N1660" s="10" t="s">
        <v>22</v>
      </c>
      <c r="O1660" s="10" t="s">
        <v>22</v>
      </c>
      <c r="P1660" s="10" t="s">
        <v>22</v>
      </c>
      <c r="Q1660" s="10" t="s">
        <v>22</v>
      </c>
      <c r="V1660" s="10" t="s">
        <v>22</v>
      </c>
      <c r="W1660" s="10" t="s">
        <v>22</v>
      </c>
      <c r="Y1660" s="10" t="s">
        <v>22</v>
      </c>
      <c r="Z1660" s="10" t="s">
        <v>22</v>
      </c>
    </row>
    <row r="1661" spans="1:26" ht="24" customHeight="1" x14ac:dyDescent="0.2">
      <c r="A1661" s="9" t="s">
        <v>18917</v>
      </c>
      <c r="B1661" s="9" t="s">
        <v>14</v>
      </c>
      <c r="C1661" s="9" t="s">
        <v>7923</v>
      </c>
      <c r="D1661" s="6" t="s">
        <v>7924</v>
      </c>
      <c r="E1661" s="22">
        <v>44647</v>
      </c>
      <c r="F1661" s="22">
        <v>46472</v>
      </c>
      <c r="G1661" s="6" t="s">
        <v>7925</v>
      </c>
      <c r="H1661" s="6" t="s">
        <v>62</v>
      </c>
      <c r="I1661" s="6" t="s">
        <v>318</v>
      </c>
      <c r="J1661" s="6" t="s">
        <v>7926</v>
      </c>
      <c r="K1661" s="9" t="s">
        <v>7927</v>
      </c>
      <c r="L1661" s="10" t="s">
        <v>22</v>
      </c>
      <c r="M1661" s="10" t="s">
        <v>22</v>
      </c>
      <c r="N1661" s="10" t="s">
        <v>22</v>
      </c>
      <c r="O1661" s="10" t="s">
        <v>22</v>
      </c>
      <c r="P1661" s="10" t="s">
        <v>22</v>
      </c>
      <c r="Q1661" s="10" t="s">
        <v>22</v>
      </c>
      <c r="R1661" s="10" t="s">
        <v>22</v>
      </c>
      <c r="S1661" s="10" t="s">
        <v>22</v>
      </c>
      <c r="T1661" s="10" t="s">
        <v>22</v>
      </c>
      <c r="U1661" s="10" t="s">
        <v>22</v>
      </c>
      <c r="V1661" s="10" t="s">
        <v>22</v>
      </c>
      <c r="W1661" s="10" t="s">
        <v>22</v>
      </c>
      <c r="X1661" s="10" t="s">
        <v>22</v>
      </c>
      <c r="Y1661" s="10" t="s">
        <v>22</v>
      </c>
      <c r="Z1661" s="10" t="s">
        <v>22</v>
      </c>
    </row>
    <row r="1662" spans="1:26" ht="24" customHeight="1" x14ac:dyDescent="0.2">
      <c r="A1662" s="9" t="s">
        <v>18918</v>
      </c>
      <c r="B1662" s="9" t="s">
        <v>14</v>
      </c>
      <c r="C1662" s="9" t="s">
        <v>7928</v>
      </c>
      <c r="D1662" s="6" t="s">
        <v>7929</v>
      </c>
      <c r="E1662" s="22">
        <v>44647</v>
      </c>
      <c r="F1662" s="22">
        <v>46472</v>
      </c>
      <c r="G1662" s="6" t="s">
        <v>7930</v>
      </c>
      <c r="H1662" s="6" t="s">
        <v>62</v>
      </c>
      <c r="I1662" s="6" t="s">
        <v>306</v>
      </c>
      <c r="J1662" s="6" t="s">
        <v>7931</v>
      </c>
      <c r="K1662" s="9" t="s">
        <v>7932</v>
      </c>
      <c r="L1662" s="10" t="s">
        <v>22</v>
      </c>
      <c r="M1662" s="10" t="s">
        <v>22</v>
      </c>
      <c r="N1662" s="10" t="s">
        <v>22</v>
      </c>
      <c r="O1662" s="10" t="s">
        <v>22</v>
      </c>
      <c r="P1662" s="10" t="s">
        <v>22</v>
      </c>
      <c r="Q1662" s="10" t="s">
        <v>22</v>
      </c>
      <c r="R1662" s="10" t="s">
        <v>22</v>
      </c>
      <c r="S1662" s="10" t="s">
        <v>22</v>
      </c>
      <c r="T1662" s="10" t="s">
        <v>22</v>
      </c>
      <c r="U1662" s="10" t="s">
        <v>22</v>
      </c>
      <c r="V1662" s="10" t="s">
        <v>22</v>
      </c>
      <c r="W1662" s="10" t="s">
        <v>22</v>
      </c>
      <c r="X1662" s="10" t="s">
        <v>22</v>
      </c>
      <c r="Y1662" s="10" t="s">
        <v>22</v>
      </c>
      <c r="Z1662" s="10" t="s">
        <v>22</v>
      </c>
    </row>
    <row r="1663" spans="1:26" ht="24" customHeight="1" x14ac:dyDescent="0.2">
      <c r="A1663" s="9" t="s">
        <v>18919</v>
      </c>
      <c r="B1663" s="9" t="s">
        <v>14</v>
      </c>
      <c r="C1663" s="9" t="s">
        <v>7933</v>
      </c>
      <c r="D1663" s="6" t="s">
        <v>7934</v>
      </c>
      <c r="E1663" s="22">
        <v>44647</v>
      </c>
      <c r="F1663" s="22">
        <v>46472</v>
      </c>
      <c r="G1663" s="6" t="s">
        <v>7935</v>
      </c>
      <c r="H1663" s="6" t="s">
        <v>18</v>
      </c>
      <c r="I1663" s="6" t="s">
        <v>26</v>
      </c>
      <c r="J1663" s="6" t="s">
        <v>7936</v>
      </c>
      <c r="K1663" s="9" t="s">
        <v>7937</v>
      </c>
      <c r="L1663" s="10" t="s">
        <v>22</v>
      </c>
      <c r="M1663" s="10" t="s">
        <v>22</v>
      </c>
      <c r="N1663" s="10" t="s">
        <v>22</v>
      </c>
      <c r="O1663" s="10" t="s">
        <v>22</v>
      </c>
      <c r="P1663" s="10" t="s">
        <v>22</v>
      </c>
      <c r="Q1663" s="10" t="s">
        <v>22</v>
      </c>
      <c r="U1663" s="10" t="s">
        <v>22</v>
      </c>
      <c r="V1663" s="10" t="s">
        <v>22</v>
      </c>
      <c r="W1663" s="10" t="s">
        <v>22</v>
      </c>
      <c r="X1663" s="10" t="s">
        <v>22</v>
      </c>
      <c r="Y1663" s="10" t="s">
        <v>22</v>
      </c>
      <c r="Z1663" s="10" t="s">
        <v>22</v>
      </c>
    </row>
    <row r="1664" spans="1:26" ht="24" customHeight="1" x14ac:dyDescent="0.2">
      <c r="A1664" s="9" t="s">
        <v>18920</v>
      </c>
      <c r="B1664" s="9" t="s">
        <v>14</v>
      </c>
      <c r="C1664" s="9" t="s">
        <v>7938</v>
      </c>
      <c r="D1664" s="6" t="s">
        <v>7939</v>
      </c>
      <c r="E1664" s="22">
        <v>44647</v>
      </c>
      <c r="F1664" s="22">
        <v>46472</v>
      </c>
      <c r="G1664" s="6" t="s">
        <v>7940</v>
      </c>
      <c r="H1664" s="6" t="s">
        <v>62</v>
      </c>
      <c r="I1664" s="6" t="s">
        <v>493</v>
      </c>
      <c r="J1664" s="6" t="s">
        <v>7941</v>
      </c>
      <c r="K1664" s="9" t="s">
        <v>7942</v>
      </c>
      <c r="L1664" s="10" t="s">
        <v>22</v>
      </c>
      <c r="M1664" s="10" t="s">
        <v>22</v>
      </c>
      <c r="N1664" s="10" t="s">
        <v>22</v>
      </c>
      <c r="O1664" s="10" t="s">
        <v>22</v>
      </c>
      <c r="P1664" s="10" t="s">
        <v>22</v>
      </c>
      <c r="Q1664" s="10" t="s">
        <v>22</v>
      </c>
      <c r="V1664" s="10" t="s">
        <v>22</v>
      </c>
      <c r="W1664" s="10" t="s">
        <v>22</v>
      </c>
      <c r="Y1664" s="10" t="s">
        <v>22</v>
      </c>
      <c r="Z1664" s="10" t="s">
        <v>22</v>
      </c>
    </row>
    <row r="1665" spans="1:26" ht="24" customHeight="1" x14ac:dyDescent="0.2">
      <c r="A1665" s="9" t="s">
        <v>18921</v>
      </c>
      <c r="B1665" s="9" t="s">
        <v>14</v>
      </c>
      <c r="C1665" s="9" t="s">
        <v>7943</v>
      </c>
      <c r="D1665" s="6" t="s">
        <v>7944</v>
      </c>
      <c r="E1665" s="22">
        <v>44655</v>
      </c>
      <c r="F1665" s="22">
        <v>46480</v>
      </c>
      <c r="G1665" s="6" t="s">
        <v>7945</v>
      </c>
      <c r="H1665" s="6" t="s">
        <v>5720</v>
      </c>
      <c r="I1665" s="6" t="s">
        <v>5721</v>
      </c>
      <c r="J1665" s="6" t="s">
        <v>7946</v>
      </c>
      <c r="K1665" s="9" t="s">
        <v>7947</v>
      </c>
      <c r="L1665" s="10" t="s">
        <v>22</v>
      </c>
      <c r="M1665" s="10" t="s">
        <v>22</v>
      </c>
      <c r="N1665" s="10" t="s">
        <v>22</v>
      </c>
      <c r="O1665" s="10" t="s">
        <v>22</v>
      </c>
      <c r="P1665" s="10" t="s">
        <v>22</v>
      </c>
      <c r="Q1665" s="10" t="s">
        <v>22</v>
      </c>
      <c r="R1665" s="10" t="s">
        <v>22</v>
      </c>
      <c r="S1665" s="10" t="s">
        <v>22</v>
      </c>
      <c r="T1665" s="10" t="s">
        <v>22</v>
      </c>
      <c r="U1665" s="10" t="s">
        <v>22</v>
      </c>
      <c r="V1665" s="10" t="s">
        <v>22</v>
      </c>
      <c r="W1665" s="10" t="s">
        <v>22</v>
      </c>
      <c r="X1665" s="10" t="s">
        <v>22</v>
      </c>
      <c r="Y1665" s="10" t="s">
        <v>22</v>
      </c>
      <c r="Z1665" s="10" t="s">
        <v>22</v>
      </c>
    </row>
    <row r="1666" spans="1:26" ht="24" customHeight="1" x14ac:dyDescent="0.2">
      <c r="A1666" s="9" t="s">
        <v>18922</v>
      </c>
      <c r="B1666" s="9" t="s">
        <v>14</v>
      </c>
      <c r="C1666" s="9" t="s">
        <v>7948</v>
      </c>
      <c r="D1666" s="6" t="s">
        <v>7949</v>
      </c>
      <c r="E1666" s="22">
        <v>44655</v>
      </c>
      <c r="F1666" s="22">
        <v>46480</v>
      </c>
      <c r="G1666" s="6" t="s">
        <v>7950</v>
      </c>
      <c r="H1666" s="6" t="s">
        <v>62</v>
      </c>
      <c r="I1666" s="6" t="s">
        <v>252</v>
      </c>
      <c r="J1666" s="6" t="s">
        <v>7951</v>
      </c>
      <c r="K1666" s="9" t="s">
        <v>7952</v>
      </c>
      <c r="L1666" s="10" t="s">
        <v>22</v>
      </c>
      <c r="M1666" s="10" t="s">
        <v>22</v>
      </c>
      <c r="N1666" s="10" t="s">
        <v>22</v>
      </c>
      <c r="O1666" s="10" t="s">
        <v>22</v>
      </c>
      <c r="P1666" s="10" t="s">
        <v>22</v>
      </c>
      <c r="Q1666" s="10" t="s">
        <v>22</v>
      </c>
      <c r="R1666" s="10" t="s">
        <v>22</v>
      </c>
      <c r="S1666" s="10" t="s">
        <v>22</v>
      </c>
      <c r="T1666" s="10" t="s">
        <v>22</v>
      </c>
      <c r="U1666" s="10" t="s">
        <v>22</v>
      </c>
      <c r="V1666" s="10" t="s">
        <v>22</v>
      </c>
      <c r="W1666" s="10" t="s">
        <v>22</v>
      </c>
      <c r="X1666" s="10" t="s">
        <v>22</v>
      </c>
      <c r="Y1666" s="10" t="s">
        <v>22</v>
      </c>
      <c r="Z1666" s="10" t="s">
        <v>22</v>
      </c>
    </row>
    <row r="1667" spans="1:26" ht="24" customHeight="1" x14ac:dyDescent="0.2">
      <c r="A1667" s="9" t="s">
        <v>18923</v>
      </c>
      <c r="B1667" s="9" t="s">
        <v>14</v>
      </c>
      <c r="C1667" s="9" t="s">
        <v>7953</v>
      </c>
      <c r="D1667" s="6" t="s">
        <v>7954</v>
      </c>
      <c r="E1667" s="22">
        <v>44655</v>
      </c>
      <c r="F1667" s="22">
        <v>46480</v>
      </c>
      <c r="G1667" s="6" t="s">
        <v>7955</v>
      </c>
      <c r="H1667" s="6" t="s">
        <v>62</v>
      </c>
      <c r="I1667" s="6" t="s">
        <v>2705</v>
      </c>
      <c r="J1667" s="6" t="s">
        <v>7956</v>
      </c>
      <c r="K1667" s="9" t="s">
        <v>7957</v>
      </c>
      <c r="L1667" s="10" t="s">
        <v>22</v>
      </c>
      <c r="M1667" s="10" t="s">
        <v>22</v>
      </c>
      <c r="N1667" s="10" t="s">
        <v>22</v>
      </c>
      <c r="O1667" s="10" t="s">
        <v>22</v>
      </c>
      <c r="P1667" s="10" t="s">
        <v>22</v>
      </c>
      <c r="Q1667" s="10" t="s">
        <v>22</v>
      </c>
      <c r="R1667" s="10" t="s">
        <v>22</v>
      </c>
      <c r="S1667" s="10" t="s">
        <v>22</v>
      </c>
      <c r="T1667" s="10" t="s">
        <v>22</v>
      </c>
      <c r="U1667" s="10" t="s">
        <v>22</v>
      </c>
      <c r="V1667" s="10" t="s">
        <v>22</v>
      </c>
      <c r="W1667" s="10" t="s">
        <v>22</v>
      </c>
      <c r="X1667" s="10" t="s">
        <v>22</v>
      </c>
      <c r="Y1667" s="10" t="s">
        <v>22</v>
      </c>
      <c r="Z1667" s="10" t="s">
        <v>22</v>
      </c>
    </row>
    <row r="1668" spans="1:26" ht="24" customHeight="1" x14ac:dyDescent="0.2">
      <c r="A1668" s="9" t="s">
        <v>18924</v>
      </c>
      <c r="B1668" s="9" t="s">
        <v>14</v>
      </c>
      <c r="C1668" s="9" t="s">
        <v>7958</v>
      </c>
      <c r="D1668" s="6" t="s">
        <v>7959</v>
      </c>
      <c r="E1668" s="22">
        <v>44655</v>
      </c>
      <c r="F1668" s="22">
        <v>46480</v>
      </c>
      <c r="G1668" s="6" t="s">
        <v>7960</v>
      </c>
      <c r="H1668" s="6" t="s">
        <v>62</v>
      </c>
      <c r="I1668" s="6" t="s">
        <v>258</v>
      </c>
      <c r="J1668" s="6" t="s">
        <v>7961</v>
      </c>
      <c r="K1668" s="9" t="s">
        <v>7962</v>
      </c>
      <c r="L1668" s="10" t="s">
        <v>22</v>
      </c>
      <c r="M1668" s="10" t="s">
        <v>22</v>
      </c>
      <c r="N1668" s="10" t="s">
        <v>22</v>
      </c>
      <c r="O1668" s="10" t="s">
        <v>22</v>
      </c>
      <c r="P1668" s="10" t="s">
        <v>22</v>
      </c>
      <c r="Q1668" s="10" t="s">
        <v>22</v>
      </c>
      <c r="R1668" s="10" t="s">
        <v>22</v>
      </c>
      <c r="S1668" s="10" t="s">
        <v>22</v>
      </c>
      <c r="T1668" s="10" t="s">
        <v>22</v>
      </c>
      <c r="U1668" s="10" t="s">
        <v>22</v>
      </c>
      <c r="V1668" s="10" t="s">
        <v>22</v>
      </c>
      <c r="W1668" s="10" t="s">
        <v>22</v>
      </c>
      <c r="X1668" s="10" t="s">
        <v>22</v>
      </c>
      <c r="Y1668" s="10" t="s">
        <v>22</v>
      </c>
      <c r="Z1668" s="10" t="s">
        <v>22</v>
      </c>
    </row>
    <row r="1669" spans="1:26" ht="24" customHeight="1" x14ac:dyDescent="0.2">
      <c r="A1669" s="9" t="s">
        <v>18925</v>
      </c>
      <c r="B1669" s="9" t="s">
        <v>14</v>
      </c>
      <c r="C1669" s="9" t="s">
        <v>7963</v>
      </c>
      <c r="D1669" s="6" t="s">
        <v>7964</v>
      </c>
      <c r="E1669" s="22">
        <v>44655</v>
      </c>
      <c r="F1669" s="22">
        <v>46480</v>
      </c>
      <c r="G1669" s="6" t="s">
        <v>7965</v>
      </c>
      <c r="H1669" s="6" t="s">
        <v>18</v>
      </c>
      <c r="I1669" s="6" t="s">
        <v>26</v>
      </c>
      <c r="J1669" s="6" t="s">
        <v>7966</v>
      </c>
      <c r="K1669" s="9" t="s">
        <v>7967</v>
      </c>
      <c r="L1669" s="10" t="s">
        <v>22</v>
      </c>
      <c r="M1669" s="10" t="s">
        <v>22</v>
      </c>
      <c r="N1669" s="10" t="s">
        <v>22</v>
      </c>
      <c r="O1669" s="10" t="s">
        <v>22</v>
      </c>
      <c r="P1669" s="10" t="s">
        <v>22</v>
      </c>
      <c r="Q1669" s="10" t="s">
        <v>22</v>
      </c>
      <c r="R1669" s="10" t="s">
        <v>22</v>
      </c>
      <c r="S1669" s="10" t="s">
        <v>22</v>
      </c>
      <c r="T1669" s="10" t="s">
        <v>22</v>
      </c>
      <c r="U1669" s="10" t="s">
        <v>22</v>
      </c>
      <c r="V1669" s="10" t="s">
        <v>22</v>
      </c>
      <c r="W1669" s="10" t="s">
        <v>22</v>
      </c>
      <c r="X1669" s="10" t="s">
        <v>22</v>
      </c>
      <c r="Y1669" s="10" t="s">
        <v>22</v>
      </c>
      <c r="Z1669" s="10" t="s">
        <v>22</v>
      </c>
    </row>
    <row r="1670" spans="1:26" ht="24" customHeight="1" x14ac:dyDescent="0.2">
      <c r="A1670" s="9" t="s">
        <v>18926</v>
      </c>
      <c r="B1670" s="9" t="s">
        <v>14</v>
      </c>
      <c r="C1670" s="9" t="s">
        <v>7968</v>
      </c>
      <c r="D1670" s="6" t="s">
        <v>7969</v>
      </c>
      <c r="E1670" s="22">
        <v>44655</v>
      </c>
      <c r="F1670" s="22">
        <v>46480</v>
      </c>
      <c r="G1670" s="6" t="s">
        <v>7970</v>
      </c>
      <c r="H1670" s="6" t="s">
        <v>363</v>
      </c>
      <c r="I1670" s="6" t="s">
        <v>558</v>
      </c>
      <c r="J1670" s="6" t="s">
        <v>7971</v>
      </c>
      <c r="K1670" s="9" t="s">
        <v>7972</v>
      </c>
      <c r="L1670" s="10" t="s">
        <v>22</v>
      </c>
      <c r="M1670" s="10" t="s">
        <v>22</v>
      </c>
      <c r="N1670" s="10" t="s">
        <v>22</v>
      </c>
      <c r="O1670" s="10" t="s">
        <v>22</v>
      </c>
      <c r="P1670" s="10" t="s">
        <v>22</v>
      </c>
      <c r="Q1670" s="10" t="s">
        <v>22</v>
      </c>
      <c r="R1670" s="10" t="s">
        <v>22</v>
      </c>
      <c r="S1670" s="10" t="s">
        <v>22</v>
      </c>
      <c r="T1670" s="10" t="s">
        <v>22</v>
      </c>
      <c r="U1670" s="10" t="s">
        <v>22</v>
      </c>
      <c r="V1670" s="10" t="s">
        <v>22</v>
      </c>
      <c r="W1670" s="10" t="s">
        <v>22</v>
      </c>
      <c r="X1670" s="10" t="s">
        <v>22</v>
      </c>
      <c r="Y1670" s="10" t="s">
        <v>22</v>
      </c>
      <c r="Z1670" s="10" t="s">
        <v>22</v>
      </c>
    </row>
    <row r="1671" spans="1:26" ht="24" customHeight="1" x14ac:dyDescent="0.2">
      <c r="A1671" s="9" t="s">
        <v>18927</v>
      </c>
      <c r="B1671" s="9" t="s">
        <v>14</v>
      </c>
      <c r="C1671" s="9" t="s">
        <v>7973</v>
      </c>
      <c r="D1671" s="6" t="s">
        <v>7974</v>
      </c>
      <c r="E1671" s="22">
        <v>44664</v>
      </c>
      <c r="F1671" s="22">
        <v>46489</v>
      </c>
      <c r="G1671" s="6" t="s">
        <v>7975</v>
      </c>
      <c r="H1671" s="6" t="s">
        <v>62</v>
      </c>
      <c r="I1671" s="6" t="s">
        <v>493</v>
      </c>
      <c r="J1671" s="6" t="s">
        <v>7976</v>
      </c>
      <c r="K1671" s="9" t="s">
        <v>7977</v>
      </c>
      <c r="L1671" s="10" t="s">
        <v>22</v>
      </c>
      <c r="M1671" s="10" t="s">
        <v>22</v>
      </c>
      <c r="N1671" s="10" t="s">
        <v>22</v>
      </c>
      <c r="O1671" s="10" t="s">
        <v>22</v>
      </c>
      <c r="P1671" s="10" t="s">
        <v>22</v>
      </c>
      <c r="Q1671" s="10" t="s">
        <v>22</v>
      </c>
      <c r="R1671" s="10" t="s">
        <v>22</v>
      </c>
      <c r="S1671" s="10" t="s">
        <v>22</v>
      </c>
      <c r="T1671" s="10" t="s">
        <v>22</v>
      </c>
      <c r="U1671" s="10" t="s">
        <v>22</v>
      </c>
      <c r="V1671" s="10" t="s">
        <v>22</v>
      </c>
      <c r="W1671" s="10" t="s">
        <v>22</v>
      </c>
      <c r="X1671" s="10" t="s">
        <v>22</v>
      </c>
      <c r="Y1671" s="10" t="s">
        <v>22</v>
      </c>
      <c r="Z1671" s="10" t="s">
        <v>22</v>
      </c>
    </row>
    <row r="1672" spans="1:26" ht="24" customHeight="1" x14ac:dyDescent="0.2">
      <c r="A1672" s="9" t="s">
        <v>18928</v>
      </c>
      <c r="B1672" s="9" t="s">
        <v>14</v>
      </c>
      <c r="C1672" s="9" t="s">
        <v>7978</v>
      </c>
      <c r="D1672" s="6" t="s">
        <v>7979</v>
      </c>
      <c r="E1672" s="22">
        <v>44669</v>
      </c>
      <c r="F1672" s="22">
        <v>46494</v>
      </c>
      <c r="G1672" s="6" t="s">
        <v>7980</v>
      </c>
      <c r="H1672" s="6" t="s">
        <v>62</v>
      </c>
      <c r="I1672" s="6" t="s">
        <v>306</v>
      </c>
      <c r="J1672" s="6" t="s">
        <v>7981</v>
      </c>
      <c r="K1672" s="9" t="s">
        <v>7982</v>
      </c>
      <c r="L1672" s="10" t="s">
        <v>22</v>
      </c>
      <c r="M1672" s="10" t="s">
        <v>22</v>
      </c>
      <c r="N1672" s="10" t="s">
        <v>22</v>
      </c>
      <c r="O1672" s="10" t="s">
        <v>22</v>
      </c>
      <c r="P1672" s="10" t="s">
        <v>22</v>
      </c>
      <c r="Q1672" s="10" t="s">
        <v>22</v>
      </c>
      <c r="V1672" s="10" t="s">
        <v>22</v>
      </c>
      <c r="W1672" s="10" t="s">
        <v>22</v>
      </c>
      <c r="Y1672" s="10" t="s">
        <v>22</v>
      </c>
      <c r="Z1672" s="10" t="s">
        <v>22</v>
      </c>
    </row>
    <row r="1673" spans="1:26" ht="24" customHeight="1" x14ac:dyDescent="0.2">
      <c r="A1673" s="9" t="s">
        <v>18929</v>
      </c>
      <c r="B1673" s="9" t="s">
        <v>14</v>
      </c>
      <c r="C1673" s="9" t="s">
        <v>7983</v>
      </c>
      <c r="D1673" s="6" t="s">
        <v>7984</v>
      </c>
      <c r="E1673" s="22">
        <v>44669</v>
      </c>
      <c r="F1673" s="22">
        <v>46494</v>
      </c>
      <c r="G1673" s="6" t="s">
        <v>7985</v>
      </c>
      <c r="H1673" s="6" t="s">
        <v>202</v>
      </c>
      <c r="I1673" s="6" t="s">
        <v>1530</v>
      </c>
      <c r="J1673" s="6" t="s">
        <v>7986</v>
      </c>
      <c r="K1673" s="9" t="s">
        <v>7987</v>
      </c>
      <c r="L1673" s="10" t="s">
        <v>22</v>
      </c>
      <c r="M1673" s="10" t="s">
        <v>22</v>
      </c>
      <c r="N1673" s="10" t="s">
        <v>22</v>
      </c>
      <c r="O1673" s="10" t="s">
        <v>22</v>
      </c>
      <c r="P1673" s="10" t="s">
        <v>22</v>
      </c>
      <c r="Q1673" s="10" t="s">
        <v>22</v>
      </c>
      <c r="R1673" s="10" t="s">
        <v>22</v>
      </c>
      <c r="S1673" s="10" t="s">
        <v>22</v>
      </c>
      <c r="T1673" s="10" t="s">
        <v>22</v>
      </c>
      <c r="U1673" s="10" t="s">
        <v>22</v>
      </c>
      <c r="V1673" s="10" t="s">
        <v>22</v>
      </c>
      <c r="W1673" s="10" t="s">
        <v>22</v>
      </c>
      <c r="X1673" s="10" t="s">
        <v>22</v>
      </c>
      <c r="Y1673" s="10" t="s">
        <v>22</v>
      </c>
      <c r="Z1673" s="10" t="s">
        <v>22</v>
      </c>
    </row>
    <row r="1674" spans="1:26" ht="24" customHeight="1" x14ac:dyDescent="0.2">
      <c r="A1674" s="9" t="s">
        <v>18930</v>
      </c>
      <c r="B1674" s="9" t="s">
        <v>14</v>
      </c>
      <c r="C1674" s="9" t="s">
        <v>7988</v>
      </c>
      <c r="D1674" s="6" t="s">
        <v>7989</v>
      </c>
      <c r="E1674" s="22">
        <v>44671</v>
      </c>
      <c r="F1674" s="22">
        <v>46496</v>
      </c>
      <c r="G1674" s="6" t="s">
        <v>7990</v>
      </c>
      <c r="H1674" s="6" t="s">
        <v>62</v>
      </c>
      <c r="I1674" s="6" t="s">
        <v>306</v>
      </c>
      <c r="J1674" s="6" t="s">
        <v>7991</v>
      </c>
      <c r="K1674" s="9" t="s">
        <v>7992</v>
      </c>
      <c r="L1674" s="10" t="s">
        <v>22</v>
      </c>
      <c r="M1674" s="10" t="s">
        <v>22</v>
      </c>
      <c r="N1674" s="10" t="s">
        <v>22</v>
      </c>
      <c r="O1674" s="10" t="s">
        <v>22</v>
      </c>
      <c r="P1674" s="10" t="s">
        <v>22</v>
      </c>
      <c r="Q1674" s="10" t="s">
        <v>22</v>
      </c>
      <c r="R1674" s="10" t="s">
        <v>22</v>
      </c>
      <c r="S1674" s="10" t="s">
        <v>22</v>
      </c>
      <c r="T1674" s="10" t="s">
        <v>22</v>
      </c>
      <c r="U1674" s="10" t="s">
        <v>22</v>
      </c>
      <c r="V1674" s="10" t="s">
        <v>22</v>
      </c>
      <c r="W1674" s="10" t="s">
        <v>22</v>
      </c>
      <c r="X1674" s="10" t="s">
        <v>22</v>
      </c>
      <c r="Y1674" s="10" t="s">
        <v>22</v>
      </c>
      <c r="Z1674" s="10" t="s">
        <v>22</v>
      </c>
    </row>
    <row r="1675" spans="1:26" ht="24" customHeight="1" x14ac:dyDescent="0.2">
      <c r="A1675" s="9" t="s">
        <v>18931</v>
      </c>
      <c r="B1675" s="9" t="s">
        <v>14</v>
      </c>
      <c r="C1675" s="9" t="s">
        <v>7993</v>
      </c>
      <c r="D1675" s="6" t="s">
        <v>7994</v>
      </c>
      <c r="E1675" s="22">
        <v>44671</v>
      </c>
      <c r="F1675" s="22">
        <v>46496</v>
      </c>
      <c r="G1675" s="6" t="s">
        <v>7995</v>
      </c>
      <c r="H1675" s="6" t="s">
        <v>62</v>
      </c>
      <c r="I1675" s="6" t="s">
        <v>403</v>
      </c>
      <c r="J1675" s="6" t="s">
        <v>7996</v>
      </c>
      <c r="K1675" s="9" t="s">
        <v>7997</v>
      </c>
      <c r="L1675" s="10" t="s">
        <v>22</v>
      </c>
      <c r="M1675" s="10" t="s">
        <v>22</v>
      </c>
      <c r="N1675" s="10" t="s">
        <v>22</v>
      </c>
      <c r="O1675" s="10" t="s">
        <v>22</v>
      </c>
      <c r="P1675" s="10" t="s">
        <v>22</v>
      </c>
      <c r="Q1675" s="10" t="s">
        <v>22</v>
      </c>
      <c r="U1675" s="10" t="s">
        <v>22</v>
      </c>
      <c r="V1675" s="10" t="s">
        <v>22</v>
      </c>
      <c r="W1675" s="10" t="s">
        <v>22</v>
      </c>
      <c r="X1675" s="10" t="s">
        <v>22</v>
      </c>
      <c r="Y1675" s="10" t="s">
        <v>22</v>
      </c>
      <c r="Z1675" s="10" t="s">
        <v>22</v>
      </c>
    </row>
    <row r="1676" spans="1:26" ht="24" customHeight="1" x14ac:dyDescent="0.2">
      <c r="A1676" s="9" t="s">
        <v>18932</v>
      </c>
      <c r="B1676" s="9" t="s">
        <v>14</v>
      </c>
      <c r="C1676" s="9" t="s">
        <v>7998</v>
      </c>
      <c r="D1676" s="6" t="s">
        <v>7999</v>
      </c>
      <c r="E1676" s="22">
        <v>44672</v>
      </c>
      <c r="F1676" s="22">
        <v>46497</v>
      </c>
      <c r="G1676" s="6" t="s">
        <v>8000</v>
      </c>
      <c r="H1676" s="6" t="s">
        <v>363</v>
      </c>
      <c r="I1676" s="6" t="s">
        <v>466</v>
      </c>
      <c r="J1676" s="6" t="s">
        <v>8001</v>
      </c>
      <c r="L1676" s="10" t="s">
        <v>22</v>
      </c>
      <c r="M1676" s="10" t="s">
        <v>22</v>
      </c>
      <c r="N1676" s="10" t="s">
        <v>22</v>
      </c>
      <c r="O1676" s="10" t="s">
        <v>22</v>
      </c>
      <c r="P1676" s="10" t="s">
        <v>22</v>
      </c>
      <c r="Q1676" s="10" t="s">
        <v>22</v>
      </c>
      <c r="R1676" s="10" t="s">
        <v>22</v>
      </c>
      <c r="S1676" s="10" t="s">
        <v>22</v>
      </c>
      <c r="T1676" s="10" t="s">
        <v>22</v>
      </c>
      <c r="U1676" s="10" t="s">
        <v>22</v>
      </c>
      <c r="V1676" s="10" t="s">
        <v>22</v>
      </c>
      <c r="W1676" s="10" t="s">
        <v>22</v>
      </c>
      <c r="X1676" s="10" t="s">
        <v>22</v>
      </c>
      <c r="Y1676" s="10" t="s">
        <v>22</v>
      </c>
      <c r="Z1676" s="10" t="s">
        <v>22</v>
      </c>
    </row>
    <row r="1677" spans="1:26" ht="24" customHeight="1" x14ac:dyDescent="0.2">
      <c r="A1677" s="9" t="s">
        <v>18933</v>
      </c>
      <c r="B1677" s="9" t="s">
        <v>14</v>
      </c>
      <c r="C1677" s="9" t="s">
        <v>8002</v>
      </c>
      <c r="D1677" s="6" t="s">
        <v>8003</v>
      </c>
      <c r="E1677" s="22">
        <v>44672</v>
      </c>
      <c r="F1677" s="22">
        <v>46497</v>
      </c>
      <c r="G1677" s="6" t="s">
        <v>8004</v>
      </c>
      <c r="H1677" s="6" t="s">
        <v>18</v>
      </c>
      <c r="I1677" s="6" t="s">
        <v>19</v>
      </c>
      <c r="J1677" s="6" t="s">
        <v>8005</v>
      </c>
      <c r="K1677" s="9" t="s">
        <v>8006</v>
      </c>
      <c r="L1677" s="10" t="s">
        <v>22</v>
      </c>
      <c r="M1677" s="10" t="s">
        <v>22</v>
      </c>
      <c r="N1677" s="10" t="s">
        <v>22</v>
      </c>
      <c r="O1677" s="10" t="s">
        <v>22</v>
      </c>
      <c r="P1677" s="10" t="s">
        <v>22</v>
      </c>
      <c r="Q1677" s="10" t="s">
        <v>22</v>
      </c>
      <c r="R1677" s="10" t="s">
        <v>22</v>
      </c>
      <c r="S1677" s="10" t="s">
        <v>22</v>
      </c>
      <c r="T1677" s="10" t="s">
        <v>22</v>
      </c>
      <c r="U1677" s="10" t="s">
        <v>22</v>
      </c>
      <c r="V1677" s="10" t="s">
        <v>22</v>
      </c>
      <c r="W1677" s="10" t="s">
        <v>22</v>
      </c>
      <c r="X1677" s="10" t="s">
        <v>22</v>
      </c>
      <c r="Y1677" s="10" t="s">
        <v>22</v>
      </c>
      <c r="Z1677" s="10" t="s">
        <v>22</v>
      </c>
    </row>
    <row r="1678" spans="1:26" ht="24" customHeight="1" x14ac:dyDescent="0.2">
      <c r="A1678" s="9" t="s">
        <v>18934</v>
      </c>
      <c r="B1678" s="9" t="s">
        <v>14</v>
      </c>
      <c r="C1678" s="9" t="s">
        <v>8007</v>
      </c>
      <c r="D1678" s="6" t="s">
        <v>8008</v>
      </c>
      <c r="E1678" s="22">
        <v>44672</v>
      </c>
      <c r="F1678" s="22">
        <v>46497</v>
      </c>
      <c r="G1678" s="6" t="s">
        <v>8009</v>
      </c>
      <c r="H1678" s="6" t="s">
        <v>202</v>
      </c>
      <c r="I1678" s="6" t="s">
        <v>336</v>
      </c>
      <c r="J1678" s="6" t="s">
        <v>8010</v>
      </c>
      <c r="K1678" s="9" t="s">
        <v>8011</v>
      </c>
      <c r="L1678" s="10" t="s">
        <v>22</v>
      </c>
      <c r="M1678" s="10" t="s">
        <v>22</v>
      </c>
      <c r="N1678" s="10" t="s">
        <v>22</v>
      </c>
      <c r="O1678" s="10" t="s">
        <v>22</v>
      </c>
      <c r="P1678" s="10" t="s">
        <v>22</v>
      </c>
      <c r="Q1678" s="10" t="s">
        <v>22</v>
      </c>
      <c r="R1678" s="10" t="s">
        <v>22</v>
      </c>
      <c r="S1678" s="10" t="s">
        <v>22</v>
      </c>
      <c r="T1678" s="10" t="s">
        <v>22</v>
      </c>
      <c r="U1678" s="10" t="s">
        <v>22</v>
      </c>
      <c r="V1678" s="10" t="s">
        <v>22</v>
      </c>
      <c r="W1678" s="10" t="s">
        <v>22</v>
      </c>
      <c r="X1678" s="10" t="s">
        <v>22</v>
      </c>
      <c r="Y1678" s="10" t="s">
        <v>22</v>
      </c>
      <c r="Z1678" s="10" t="s">
        <v>22</v>
      </c>
    </row>
    <row r="1679" spans="1:26" ht="24" customHeight="1" x14ac:dyDescent="0.2">
      <c r="A1679" s="9" t="s">
        <v>18935</v>
      </c>
      <c r="B1679" s="9" t="s">
        <v>14</v>
      </c>
      <c r="C1679" s="9" t="s">
        <v>8012</v>
      </c>
      <c r="D1679" s="6" t="s">
        <v>8013</v>
      </c>
      <c r="E1679" s="22">
        <v>44672</v>
      </c>
      <c r="F1679" s="22">
        <v>46497</v>
      </c>
      <c r="G1679" s="6" t="s">
        <v>8014</v>
      </c>
      <c r="H1679" s="6" t="s">
        <v>2368</v>
      </c>
      <c r="I1679" s="6" t="s">
        <v>2369</v>
      </c>
      <c r="J1679" s="6" t="s">
        <v>8015</v>
      </c>
      <c r="K1679" s="9" t="s">
        <v>8016</v>
      </c>
      <c r="L1679" s="10" t="s">
        <v>22</v>
      </c>
      <c r="M1679" s="10" t="s">
        <v>22</v>
      </c>
      <c r="N1679" s="10" t="s">
        <v>22</v>
      </c>
      <c r="O1679" s="10" t="s">
        <v>22</v>
      </c>
      <c r="P1679" s="10" t="s">
        <v>22</v>
      </c>
      <c r="Q1679" s="10" t="s">
        <v>22</v>
      </c>
      <c r="U1679" s="10" t="s">
        <v>22</v>
      </c>
      <c r="V1679" s="10" t="s">
        <v>22</v>
      </c>
      <c r="W1679" s="10" t="s">
        <v>22</v>
      </c>
      <c r="X1679" s="10" t="s">
        <v>22</v>
      </c>
      <c r="Y1679" s="10" t="s">
        <v>22</v>
      </c>
      <c r="Z1679" s="10" t="s">
        <v>22</v>
      </c>
    </row>
    <row r="1680" spans="1:26" ht="24" customHeight="1" x14ac:dyDescent="0.2">
      <c r="A1680" s="9" t="s">
        <v>18936</v>
      </c>
      <c r="B1680" s="9" t="s">
        <v>14</v>
      </c>
      <c r="C1680" s="9" t="s">
        <v>8017</v>
      </c>
      <c r="D1680" s="6" t="s">
        <v>8018</v>
      </c>
      <c r="E1680" s="22">
        <v>44672</v>
      </c>
      <c r="F1680" s="22">
        <v>46497</v>
      </c>
      <c r="G1680" s="6" t="s">
        <v>8019</v>
      </c>
      <c r="H1680" s="6" t="s">
        <v>62</v>
      </c>
      <c r="I1680" s="6" t="s">
        <v>312</v>
      </c>
      <c r="J1680" s="6" t="s">
        <v>8020</v>
      </c>
      <c r="K1680" s="9" t="s">
        <v>8021</v>
      </c>
      <c r="L1680" s="10" t="s">
        <v>22</v>
      </c>
      <c r="M1680" s="10" t="s">
        <v>22</v>
      </c>
      <c r="N1680" s="10" t="s">
        <v>22</v>
      </c>
      <c r="O1680" s="10" t="s">
        <v>22</v>
      </c>
      <c r="P1680" s="10" t="s">
        <v>22</v>
      </c>
      <c r="Q1680" s="10" t="s">
        <v>22</v>
      </c>
      <c r="R1680" s="10" t="s">
        <v>22</v>
      </c>
      <c r="S1680" s="10" t="s">
        <v>22</v>
      </c>
      <c r="T1680" s="10" t="s">
        <v>22</v>
      </c>
      <c r="U1680" s="10" t="s">
        <v>22</v>
      </c>
      <c r="V1680" s="10" t="s">
        <v>22</v>
      </c>
      <c r="W1680" s="10" t="s">
        <v>22</v>
      </c>
      <c r="X1680" s="10" t="s">
        <v>22</v>
      </c>
      <c r="Y1680" s="10" t="s">
        <v>22</v>
      </c>
      <c r="Z1680" s="10" t="s">
        <v>22</v>
      </c>
    </row>
    <row r="1681" spans="1:26" ht="24" customHeight="1" x14ac:dyDescent="0.2">
      <c r="A1681" s="9" t="s">
        <v>18937</v>
      </c>
      <c r="B1681" s="9" t="s">
        <v>14</v>
      </c>
      <c r="C1681" s="9" t="s">
        <v>8022</v>
      </c>
      <c r="D1681" s="6" t="s">
        <v>8023</v>
      </c>
      <c r="E1681" s="22">
        <v>44672</v>
      </c>
      <c r="F1681" s="22">
        <v>46497</v>
      </c>
      <c r="G1681" s="6" t="s">
        <v>8024</v>
      </c>
      <c r="H1681" s="6" t="s">
        <v>18</v>
      </c>
      <c r="I1681" s="6" t="s">
        <v>19</v>
      </c>
      <c r="J1681" s="6" t="s">
        <v>8025</v>
      </c>
      <c r="K1681" s="9" t="s">
        <v>8026</v>
      </c>
      <c r="L1681" s="10" t="s">
        <v>22</v>
      </c>
      <c r="M1681" s="10" t="s">
        <v>22</v>
      </c>
      <c r="N1681" s="10" t="s">
        <v>22</v>
      </c>
      <c r="O1681" s="10" t="s">
        <v>22</v>
      </c>
      <c r="P1681" s="10" t="s">
        <v>22</v>
      </c>
      <c r="Q1681" s="10" t="s">
        <v>22</v>
      </c>
      <c r="R1681" s="10" t="s">
        <v>22</v>
      </c>
      <c r="S1681" s="10" t="s">
        <v>22</v>
      </c>
      <c r="T1681" s="10" t="s">
        <v>22</v>
      </c>
      <c r="U1681" s="10" t="s">
        <v>22</v>
      </c>
      <c r="V1681" s="10" t="s">
        <v>22</v>
      </c>
      <c r="W1681" s="10" t="s">
        <v>22</v>
      </c>
      <c r="X1681" s="10" t="s">
        <v>22</v>
      </c>
      <c r="Y1681" s="10" t="s">
        <v>22</v>
      </c>
      <c r="Z1681" s="10" t="s">
        <v>22</v>
      </c>
    </row>
    <row r="1682" spans="1:26" ht="24" customHeight="1" x14ac:dyDescent="0.2">
      <c r="A1682" s="9" t="s">
        <v>18938</v>
      </c>
      <c r="B1682" s="9" t="s">
        <v>14</v>
      </c>
      <c r="C1682" s="9" t="s">
        <v>8027</v>
      </c>
      <c r="D1682" s="6" t="s">
        <v>8028</v>
      </c>
      <c r="E1682" s="22">
        <v>44683</v>
      </c>
      <c r="F1682" s="22">
        <v>46508</v>
      </c>
      <c r="G1682" s="6" t="s">
        <v>8029</v>
      </c>
      <c r="H1682" s="6" t="s">
        <v>62</v>
      </c>
      <c r="I1682" s="6" t="s">
        <v>186</v>
      </c>
      <c r="J1682" s="6" t="s">
        <v>8030</v>
      </c>
      <c r="L1682" s="10" t="s">
        <v>22</v>
      </c>
      <c r="M1682" s="10" t="s">
        <v>22</v>
      </c>
      <c r="N1682" s="10" t="s">
        <v>22</v>
      </c>
      <c r="O1682" s="10" t="s">
        <v>22</v>
      </c>
      <c r="P1682" s="10" t="s">
        <v>22</v>
      </c>
      <c r="Q1682" s="10" t="s">
        <v>22</v>
      </c>
      <c r="R1682" s="10" t="s">
        <v>22</v>
      </c>
      <c r="S1682" s="10" t="s">
        <v>22</v>
      </c>
      <c r="T1682" s="10" t="s">
        <v>22</v>
      </c>
      <c r="U1682" s="10" t="s">
        <v>22</v>
      </c>
      <c r="V1682" s="10" t="s">
        <v>22</v>
      </c>
      <c r="W1682" s="10" t="s">
        <v>22</v>
      </c>
      <c r="X1682" s="10" t="s">
        <v>22</v>
      </c>
      <c r="Y1682" s="10" t="s">
        <v>22</v>
      </c>
      <c r="Z1682" s="10" t="s">
        <v>22</v>
      </c>
    </row>
    <row r="1683" spans="1:26" ht="24" customHeight="1" x14ac:dyDescent="0.2">
      <c r="A1683" s="9" t="s">
        <v>18939</v>
      </c>
      <c r="B1683" s="9" t="s">
        <v>14</v>
      </c>
      <c r="C1683" s="9" t="s">
        <v>8031</v>
      </c>
      <c r="D1683" s="6" t="s">
        <v>8032</v>
      </c>
      <c r="E1683" s="22">
        <v>44683</v>
      </c>
      <c r="F1683" s="22">
        <v>46508</v>
      </c>
      <c r="G1683" s="6" t="s">
        <v>8033</v>
      </c>
      <c r="H1683" s="6" t="s">
        <v>363</v>
      </c>
      <c r="I1683" s="6" t="s">
        <v>646</v>
      </c>
      <c r="J1683" s="6" t="s">
        <v>8034</v>
      </c>
      <c r="K1683" s="9" t="s">
        <v>8035</v>
      </c>
      <c r="L1683" s="10" t="s">
        <v>22</v>
      </c>
      <c r="M1683" s="10" t="s">
        <v>22</v>
      </c>
      <c r="N1683" s="10" t="s">
        <v>22</v>
      </c>
      <c r="O1683" s="10" t="s">
        <v>22</v>
      </c>
      <c r="P1683" s="10" t="s">
        <v>22</v>
      </c>
      <c r="Q1683" s="10" t="s">
        <v>22</v>
      </c>
      <c r="U1683" s="10" t="s">
        <v>22</v>
      </c>
      <c r="V1683" s="10" t="s">
        <v>22</v>
      </c>
      <c r="W1683" s="10" t="s">
        <v>22</v>
      </c>
      <c r="X1683" s="10" t="s">
        <v>22</v>
      </c>
      <c r="Y1683" s="10" t="s">
        <v>22</v>
      </c>
      <c r="Z1683" s="10" t="s">
        <v>22</v>
      </c>
    </row>
    <row r="1684" spans="1:26" ht="24" customHeight="1" x14ac:dyDescent="0.2">
      <c r="A1684" s="9" t="s">
        <v>18940</v>
      </c>
      <c r="B1684" s="9" t="s">
        <v>14</v>
      </c>
      <c r="C1684" s="9" t="s">
        <v>8036</v>
      </c>
      <c r="D1684" s="6" t="s">
        <v>8037</v>
      </c>
      <c r="E1684" s="22">
        <v>44683</v>
      </c>
      <c r="F1684" s="22">
        <v>46508</v>
      </c>
      <c r="G1684" s="6" t="s">
        <v>8038</v>
      </c>
      <c r="H1684" s="6" t="s">
        <v>62</v>
      </c>
      <c r="I1684" s="6" t="s">
        <v>435</v>
      </c>
      <c r="J1684" s="6" t="s">
        <v>8039</v>
      </c>
      <c r="K1684" s="9" t="s">
        <v>8040</v>
      </c>
      <c r="L1684" s="10" t="s">
        <v>22</v>
      </c>
      <c r="M1684" s="10" t="s">
        <v>22</v>
      </c>
      <c r="N1684" s="10" t="s">
        <v>22</v>
      </c>
      <c r="O1684" s="10" t="s">
        <v>22</v>
      </c>
      <c r="P1684" s="10" t="s">
        <v>22</v>
      </c>
      <c r="Q1684" s="10" t="s">
        <v>22</v>
      </c>
      <c r="R1684" s="10" t="s">
        <v>22</v>
      </c>
      <c r="S1684" s="10" t="s">
        <v>22</v>
      </c>
      <c r="T1684" s="10" t="s">
        <v>22</v>
      </c>
      <c r="U1684" s="10" t="s">
        <v>22</v>
      </c>
      <c r="V1684" s="10" t="s">
        <v>22</v>
      </c>
      <c r="W1684" s="10" t="s">
        <v>22</v>
      </c>
      <c r="X1684" s="10" t="s">
        <v>22</v>
      </c>
      <c r="Y1684" s="10" t="s">
        <v>22</v>
      </c>
      <c r="Z1684" s="10" t="s">
        <v>22</v>
      </c>
    </row>
    <row r="1685" spans="1:26" ht="24" customHeight="1" x14ac:dyDescent="0.2">
      <c r="A1685" s="9" t="s">
        <v>18941</v>
      </c>
      <c r="B1685" s="9" t="s">
        <v>14</v>
      </c>
      <c r="C1685" s="9" t="s">
        <v>8041</v>
      </c>
      <c r="D1685" s="6" t="s">
        <v>8042</v>
      </c>
      <c r="E1685" s="22">
        <v>44683</v>
      </c>
      <c r="F1685" s="22">
        <v>46508</v>
      </c>
      <c r="G1685" s="6" t="s">
        <v>8043</v>
      </c>
      <c r="H1685" s="6" t="s">
        <v>363</v>
      </c>
      <c r="I1685" s="6" t="s">
        <v>6002</v>
      </c>
      <c r="J1685" s="6" t="s">
        <v>8044</v>
      </c>
      <c r="K1685" s="9" t="s">
        <v>8045</v>
      </c>
      <c r="L1685" s="10" t="s">
        <v>22</v>
      </c>
      <c r="M1685" s="10" t="s">
        <v>22</v>
      </c>
      <c r="N1685" s="10" t="s">
        <v>22</v>
      </c>
      <c r="O1685" s="10" t="s">
        <v>22</v>
      </c>
      <c r="P1685" s="10" t="s">
        <v>22</v>
      </c>
      <c r="Q1685" s="10" t="s">
        <v>22</v>
      </c>
      <c r="U1685" s="10" t="s">
        <v>22</v>
      </c>
      <c r="V1685" s="10" t="s">
        <v>22</v>
      </c>
      <c r="W1685" s="10" t="s">
        <v>22</v>
      </c>
      <c r="X1685" s="10" t="s">
        <v>22</v>
      </c>
      <c r="Y1685" s="10" t="s">
        <v>22</v>
      </c>
      <c r="Z1685" s="10" t="s">
        <v>22</v>
      </c>
    </row>
    <row r="1686" spans="1:26" ht="24" customHeight="1" x14ac:dyDescent="0.2">
      <c r="A1686" s="9" t="s">
        <v>18942</v>
      </c>
      <c r="B1686" s="9" t="s">
        <v>14</v>
      </c>
      <c r="C1686" s="9" t="s">
        <v>8046</v>
      </c>
      <c r="D1686" s="6" t="s">
        <v>8047</v>
      </c>
      <c r="E1686" s="22">
        <v>44699</v>
      </c>
      <c r="F1686" s="22">
        <v>46524</v>
      </c>
      <c r="G1686" s="6" t="s">
        <v>8048</v>
      </c>
      <c r="H1686" s="6" t="s">
        <v>202</v>
      </c>
      <c r="I1686" s="6" t="s">
        <v>863</v>
      </c>
      <c r="J1686" s="6" t="s">
        <v>8049</v>
      </c>
      <c r="K1686" s="9" t="s">
        <v>8050</v>
      </c>
      <c r="L1686" s="10" t="s">
        <v>22</v>
      </c>
      <c r="M1686" s="10" t="s">
        <v>22</v>
      </c>
      <c r="N1686" s="10" t="s">
        <v>22</v>
      </c>
      <c r="O1686" s="10" t="s">
        <v>22</v>
      </c>
      <c r="P1686" s="10" t="s">
        <v>22</v>
      </c>
      <c r="Q1686" s="10" t="s">
        <v>22</v>
      </c>
      <c r="R1686" s="10" t="s">
        <v>22</v>
      </c>
      <c r="S1686" s="10" t="s">
        <v>22</v>
      </c>
      <c r="T1686" s="10" t="s">
        <v>22</v>
      </c>
      <c r="U1686" s="10" t="s">
        <v>22</v>
      </c>
      <c r="V1686" s="10" t="s">
        <v>22</v>
      </c>
      <c r="W1686" s="10" t="s">
        <v>22</v>
      </c>
      <c r="X1686" s="10" t="s">
        <v>22</v>
      </c>
      <c r="Y1686" s="10" t="s">
        <v>22</v>
      </c>
      <c r="Z1686" s="10" t="s">
        <v>22</v>
      </c>
    </row>
    <row r="1687" spans="1:26" ht="24" customHeight="1" x14ac:dyDescent="0.2">
      <c r="A1687" s="9" t="s">
        <v>18943</v>
      </c>
      <c r="B1687" s="9" t="s">
        <v>14</v>
      </c>
      <c r="C1687" s="9" t="s">
        <v>8051</v>
      </c>
      <c r="D1687" s="6" t="s">
        <v>8052</v>
      </c>
      <c r="E1687" s="22">
        <v>44699</v>
      </c>
      <c r="F1687" s="22">
        <v>46524</v>
      </c>
      <c r="G1687" s="6" t="s">
        <v>8053</v>
      </c>
      <c r="H1687" s="6" t="s">
        <v>62</v>
      </c>
      <c r="I1687" s="6" t="s">
        <v>819</v>
      </c>
      <c r="J1687" s="6" t="s">
        <v>8054</v>
      </c>
      <c r="K1687" s="9" t="s">
        <v>8055</v>
      </c>
      <c r="L1687" s="10" t="s">
        <v>22</v>
      </c>
      <c r="M1687" s="10" t="s">
        <v>22</v>
      </c>
      <c r="N1687" s="10" t="s">
        <v>22</v>
      </c>
      <c r="O1687" s="10" t="s">
        <v>22</v>
      </c>
      <c r="P1687" s="10" t="s">
        <v>22</v>
      </c>
      <c r="Q1687" s="10" t="s">
        <v>22</v>
      </c>
      <c r="U1687" s="10" t="s">
        <v>22</v>
      </c>
      <c r="V1687" s="10" t="s">
        <v>22</v>
      </c>
      <c r="W1687" s="10" t="s">
        <v>22</v>
      </c>
      <c r="X1687" s="10" t="s">
        <v>22</v>
      </c>
      <c r="Y1687" s="10" t="s">
        <v>22</v>
      </c>
      <c r="Z1687" s="10" t="s">
        <v>22</v>
      </c>
    </row>
    <row r="1688" spans="1:26" ht="24" customHeight="1" x14ac:dyDescent="0.2">
      <c r="A1688" s="9" t="s">
        <v>18944</v>
      </c>
      <c r="B1688" s="9" t="s">
        <v>14</v>
      </c>
      <c r="C1688" s="9" t="s">
        <v>8056</v>
      </c>
      <c r="D1688" s="6" t="s">
        <v>8057</v>
      </c>
      <c r="E1688" s="22">
        <v>44699</v>
      </c>
      <c r="F1688" s="22">
        <v>46524</v>
      </c>
      <c r="G1688" s="6" t="s">
        <v>8058</v>
      </c>
      <c r="H1688" s="6" t="s">
        <v>202</v>
      </c>
      <c r="I1688" s="6" t="s">
        <v>863</v>
      </c>
      <c r="J1688" s="6" t="s">
        <v>8059</v>
      </c>
      <c r="K1688" s="9" t="s">
        <v>8060</v>
      </c>
      <c r="L1688" s="10" t="s">
        <v>22</v>
      </c>
      <c r="M1688" s="10" t="s">
        <v>22</v>
      </c>
      <c r="N1688" s="10" t="s">
        <v>22</v>
      </c>
      <c r="O1688" s="10" t="s">
        <v>22</v>
      </c>
      <c r="P1688" s="10" t="s">
        <v>22</v>
      </c>
      <c r="Q1688" s="10" t="s">
        <v>22</v>
      </c>
      <c r="R1688" s="10" t="s">
        <v>22</v>
      </c>
      <c r="S1688" s="10" t="s">
        <v>22</v>
      </c>
      <c r="T1688" s="10" t="s">
        <v>22</v>
      </c>
      <c r="U1688" s="10" t="s">
        <v>22</v>
      </c>
      <c r="V1688" s="10" t="s">
        <v>22</v>
      </c>
      <c r="W1688" s="10" t="s">
        <v>22</v>
      </c>
      <c r="X1688" s="10" t="s">
        <v>22</v>
      </c>
      <c r="Y1688" s="10" t="s">
        <v>22</v>
      </c>
      <c r="Z1688" s="10" t="s">
        <v>22</v>
      </c>
    </row>
    <row r="1689" spans="1:26" ht="24" customHeight="1" x14ac:dyDescent="0.2">
      <c r="A1689" s="9" t="s">
        <v>18945</v>
      </c>
      <c r="B1689" s="9" t="s">
        <v>14</v>
      </c>
      <c r="C1689" s="9" t="s">
        <v>8061</v>
      </c>
      <c r="D1689" s="6" t="s">
        <v>8062</v>
      </c>
      <c r="E1689" s="22">
        <v>44699</v>
      </c>
      <c r="F1689" s="22">
        <v>46524</v>
      </c>
      <c r="G1689" s="6" t="s">
        <v>8063</v>
      </c>
      <c r="H1689" s="6" t="s">
        <v>202</v>
      </c>
      <c r="I1689" s="6" t="s">
        <v>3370</v>
      </c>
      <c r="J1689" s="6" t="s">
        <v>8064</v>
      </c>
      <c r="K1689" s="9" t="s">
        <v>8065</v>
      </c>
      <c r="L1689" s="10" t="s">
        <v>22</v>
      </c>
      <c r="M1689" s="10" t="s">
        <v>22</v>
      </c>
      <c r="N1689" s="10" t="s">
        <v>22</v>
      </c>
      <c r="O1689" s="10" t="s">
        <v>22</v>
      </c>
      <c r="P1689" s="10" t="s">
        <v>22</v>
      </c>
      <c r="Q1689" s="10" t="s">
        <v>22</v>
      </c>
      <c r="R1689" s="10" t="s">
        <v>22</v>
      </c>
      <c r="S1689" s="10" t="s">
        <v>22</v>
      </c>
      <c r="T1689" s="10" t="s">
        <v>22</v>
      </c>
      <c r="U1689" s="10" t="s">
        <v>22</v>
      </c>
      <c r="V1689" s="10" t="s">
        <v>22</v>
      </c>
      <c r="W1689" s="10" t="s">
        <v>22</v>
      </c>
      <c r="X1689" s="10" t="s">
        <v>22</v>
      </c>
      <c r="Y1689" s="10" t="s">
        <v>22</v>
      </c>
      <c r="Z1689" s="10" t="s">
        <v>22</v>
      </c>
    </row>
    <row r="1690" spans="1:26" ht="24" customHeight="1" x14ac:dyDescent="0.2">
      <c r="A1690" s="9" t="s">
        <v>18946</v>
      </c>
      <c r="B1690" s="9" t="s">
        <v>14</v>
      </c>
      <c r="C1690" s="9" t="s">
        <v>8066</v>
      </c>
      <c r="D1690" s="6" t="s">
        <v>8067</v>
      </c>
      <c r="E1690" s="22">
        <v>44707</v>
      </c>
      <c r="F1690" s="22">
        <v>46532</v>
      </c>
      <c r="G1690" s="6" t="s">
        <v>8068</v>
      </c>
      <c r="H1690" s="6" t="s">
        <v>229</v>
      </c>
      <c r="I1690" s="6" t="s">
        <v>2600</v>
      </c>
      <c r="J1690" s="6" t="s">
        <v>8069</v>
      </c>
      <c r="K1690" s="9" t="s">
        <v>8070</v>
      </c>
      <c r="L1690" s="10" t="s">
        <v>22</v>
      </c>
      <c r="M1690" s="10" t="s">
        <v>22</v>
      </c>
      <c r="N1690" s="10" t="s">
        <v>22</v>
      </c>
      <c r="O1690" s="10" t="s">
        <v>22</v>
      </c>
      <c r="P1690" s="10" t="s">
        <v>22</v>
      </c>
      <c r="Q1690" s="10" t="s">
        <v>22</v>
      </c>
      <c r="U1690" s="10" t="s">
        <v>22</v>
      </c>
      <c r="V1690" s="10" t="s">
        <v>22</v>
      </c>
      <c r="W1690" s="10" t="s">
        <v>22</v>
      </c>
      <c r="X1690" s="10" t="s">
        <v>22</v>
      </c>
      <c r="Y1690" s="10" t="s">
        <v>22</v>
      </c>
      <c r="Z1690" s="10" t="s">
        <v>22</v>
      </c>
    </row>
    <row r="1691" spans="1:26" ht="24" customHeight="1" x14ac:dyDescent="0.2">
      <c r="A1691" s="9" t="s">
        <v>18947</v>
      </c>
      <c r="B1691" s="9" t="s">
        <v>14</v>
      </c>
      <c r="C1691" s="9" t="s">
        <v>8071</v>
      </c>
      <c r="D1691" s="6" t="s">
        <v>8072</v>
      </c>
      <c r="E1691" s="22">
        <v>44707</v>
      </c>
      <c r="F1691" s="22">
        <v>46532</v>
      </c>
      <c r="G1691" s="6" t="s">
        <v>8073</v>
      </c>
      <c r="H1691" s="6" t="s">
        <v>18</v>
      </c>
      <c r="I1691" s="6" t="s">
        <v>19</v>
      </c>
      <c r="J1691" s="6" t="s">
        <v>8074</v>
      </c>
      <c r="K1691" s="9" t="s">
        <v>8075</v>
      </c>
      <c r="L1691" s="10" t="s">
        <v>22</v>
      </c>
      <c r="M1691" s="10" t="s">
        <v>22</v>
      </c>
      <c r="N1691" s="10" t="s">
        <v>22</v>
      </c>
      <c r="U1691" s="10" t="s">
        <v>22</v>
      </c>
      <c r="V1691" s="10" t="s">
        <v>22</v>
      </c>
      <c r="W1691" s="10" t="s">
        <v>22</v>
      </c>
    </row>
    <row r="1692" spans="1:26" ht="24" customHeight="1" x14ac:dyDescent="0.2">
      <c r="A1692" s="9" t="s">
        <v>18948</v>
      </c>
      <c r="B1692" s="9" t="s">
        <v>14</v>
      </c>
      <c r="C1692" s="9" t="s">
        <v>8076</v>
      </c>
      <c r="D1692" s="6" t="s">
        <v>8077</v>
      </c>
      <c r="E1692" s="22">
        <v>44707</v>
      </c>
      <c r="F1692" s="22">
        <v>46532</v>
      </c>
      <c r="G1692" s="6" t="s">
        <v>8078</v>
      </c>
      <c r="H1692" s="6" t="s">
        <v>18</v>
      </c>
      <c r="I1692" s="6" t="s">
        <v>19</v>
      </c>
      <c r="J1692" s="6" t="s">
        <v>8079</v>
      </c>
      <c r="K1692" s="9" t="s">
        <v>8080</v>
      </c>
      <c r="L1692" s="10" t="s">
        <v>22</v>
      </c>
      <c r="M1692" s="10" t="s">
        <v>22</v>
      </c>
      <c r="N1692" s="10" t="s">
        <v>22</v>
      </c>
      <c r="O1692" s="10" t="s">
        <v>22</v>
      </c>
      <c r="P1692" s="10" t="s">
        <v>22</v>
      </c>
      <c r="Q1692" s="10" t="s">
        <v>22</v>
      </c>
      <c r="U1692" s="10" t="s">
        <v>22</v>
      </c>
      <c r="V1692" s="10" t="s">
        <v>22</v>
      </c>
      <c r="W1692" s="10" t="s">
        <v>22</v>
      </c>
      <c r="X1692" s="10" t="s">
        <v>22</v>
      </c>
      <c r="Y1692" s="10" t="s">
        <v>22</v>
      </c>
      <c r="Z1692" s="10" t="s">
        <v>22</v>
      </c>
    </row>
    <row r="1693" spans="1:26" ht="24" customHeight="1" x14ac:dyDescent="0.2">
      <c r="A1693" s="9" t="s">
        <v>18949</v>
      </c>
      <c r="B1693" s="9" t="s">
        <v>14</v>
      </c>
      <c r="C1693" s="9" t="s">
        <v>8076</v>
      </c>
      <c r="D1693" s="6" t="s">
        <v>8077</v>
      </c>
      <c r="E1693" s="22">
        <v>44707</v>
      </c>
      <c r="F1693" s="22">
        <v>46532</v>
      </c>
      <c r="G1693" s="6" t="s">
        <v>8081</v>
      </c>
      <c r="H1693" s="6" t="s">
        <v>18</v>
      </c>
      <c r="I1693" s="6" t="s">
        <v>26</v>
      </c>
      <c r="J1693" s="6" t="s">
        <v>8082</v>
      </c>
      <c r="K1693" s="9" t="s">
        <v>8083</v>
      </c>
      <c r="L1693" s="10" t="s">
        <v>22</v>
      </c>
      <c r="M1693" s="10" t="s">
        <v>22</v>
      </c>
      <c r="N1693" s="10" t="s">
        <v>22</v>
      </c>
      <c r="O1693" s="10" t="s">
        <v>22</v>
      </c>
      <c r="P1693" s="10" t="s">
        <v>22</v>
      </c>
      <c r="Q1693" s="10" t="s">
        <v>22</v>
      </c>
      <c r="U1693" s="10" t="s">
        <v>22</v>
      </c>
      <c r="V1693" s="10" t="s">
        <v>22</v>
      </c>
      <c r="W1693" s="10" t="s">
        <v>22</v>
      </c>
      <c r="X1693" s="10" t="s">
        <v>22</v>
      </c>
      <c r="Y1693" s="10" t="s">
        <v>22</v>
      </c>
      <c r="Z1693" s="10" t="s">
        <v>22</v>
      </c>
    </row>
    <row r="1694" spans="1:26" ht="24" customHeight="1" x14ac:dyDescent="0.2">
      <c r="A1694" s="9" t="s">
        <v>18950</v>
      </c>
      <c r="B1694" s="9" t="s">
        <v>14</v>
      </c>
      <c r="C1694" s="9" t="s">
        <v>8076</v>
      </c>
      <c r="D1694" s="6" t="s">
        <v>8077</v>
      </c>
      <c r="E1694" s="22">
        <v>44707</v>
      </c>
      <c r="F1694" s="22">
        <v>46532</v>
      </c>
      <c r="G1694" s="6" t="s">
        <v>8084</v>
      </c>
      <c r="H1694" s="6" t="s">
        <v>18</v>
      </c>
      <c r="I1694" s="6" t="s">
        <v>392</v>
      </c>
      <c r="J1694" s="6" t="s">
        <v>8085</v>
      </c>
      <c r="K1694" s="9" t="s">
        <v>8086</v>
      </c>
      <c r="L1694" s="10" t="s">
        <v>22</v>
      </c>
      <c r="M1694" s="10" t="s">
        <v>22</v>
      </c>
      <c r="N1694" s="10" t="s">
        <v>22</v>
      </c>
      <c r="O1694" s="10" t="s">
        <v>22</v>
      </c>
      <c r="P1694" s="10" t="s">
        <v>22</v>
      </c>
      <c r="Q1694" s="10" t="s">
        <v>22</v>
      </c>
      <c r="U1694" s="10" t="s">
        <v>22</v>
      </c>
      <c r="V1694" s="10" t="s">
        <v>22</v>
      </c>
      <c r="W1694" s="10" t="s">
        <v>22</v>
      </c>
      <c r="X1694" s="10" t="s">
        <v>22</v>
      </c>
      <c r="Y1694" s="10" t="s">
        <v>22</v>
      </c>
      <c r="Z1694" s="10" t="s">
        <v>22</v>
      </c>
    </row>
    <row r="1695" spans="1:26" ht="24" customHeight="1" x14ac:dyDescent="0.2">
      <c r="A1695" s="9" t="s">
        <v>18951</v>
      </c>
      <c r="B1695" s="9" t="s">
        <v>14</v>
      </c>
      <c r="C1695" s="9" t="s">
        <v>8076</v>
      </c>
      <c r="D1695" s="6" t="s">
        <v>8077</v>
      </c>
      <c r="E1695" s="22">
        <v>44707</v>
      </c>
      <c r="F1695" s="22">
        <v>46532</v>
      </c>
      <c r="G1695" s="6" t="s">
        <v>8087</v>
      </c>
      <c r="H1695" s="6" t="s">
        <v>18</v>
      </c>
      <c r="I1695" s="6" t="s">
        <v>1145</v>
      </c>
      <c r="J1695" s="6" t="s">
        <v>8088</v>
      </c>
      <c r="K1695" s="9" t="s">
        <v>8089</v>
      </c>
      <c r="O1695" s="10" t="s">
        <v>22</v>
      </c>
      <c r="P1695" s="10" t="s">
        <v>22</v>
      </c>
      <c r="Q1695" s="10" t="s">
        <v>22</v>
      </c>
      <c r="U1695" s="10" t="s">
        <v>22</v>
      </c>
      <c r="V1695" s="10" t="s">
        <v>22</v>
      </c>
      <c r="W1695" s="10" t="s">
        <v>22</v>
      </c>
      <c r="X1695" s="10" t="s">
        <v>22</v>
      </c>
      <c r="Y1695" s="10" t="s">
        <v>22</v>
      </c>
      <c r="Z1695" s="10" t="s">
        <v>22</v>
      </c>
    </row>
    <row r="1696" spans="1:26" ht="24" customHeight="1" x14ac:dyDescent="0.2">
      <c r="A1696" s="9" t="s">
        <v>18952</v>
      </c>
      <c r="B1696" s="9" t="s">
        <v>14</v>
      </c>
      <c r="C1696" s="9" t="s">
        <v>8090</v>
      </c>
      <c r="D1696" s="6" t="s">
        <v>8091</v>
      </c>
      <c r="E1696" s="22">
        <v>44718</v>
      </c>
      <c r="F1696" s="22">
        <v>46543</v>
      </c>
      <c r="G1696" s="6" t="s">
        <v>8092</v>
      </c>
      <c r="H1696" s="6" t="s">
        <v>229</v>
      </c>
      <c r="I1696" s="6" t="s">
        <v>4848</v>
      </c>
      <c r="J1696" s="6" t="s">
        <v>8093</v>
      </c>
      <c r="K1696" s="9" t="s">
        <v>8094</v>
      </c>
      <c r="L1696" s="10" t="s">
        <v>22</v>
      </c>
      <c r="M1696" s="10" t="s">
        <v>22</v>
      </c>
      <c r="N1696" s="10" t="s">
        <v>22</v>
      </c>
      <c r="O1696" s="10" t="s">
        <v>22</v>
      </c>
      <c r="P1696" s="10" t="s">
        <v>22</v>
      </c>
      <c r="Q1696" s="10" t="s">
        <v>22</v>
      </c>
      <c r="R1696" s="10" t="s">
        <v>22</v>
      </c>
      <c r="S1696" s="10" t="s">
        <v>22</v>
      </c>
      <c r="T1696" s="10" t="s">
        <v>22</v>
      </c>
      <c r="U1696" s="10" t="s">
        <v>22</v>
      </c>
      <c r="V1696" s="10" t="s">
        <v>22</v>
      </c>
      <c r="W1696" s="10" t="s">
        <v>22</v>
      </c>
      <c r="X1696" s="10" t="s">
        <v>22</v>
      </c>
      <c r="Y1696" s="10" t="s">
        <v>22</v>
      </c>
      <c r="Z1696" s="10" t="s">
        <v>22</v>
      </c>
    </row>
    <row r="1697" spans="1:26" ht="24" customHeight="1" x14ac:dyDescent="0.2">
      <c r="A1697" s="9" t="s">
        <v>18953</v>
      </c>
      <c r="B1697" s="9" t="s">
        <v>14</v>
      </c>
      <c r="C1697" s="9" t="s">
        <v>8095</v>
      </c>
      <c r="D1697" s="6" t="s">
        <v>8096</v>
      </c>
      <c r="E1697" s="22">
        <v>44718</v>
      </c>
      <c r="F1697" s="22">
        <v>46543</v>
      </c>
      <c r="G1697" s="6" t="s">
        <v>8097</v>
      </c>
      <c r="H1697" s="6" t="s">
        <v>202</v>
      </c>
      <c r="I1697" s="6" t="s">
        <v>2117</v>
      </c>
      <c r="J1697" s="6" t="s">
        <v>8098</v>
      </c>
      <c r="K1697" s="9" t="s">
        <v>8099</v>
      </c>
      <c r="L1697" s="10" t="s">
        <v>22</v>
      </c>
      <c r="M1697" s="10" t="s">
        <v>22</v>
      </c>
      <c r="N1697" s="10" t="s">
        <v>22</v>
      </c>
      <c r="O1697" s="10" t="s">
        <v>22</v>
      </c>
      <c r="P1697" s="10" t="s">
        <v>22</v>
      </c>
      <c r="Q1697" s="10" t="s">
        <v>22</v>
      </c>
      <c r="R1697" s="10" t="s">
        <v>22</v>
      </c>
      <c r="S1697" s="10" t="s">
        <v>22</v>
      </c>
      <c r="T1697" s="10" t="s">
        <v>22</v>
      </c>
      <c r="U1697" s="10" t="s">
        <v>22</v>
      </c>
      <c r="V1697" s="10" t="s">
        <v>22</v>
      </c>
      <c r="W1697" s="10" t="s">
        <v>22</v>
      </c>
      <c r="X1697" s="10" t="s">
        <v>22</v>
      </c>
      <c r="Y1697" s="10" t="s">
        <v>22</v>
      </c>
      <c r="Z1697" s="10" t="s">
        <v>22</v>
      </c>
    </row>
    <row r="1698" spans="1:26" ht="24" customHeight="1" x14ac:dyDescent="0.2">
      <c r="A1698" s="9" t="s">
        <v>18954</v>
      </c>
      <c r="B1698" s="9" t="s">
        <v>14</v>
      </c>
      <c r="C1698" s="9" t="s">
        <v>8100</v>
      </c>
      <c r="D1698" s="6" t="s">
        <v>8101</v>
      </c>
      <c r="E1698" s="22">
        <v>44718</v>
      </c>
      <c r="F1698" s="22">
        <v>46543</v>
      </c>
      <c r="G1698" s="6" t="s">
        <v>8102</v>
      </c>
      <c r="H1698" s="6" t="s">
        <v>202</v>
      </c>
      <c r="I1698" s="6" t="s">
        <v>1707</v>
      </c>
      <c r="J1698" s="6" t="s">
        <v>8103</v>
      </c>
      <c r="K1698" s="9" t="s">
        <v>8104</v>
      </c>
      <c r="L1698" s="10" t="s">
        <v>22</v>
      </c>
      <c r="M1698" s="10" t="s">
        <v>22</v>
      </c>
      <c r="N1698" s="10" t="s">
        <v>22</v>
      </c>
      <c r="O1698" s="10" t="s">
        <v>22</v>
      </c>
      <c r="P1698" s="10" t="s">
        <v>22</v>
      </c>
      <c r="Q1698" s="10" t="s">
        <v>22</v>
      </c>
      <c r="R1698" s="10" t="s">
        <v>22</v>
      </c>
      <c r="S1698" s="10" t="s">
        <v>22</v>
      </c>
      <c r="T1698" s="10" t="s">
        <v>22</v>
      </c>
      <c r="U1698" s="10" t="s">
        <v>22</v>
      </c>
      <c r="V1698" s="10" t="s">
        <v>22</v>
      </c>
      <c r="W1698" s="10" t="s">
        <v>22</v>
      </c>
      <c r="X1698" s="10" t="s">
        <v>22</v>
      </c>
      <c r="Y1698" s="10" t="s">
        <v>22</v>
      </c>
      <c r="Z1698" s="10" t="s">
        <v>22</v>
      </c>
    </row>
    <row r="1699" spans="1:26" ht="24" customHeight="1" x14ac:dyDescent="0.2">
      <c r="A1699" s="9" t="s">
        <v>18955</v>
      </c>
      <c r="B1699" s="9" t="s">
        <v>14</v>
      </c>
      <c r="C1699" s="9" t="s">
        <v>8105</v>
      </c>
      <c r="D1699" s="6" t="s">
        <v>8106</v>
      </c>
      <c r="E1699" s="22">
        <v>44718</v>
      </c>
      <c r="F1699" s="22">
        <v>46543</v>
      </c>
      <c r="G1699" s="6" t="s">
        <v>8107</v>
      </c>
      <c r="H1699" s="6" t="s">
        <v>62</v>
      </c>
      <c r="I1699" s="6" t="s">
        <v>1125</v>
      </c>
      <c r="J1699" s="6" t="s">
        <v>8108</v>
      </c>
      <c r="K1699" s="9" t="s">
        <v>8109</v>
      </c>
      <c r="L1699" s="10" t="s">
        <v>22</v>
      </c>
      <c r="M1699" s="10" t="s">
        <v>22</v>
      </c>
      <c r="N1699" s="10" t="s">
        <v>22</v>
      </c>
      <c r="O1699" s="10" t="s">
        <v>22</v>
      </c>
      <c r="P1699" s="10" t="s">
        <v>22</v>
      </c>
      <c r="Q1699" s="10" t="s">
        <v>22</v>
      </c>
      <c r="R1699" s="10" t="s">
        <v>22</v>
      </c>
      <c r="S1699" s="10" t="s">
        <v>22</v>
      </c>
      <c r="T1699" s="10" t="s">
        <v>22</v>
      </c>
      <c r="U1699" s="10" t="s">
        <v>22</v>
      </c>
      <c r="V1699" s="10" t="s">
        <v>22</v>
      </c>
      <c r="W1699" s="10" t="s">
        <v>22</v>
      </c>
      <c r="X1699" s="10" t="s">
        <v>22</v>
      </c>
      <c r="Y1699" s="10" t="s">
        <v>22</v>
      </c>
      <c r="Z1699" s="10" t="s">
        <v>22</v>
      </c>
    </row>
    <row r="1700" spans="1:26" ht="24" customHeight="1" x14ac:dyDescent="0.2">
      <c r="A1700" s="9" t="s">
        <v>18956</v>
      </c>
      <c r="B1700" s="9" t="s">
        <v>14</v>
      </c>
      <c r="C1700" s="9" t="s">
        <v>8110</v>
      </c>
      <c r="D1700" s="6" t="s">
        <v>8111</v>
      </c>
      <c r="E1700" s="22">
        <v>44718</v>
      </c>
      <c r="F1700" s="22">
        <v>46543</v>
      </c>
      <c r="G1700" s="6" t="s">
        <v>8112</v>
      </c>
      <c r="H1700" s="6" t="s">
        <v>18</v>
      </c>
      <c r="I1700" s="6" t="s">
        <v>19</v>
      </c>
      <c r="J1700" s="6" t="s">
        <v>8113</v>
      </c>
      <c r="K1700" s="9" t="s">
        <v>8114</v>
      </c>
      <c r="L1700" s="10" t="s">
        <v>22</v>
      </c>
      <c r="M1700" s="10" t="s">
        <v>22</v>
      </c>
      <c r="N1700" s="10" t="s">
        <v>22</v>
      </c>
      <c r="O1700" s="10" t="s">
        <v>22</v>
      </c>
      <c r="P1700" s="10" t="s">
        <v>22</v>
      </c>
      <c r="Q1700" s="10" t="s">
        <v>22</v>
      </c>
      <c r="R1700" s="10" t="s">
        <v>22</v>
      </c>
      <c r="S1700" s="10" t="s">
        <v>22</v>
      </c>
      <c r="T1700" s="10" t="s">
        <v>22</v>
      </c>
      <c r="U1700" s="10" t="s">
        <v>22</v>
      </c>
      <c r="V1700" s="10" t="s">
        <v>22</v>
      </c>
      <c r="W1700" s="10" t="s">
        <v>22</v>
      </c>
      <c r="X1700" s="10" t="s">
        <v>22</v>
      </c>
      <c r="Y1700" s="10" t="s">
        <v>22</v>
      </c>
      <c r="Z1700" s="10" t="s">
        <v>22</v>
      </c>
    </row>
    <row r="1701" spans="1:26" ht="34" customHeight="1" x14ac:dyDescent="0.2">
      <c r="A1701" s="9" t="s">
        <v>18957</v>
      </c>
      <c r="B1701" s="9" t="s">
        <v>14</v>
      </c>
      <c r="C1701" s="9" t="s">
        <v>8115</v>
      </c>
      <c r="D1701" s="6" t="s">
        <v>8116</v>
      </c>
      <c r="E1701" s="22">
        <v>44718</v>
      </c>
      <c r="F1701" s="22">
        <v>46543</v>
      </c>
      <c r="G1701" s="6" t="s">
        <v>8117</v>
      </c>
      <c r="H1701" s="6" t="s">
        <v>363</v>
      </c>
      <c r="I1701" s="6" t="s">
        <v>646</v>
      </c>
      <c r="J1701" s="6" t="s">
        <v>8118</v>
      </c>
      <c r="K1701" s="9" t="s">
        <v>8119</v>
      </c>
      <c r="O1701" s="10" t="s">
        <v>22</v>
      </c>
      <c r="P1701" s="10" t="s">
        <v>22</v>
      </c>
      <c r="Q1701" s="10" t="s">
        <v>22</v>
      </c>
      <c r="X1701" s="10" t="s">
        <v>22</v>
      </c>
      <c r="Y1701" s="10" t="s">
        <v>22</v>
      </c>
      <c r="Z1701" s="10" t="s">
        <v>22</v>
      </c>
    </row>
    <row r="1702" spans="1:26" ht="24" customHeight="1" x14ac:dyDescent="0.2">
      <c r="A1702" s="9" t="s">
        <v>18958</v>
      </c>
      <c r="B1702" s="9" t="s">
        <v>14</v>
      </c>
      <c r="C1702" s="9" t="s">
        <v>8120</v>
      </c>
      <c r="D1702" s="6" t="s">
        <v>8121</v>
      </c>
      <c r="E1702" s="22">
        <v>44718</v>
      </c>
      <c r="F1702" s="22">
        <v>46543</v>
      </c>
      <c r="G1702" s="6" t="s">
        <v>8122</v>
      </c>
      <c r="H1702" s="6" t="s">
        <v>229</v>
      </c>
      <c r="I1702" s="6" t="s">
        <v>1885</v>
      </c>
      <c r="J1702" s="6" t="s">
        <v>8123</v>
      </c>
      <c r="K1702" s="9" t="s">
        <v>8124</v>
      </c>
      <c r="L1702" s="10" t="s">
        <v>22</v>
      </c>
      <c r="M1702" s="10" t="s">
        <v>22</v>
      </c>
      <c r="N1702" s="10" t="s">
        <v>22</v>
      </c>
      <c r="O1702" s="10" t="s">
        <v>22</v>
      </c>
      <c r="P1702" s="10" t="s">
        <v>22</v>
      </c>
      <c r="Q1702" s="10" t="s">
        <v>22</v>
      </c>
      <c r="R1702" s="10" t="s">
        <v>22</v>
      </c>
      <c r="S1702" s="10" t="s">
        <v>22</v>
      </c>
      <c r="T1702" s="10" t="s">
        <v>22</v>
      </c>
      <c r="U1702" s="10" t="s">
        <v>22</v>
      </c>
      <c r="V1702" s="10" t="s">
        <v>22</v>
      </c>
      <c r="W1702" s="10" t="s">
        <v>22</v>
      </c>
      <c r="X1702" s="10" t="s">
        <v>22</v>
      </c>
      <c r="Y1702" s="10" t="s">
        <v>22</v>
      </c>
      <c r="Z1702" s="10" t="s">
        <v>22</v>
      </c>
    </row>
    <row r="1703" spans="1:26" ht="24" customHeight="1" x14ac:dyDescent="0.2">
      <c r="A1703" s="9" t="s">
        <v>18959</v>
      </c>
      <c r="B1703" s="9" t="s">
        <v>14</v>
      </c>
      <c r="C1703" s="9" t="s">
        <v>8125</v>
      </c>
      <c r="D1703" s="6" t="s">
        <v>8126</v>
      </c>
      <c r="E1703" s="22">
        <v>44718</v>
      </c>
      <c r="F1703" s="22">
        <v>46543</v>
      </c>
      <c r="G1703" s="6" t="s">
        <v>8127</v>
      </c>
      <c r="H1703" s="6" t="s">
        <v>18</v>
      </c>
      <c r="I1703" s="6" t="s">
        <v>26</v>
      </c>
      <c r="J1703" s="6" t="s">
        <v>8128</v>
      </c>
      <c r="K1703" s="9" t="s">
        <v>8129</v>
      </c>
      <c r="L1703" s="10" t="s">
        <v>22</v>
      </c>
      <c r="M1703" s="10" t="s">
        <v>22</v>
      </c>
      <c r="N1703" s="10" t="s">
        <v>22</v>
      </c>
      <c r="O1703" s="10" t="s">
        <v>22</v>
      </c>
      <c r="P1703" s="10" t="s">
        <v>22</v>
      </c>
      <c r="Q1703" s="10" t="s">
        <v>22</v>
      </c>
      <c r="R1703" s="10" t="s">
        <v>22</v>
      </c>
      <c r="S1703" s="10" t="s">
        <v>22</v>
      </c>
      <c r="T1703" s="10" t="s">
        <v>22</v>
      </c>
      <c r="U1703" s="10" t="s">
        <v>22</v>
      </c>
      <c r="V1703" s="10" t="s">
        <v>22</v>
      </c>
      <c r="W1703" s="10" t="s">
        <v>22</v>
      </c>
      <c r="X1703" s="10" t="s">
        <v>22</v>
      </c>
      <c r="Y1703" s="10" t="s">
        <v>22</v>
      </c>
      <c r="Z1703" s="10" t="s">
        <v>22</v>
      </c>
    </row>
    <row r="1704" spans="1:26" ht="24" customHeight="1" x14ac:dyDescent="0.2">
      <c r="A1704" s="9" t="s">
        <v>18960</v>
      </c>
      <c r="B1704" s="9" t="s">
        <v>14</v>
      </c>
      <c r="C1704" s="9" t="s">
        <v>8130</v>
      </c>
      <c r="D1704" s="6" t="s">
        <v>8131</v>
      </c>
      <c r="E1704" s="22">
        <v>44718</v>
      </c>
      <c r="F1704" s="22">
        <v>46543</v>
      </c>
      <c r="G1704" s="6" t="s">
        <v>8132</v>
      </c>
      <c r="H1704" s="6" t="s">
        <v>18</v>
      </c>
      <c r="I1704" s="6" t="s">
        <v>19</v>
      </c>
      <c r="J1704" s="6" t="s">
        <v>8133</v>
      </c>
      <c r="K1704" s="9" t="s">
        <v>8134</v>
      </c>
      <c r="M1704" s="10" t="s">
        <v>22</v>
      </c>
      <c r="N1704" s="10" t="s">
        <v>22</v>
      </c>
      <c r="P1704" s="10" t="s">
        <v>22</v>
      </c>
      <c r="Q1704" s="10" t="s">
        <v>22</v>
      </c>
      <c r="S1704" s="10" t="s">
        <v>22</v>
      </c>
      <c r="T1704" s="10" t="s">
        <v>22</v>
      </c>
      <c r="V1704" s="10" t="s">
        <v>22</v>
      </c>
      <c r="W1704" s="10" t="s">
        <v>22</v>
      </c>
      <c r="Y1704" s="10" t="s">
        <v>22</v>
      </c>
      <c r="Z1704" s="10" t="s">
        <v>22</v>
      </c>
    </row>
    <row r="1705" spans="1:26" ht="24" customHeight="1" x14ac:dyDescent="0.2">
      <c r="A1705" s="9" t="s">
        <v>18961</v>
      </c>
      <c r="B1705" s="9" t="s">
        <v>14</v>
      </c>
      <c r="C1705" s="9" t="s">
        <v>8135</v>
      </c>
      <c r="D1705" s="6" t="s">
        <v>8136</v>
      </c>
      <c r="E1705" s="22">
        <v>44721</v>
      </c>
      <c r="F1705" s="22">
        <v>46546</v>
      </c>
      <c r="G1705" s="6" t="s">
        <v>8137</v>
      </c>
      <c r="H1705" s="6" t="s">
        <v>18</v>
      </c>
      <c r="I1705" s="6" t="s">
        <v>26</v>
      </c>
      <c r="J1705" s="6" t="s">
        <v>8138</v>
      </c>
      <c r="K1705" s="9" t="s">
        <v>8139</v>
      </c>
      <c r="L1705" s="10" t="s">
        <v>22</v>
      </c>
      <c r="M1705" s="10" t="s">
        <v>22</v>
      </c>
      <c r="N1705" s="10" t="s">
        <v>22</v>
      </c>
      <c r="O1705" s="10" t="s">
        <v>22</v>
      </c>
      <c r="P1705" s="10" t="s">
        <v>22</v>
      </c>
      <c r="Q1705" s="10" t="s">
        <v>22</v>
      </c>
      <c r="R1705" s="10" t="s">
        <v>22</v>
      </c>
      <c r="S1705" s="10" t="s">
        <v>22</v>
      </c>
      <c r="T1705" s="10" t="s">
        <v>22</v>
      </c>
      <c r="U1705" s="10" t="s">
        <v>22</v>
      </c>
      <c r="V1705" s="10" t="s">
        <v>22</v>
      </c>
      <c r="W1705" s="10" t="s">
        <v>22</v>
      </c>
      <c r="X1705" s="10" t="s">
        <v>22</v>
      </c>
      <c r="Y1705" s="10" t="s">
        <v>22</v>
      </c>
      <c r="Z1705" s="10" t="s">
        <v>22</v>
      </c>
    </row>
    <row r="1706" spans="1:26" ht="24" customHeight="1" x14ac:dyDescent="0.2">
      <c r="A1706" s="9" t="s">
        <v>18962</v>
      </c>
      <c r="B1706" s="9" t="s">
        <v>14</v>
      </c>
      <c r="C1706" s="9" t="s">
        <v>8140</v>
      </c>
      <c r="D1706" s="6" t="s">
        <v>8141</v>
      </c>
      <c r="E1706" s="22">
        <v>44721</v>
      </c>
      <c r="F1706" s="22">
        <v>46546</v>
      </c>
      <c r="G1706" s="6" t="s">
        <v>8142</v>
      </c>
      <c r="H1706" s="6" t="s">
        <v>18</v>
      </c>
      <c r="I1706" s="6" t="s">
        <v>19</v>
      </c>
      <c r="J1706" s="6" t="s">
        <v>8143</v>
      </c>
      <c r="K1706" s="9" t="s">
        <v>8144</v>
      </c>
      <c r="L1706" s="10" t="s">
        <v>22</v>
      </c>
      <c r="M1706" s="10" t="s">
        <v>22</v>
      </c>
      <c r="N1706" s="10" t="s">
        <v>22</v>
      </c>
      <c r="O1706" s="10" t="s">
        <v>22</v>
      </c>
      <c r="P1706" s="10" t="s">
        <v>22</v>
      </c>
      <c r="Q1706" s="10" t="s">
        <v>22</v>
      </c>
      <c r="U1706" s="10" t="s">
        <v>22</v>
      </c>
      <c r="V1706" s="10" t="s">
        <v>22</v>
      </c>
      <c r="W1706" s="10" t="s">
        <v>22</v>
      </c>
      <c r="X1706" s="10" t="s">
        <v>22</v>
      </c>
      <c r="Y1706" s="10" t="s">
        <v>22</v>
      </c>
      <c r="Z1706" s="10" t="s">
        <v>22</v>
      </c>
    </row>
    <row r="1707" spans="1:26" ht="24" customHeight="1" x14ac:dyDescent="0.2">
      <c r="A1707" s="9" t="s">
        <v>18963</v>
      </c>
      <c r="B1707" s="9" t="s">
        <v>14</v>
      </c>
      <c r="C1707" s="9" t="s">
        <v>8145</v>
      </c>
      <c r="D1707" s="6" t="s">
        <v>8146</v>
      </c>
      <c r="E1707" s="22">
        <v>44721</v>
      </c>
      <c r="F1707" s="22">
        <v>46546</v>
      </c>
      <c r="G1707" s="6" t="s">
        <v>8147</v>
      </c>
      <c r="H1707" s="6" t="s">
        <v>62</v>
      </c>
      <c r="I1707" s="6" t="s">
        <v>414</v>
      </c>
      <c r="J1707" s="6" t="s">
        <v>8148</v>
      </c>
      <c r="K1707" s="9" t="s">
        <v>8149</v>
      </c>
      <c r="L1707" s="10" t="s">
        <v>22</v>
      </c>
      <c r="M1707" s="10" t="s">
        <v>22</v>
      </c>
      <c r="N1707" s="10" t="s">
        <v>22</v>
      </c>
      <c r="U1707" s="10" t="s">
        <v>22</v>
      </c>
      <c r="V1707" s="10" t="s">
        <v>22</v>
      </c>
      <c r="W1707" s="10" t="s">
        <v>22</v>
      </c>
    </row>
    <row r="1708" spans="1:26" ht="24" customHeight="1" x14ac:dyDescent="0.2">
      <c r="A1708" s="9" t="s">
        <v>18964</v>
      </c>
      <c r="B1708" s="9" t="s">
        <v>14</v>
      </c>
      <c r="C1708" s="9" t="s">
        <v>8150</v>
      </c>
      <c r="D1708" s="6" t="s">
        <v>8151</v>
      </c>
      <c r="E1708" s="22">
        <v>44724</v>
      </c>
      <c r="F1708" s="22">
        <v>46549</v>
      </c>
      <c r="G1708" s="6" t="s">
        <v>8152</v>
      </c>
      <c r="H1708" s="6" t="s">
        <v>229</v>
      </c>
      <c r="I1708" s="6" t="s">
        <v>825</v>
      </c>
      <c r="J1708" s="6" t="s">
        <v>8153</v>
      </c>
      <c r="K1708" s="9" t="s">
        <v>8154</v>
      </c>
      <c r="L1708" s="10" t="s">
        <v>22</v>
      </c>
      <c r="M1708" s="10" t="s">
        <v>22</v>
      </c>
      <c r="N1708" s="10" t="s">
        <v>22</v>
      </c>
      <c r="O1708" s="10" t="s">
        <v>22</v>
      </c>
      <c r="P1708" s="10" t="s">
        <v>22</v>
      </c>
      <c r="Q1708" s="10" t="s">
        <v>22</v>
      </c>
      <c r="R1708" s="10" t="s">
        <v>22</v>
      </c>
      <c r="S1708" s="10" t="s">
        <v>22</v>
      </c>
      <c r="T1708" s="10" t="s">
        <v>22</v>
      </c>
      <c r="U1708" s="10" t="s">
        <v>22</v>
      </c>
      <c r="V1708" s="10" t="s">
        <v>22</v>
      </c>
      <c r="W1708" s="10" t="s">
        <v>22</v>
      </c>
      <c r="X1708" s="10" t="s">
        <v>22</v>
      </c>
      <c r="Y1708" s="10" t="s">
        <v>22</v>
      </c>
      <c r="Z1708" s="10" t="s">
        <v>22</v>
      </c>
    </row>
    <row r="1709" spans="1:26" ht="24" customHeight="1" x14ac:dyDescent="0.2">
      <c r="A1709" s="9" t="s">
        <v>18965</v>
      </c>
      <c r="B1709" s="9" t="s">
        <v>14</v>
      </c>
      <c r="C1709" s="9" t="s">
        <v>8155</v>
      </c>
      <c r="D1709" s="6" t="s">
        <v>8156</v>
      </c>
      <c r="E1709" s="22">
        <v>44724</v>
      </c>
      <c r="F1709" s="22">
        <v>46549</v>
      </c>
      <c r="G1709" s="6" t="s">
        <v>8157</v>
      </c>
      <c r="H1709" s="6" t="s">
        <v>363</v>
      </c>
      <c r="I1709" s="6" t="s">
        <v>597</v>
      </c>
      <c r="J1709" s="6" t="s">
        <v>8158</v>
      </c>
      <c r="K1709" s="9" t="s">
        <v>8159</v>
      </c>
      <c r="L1709" s="10" t="s">
        <v>22</v>
      </c>
      <c r="M1709" s="10" t="s">
        <v>22</v>
      </c>
      <c r="N1709" s="10" t="s">
        <v>22</v>
      </c>
      <c r="O1709" s="10" t="s">
        <v>22</v>
      </c>
      <c r="P1709" s="10" t="s">
        <v>22</v>
      </c>
      <c r="Q1709" s="10" t="s">
        <v>22</v>
      </c>
      <c r="R1709" s="10" t="s">
        <v>22</v>
      </c>
      <c r="S1709" s="10" t="s">
        <v>22</v>
      </c>
      <c r="T1709" s="10" t="s">
        <v>22</v>
      </c>
    </row>
    <row r="1710" spans="1:26" ht="24" customHeight="1" x14ac:dyDescent="0.2">
      <c r="A1710" s="9" t="s">
        <v>18966</v>
      </c>
      <c r="B1710" s="9" t="s">
        <v>14</v>
      </c>
      <c r="C1710" s="9" t="s">
        <v>8160</v>
      </c>
      <c r="D1710" s="6" t="s">
        <v>8161</v>
      </c>
      <c r="E1710" s="22">
        <v>44724</v>
      </c>
      <c r="F1710" s="22">
        <v>46549</v>
      </c>
      <c r="G1710" s="6" t="s">
        <v>8162</v>
      </c>
      <c r="H1710" s="6" t="s">
        <v>62</v>
      </c>
      <c r="I1710" s="6" t="s">
        <v>306</v>
      </c>
      <c r="J1710" s="6" t="s">
        <v>8163</v>
      </c>
      <c r="K1710" s="9" t="s">
        <v>8164</v>
      </c>
      <c r="L1710" s="10" t="s">
        <v>22</v>
      </c>
      <c r="M1710" s="10" t="s">
        <v>22</v>
      </c>
      <c r="N1710" s="10" t="s">
        <v>22</v>
      </c>
      <c r="O1710" s="10" t="s">
        <v>22</v>
      </c>
      <c r="P1710" s="10" t="s">
        <v>22</v>
      </c>
      <c r="Q1710" s="10" t="s">
        <v>22</v>
      </c>
      <c r="R1710" s="10" t="s">
        <v>22</v>
      </c>
      <c r="S1710" s="10" t="s">
        <v>22</v>
      </c>
      <c r="T1710" s="10" t="s">
        <v>22</v>
      </c>
      <c r="U1710" s="10" t="s">
        <v>22</v>
      </c>
      <c r="V1710" s="10" t="s">
        <v>22</v>
      </c>
      <c r="W1710" s="10" t="s">
        <v>22</v>
      </c>
      <c r="X1710" s="10" t="s">
        <v>22</v>
      </c>
      <c r="Y1710" s="10" t="s">
        <v>22</v>
      </c>
      <c r="Z1710" s="10" t="s">
        <v>22</v>
      </c>
    </row>
    <row r="1711" spans="1:26" ht="24" customHeight="1" x14ac:dyDescent="0.2">
      <c r="A1711" s="9" t="s">
        <v>18967</v>
      </c>
      <c r="B1711" s="9" t="s">
        <v>14</v>
      </c>
      <c r="C1711" s="9" t="s">
        <v>8165</v>
      </c>
      <c r="D1711" s="6" t="s">
        <v>8166</v>
      </c>
      <c r="E1711" s="22">
        <v>44724</v>
      </c>
      <c r="F1711" s="22">
        <v>46549</v>
      </c>
      <c r="G1711" s="6" t="s">
        <v>8167</v>
      </c>
      <c r="H1711" s="6" t="s">
        <v>18</v>
      </c>
      <c r="I1711" s="6" t="s">
        <v>7031</v>
      </c>
      <c r="J1711" s="6" t="s">
        <v>8168</v>
      </c>
      <c r="K1711" s="9" t="s">
        <v>8169</v>
      </c>
      <c r="P1711" s="10" t="s">
        <v>22</v>
      </c>
      <c r="Q1711" s="10" t="s">
        <v>22</v>
      </c>
      <c r="S1711" s="10" t="s">
        <v>22</v>
      </c>
      <c r="T1711" s="10" t="s">
        <v>22</v>
      </c>
      <c r="Y1711" s="10" t="s">
        <v>22</v>
      </c>
      <c r="Z1711" s="10" t="s">
        <v>22</v>
      </c>
    </row>
    <row r="1712" spans="1:26" ht="24" customHeight="1" x14ac:dyDescent="0.2">
      <c r="A1712" s="9" t="s">
        <v>18968</v>
      </c>
      <c r="B1712" s="9" t="s">
        <v>14</v>
      </c>
      <c r="C1712" s="9" t="s">
        <v>8170</v>
      </c>
      <c r="D1712" s="6" t="s">
        <v>8171</v>
      </c>
      <c r="E1712" s="22">
        <v>44733</v>
      </c>
      <c r="F1712" s="22">
        <v>46558</v>
      </c>
      <c r="G1712" s="6" t="s">
        <v>8172</v>
      </c>
      <c r="H1712" s="6" t="s">
        <v>18</v>
      </c>
      <c r="I1712" s="6" t="s">
        <v>392</v>
      </c>
      <c r="J1712" s="6" t="s">
        <v>8173</v>
      </c>
      <c r="K1712" s="9" t="s">
        <v>8174</v>
      </c>
      <c r="O1712" s="10" t="s">
        <v>22</v>
      </c>
      <c r="P1712" s="10" t="s">
        <v>22</v>
      </c>
      <c r="Q1712" s="10" t="s">
        <v>22</v>
      </c>
      <c r="X1712" s="10" t="s">
        <v>22</v>
      </c>
      <c r="Y1712" s="10" t="s">
        <v>22</v>
      </c>
      <c r="Z1712" s="10" t="s">
        <v>22</v>
      </c>
    </row>
    <row r="1713" spans="1:26" ht="24" customHeight="1" x14ac:dyDescent="0.2">
      <c r="A1713" s="9" t="s">
        <v>18969</v>
      </c>
      <c r="B1713" s="9" t="s">
        <v>14</v>
      </c>
      <c r="C1713" s="9" t="s">
        <v>8175</v>
      </c>
      <c r="D1713" s="6" t="s">
        <v>8176</v>
      </c>
      <c r="E1713" s="22">
        <v>44733</v>
      </c>
      <c r="F1713" s="22">
        <v>46558</v>
      </c>
      <c r="G1713" s="6" t="s">
        <v>8177</v>
      </c>
      <c r="H1713" s="6" t="s">
        <v>62</v>
      </c>
      <c r="I1713" s="6" t="s">
        <v>306</v>
      </c>
      <c r="J1713" s="6" t="s">
        <v>8178</v>
      </c>
      <c r="K1713" s="9" t="s">
        <v>8179</v>
      </c>
      <c r="L1713" s="10" t="s">
        <v>22</v>
      </c>
      <c r="M1713" s="10" t="s">
        <v>22</v>
      </c>
      <c r="N1713" s="10" t="s">
        <v>22</v>
      </c>
      <c r="O1713" s="10" t="s">
        <v>22</v>
      </c>
      <c r="P1713" s="10" t="s">
        <v>22</v>
      </c>
      <c r="Q1713" s="10" t="s">
        <v>22</v>
      </c>
      <c r="U1713" s="10" t="s">
        <v>22</v>
      </c>
      <c r="V1713" s="10" t="s">
        <v>22</v>
      </c>
      <c r="W1713" s="10" t="s">
        <v>22</v>
      </c>
      <c r="X1713" s="10" t="s">
        <v>22</v>
      </c>
      <c r="Y1713" s="10" t="s">
        <v>22</v>
      </c>
      <c r="Z1713" s="10" t="s">
        <v>22</v>
      </c>
    </row>
    <row r="1714" spans="1:26" ht="24" customHeight="1" x14ac:dyDescent="0.2">
      <c r="A1714" s="9" t="s">
        <v>18970</v>
      </c>
      <c r="B1714" s="9" t="s">
        <v>14</v>
      </c>
      <c r="C1714" s="9" t="s">
        <v>8180</v>
      </c>
      <c r="D1714" s="6" t="s">
        <v>8181</v>
      </c>
      <c r="E1714" s="22">
        <v>44740</v>
      </c>
      <c r="F1714" s="22">
        <v>46565</v>
      </c>
      <c r="G1714" s="6" t="s">
        <v>8182</v>
      </c>
      <c r="H1714" s="6" t="s">
        <v>7487</v>
      </c>
      <c r="I1714" s="6" t="s">
        <v>8183</v>
      </c>
      <c r="J1714" s="6" t="s">
        <v>8184</v>
      </c>
      <c r="K1714" s="9" t="s">
        <v>8185</v>
      </c>
      <c r="L1714" s="10" t="s">
        <v>22</v>
      </c>
      <c r="M1714" s="10" t="s">
        <v>22</v>
      </c>
      <c r="N1714" s="10" t="s">
        <v>22</v>
      </c>
      <c r="O1714" s="10" t="s">
        <v>22</v>
      </c>
      <c r="P1714" s="10" t="s">
        <v>22</v>
      </c>
      <c r="Q1714" s="10" t="s">
        <v>22</v>
      </c>
      <c r="R1714" s="10" t="s">
        <v>22</v>
      </c>
      <c r="S1714" s="10" t="s">
        <v>22</v>
      </c>
      <c r="T1714" s="10" t="s">
        <v>22</v>
      </c>
      <c r="U1714" s="10" t="s">
        <v>22</v>
      </c>
      <c r="V1714" s="10" t="s">
        <v>22</v>
      </c>
      <c r="W1714" s="10" t="s">
        <v>22</v>
      </c>
      <c r="X1714" s="10" t="s">
        <v>22</v>
      </c>
      <c r="Y1714" s="10" t="s">
        <v>22</v>
      </c>
      <c r="Z1714" s="10" t="s">
        <v>22</v>
      </c>
    </row>
    <row r="1715" spans="1:26" ht="24" customHeight="1" x14ac:dyDescent="0.2">
      <c r="A1715" s="9" t="s">
        <v>18971</v>
      </c>
      <c r="B1715" s="9" t="s">
        <v>14</v>
      </c>
      <c r="C1715" s="9" t="s">
        <v>8186</v>
      </c>
      <c r="D1715" s="6" t="s">
        <v>8187</v>
      </c>
      <c r="E1715" s="22">
        <v>44740</v>
      </c>
      <c r="F1715" s="22">
        <v>46565</v>
      </c>
      <c r="G1715" s="6" t="s">
        <v>8188</v>
      </c>
      <c r="H1715" s="6" t="s">
        <v>62</v>
      </c>
      <c r="I1715" s="6" t="s">
        <v>318</v>
      </c>
      <c r="J1715" s="6" t="s">
        <v>8189</v>
      </c>
      <c r="K1715" s="9" t="s">
        <v>8190</v>
      </c>
      <c r="L1715" s="10" t="s">
        <v>22</v>
      </c>
      <c r="M1715" s="10" t="s">
        <v>22</v>
      </c>
      <c r="N1715" s="10" t="s">
        <v>22</v>
      </c>
      <c r="U1715" s="10" t="s">
        <v>22</v>
      </c>
      <c r="V1715" s="10" t="s">
        <v>22</v>
      </c>
      <c r="W1715" s="10" t="s">
        <v>22</v>
      </c>
    </row>
    <row r="1716" spans="1:26" ht="24" customHeight="1" x14ac:dyDescent="0.2">
      <c r="A1716" s="9" t="s">
        <v>18972</v>
      </c>
      <c r="B1716" s="9" t="s">
        <v>14</v>
      </c>
      <c r="C1716" s="9" t="s">
        <v>8191</v>
      </c>
      <c r="D1716" s="6" t="s">
        <v>8192</v>
      </c>
      <c r="E1716" s="22">
        <v>44740</v>
      </c>
      <c r="F1716" s="22">
        <v>46565</v>
      </c>
      <c r="G1716" s="6" t="s">
        <v>8193</v>
      </c>
      <c r="H1716" s="6" t="s">
        <v>229</v>
      </c>
      <c r="I1716" s="6" t="s">
        <v>825</v>
      </c>
      <c r="J1716" s="6" t="s">
        <v>8194</v>
      </c>
      <c r="K1716" s="9" t="s">
        <v>8195</v>
      </c>
      <c r="L1716" s="10" t="s">
        <v>22</v>
      </c>
      <c r="M1716" s="10" t="s">
        <v>22</v>
      </c>
      <c r="N1716" s="10" t="s">
        <v>22</v>
      </c>
      <c r="O1716" s="10" t="s">
        <v>22</v>
      </c>
      <c r="P1716" s="10" t="s">
        <v>22</v>
      </c>
      <c r="Q1716" s="10" t="s">
        <v>22</v>
      </c>
      <c r="R1716" s="10" t="s">
        <v>22</v>
      </c>
      <c r="S1716" s="10" t="s">
        <v>22</v>
      </c>
      <c r="T1716" s="10" t="s">
        <v>22</v>
      </c>
      <c r="U1716" s="10" t="s">
        <v>22</v>
      </c>
      <c r="V1716" s="10" t="s">
        <v>22</v>
      </c>
      <c r="W1716" s="10" t="s">
        <v>22</v>
      </c>
      <c r="X1716" s="10" t="s">
        <v>22</v>
      </c>
      <c r="Y1716" s="10" t="s">
        <v>22</v>
      </c>
      <c r="Z1716" s="10" t="s">
        <v>22</v>
      </c>
    </row>
    <row r="1717" spans="1:26" ht="24" customHeight="1" x14ac:dyDescent="0.2">
      <c r="A1717" s="9" t="s">
        <v>18973</v>
      </c>
      <c r="B1717" s="9" t="s">
        <v>14</v>
      </c>
      <c r="C1717" s="9" t="s">
        <v>8196</v>
      </c>
      <c r="D1717" s="6" t="s">
        <v>8197</v>
      </c>
      <c r="E1717" s="22">
        <v>44740</v>
      </c>
      <c r="F1717" s="22">
        <v>46565</v>
      </c>
      <c r="G1717" s="6" t="s">
        <v>8198</v>
      </c>
      <c r="H1717" s="6" t="s">
        <v>62</v>
      </c>
      <c r="I1717" s="6" t="s">
        <v>73</v>
      </c>
      <c r="J1717" s="6" t="s">
        <v>8199</v>
      </c>
      <c r="K1717" s="9" t="s">
        <v>8200</v>
      </c>
      <c r="L1717" s="10" t="s">
        <v>22</v>
      </c>
      <c r="M1717" s="10" t="s">
        <v>22</v>
      </c>
      <c r="N1717" s="10" t="s">
        <v>22</v>
      </c>
      <c r="O1717" s="10" t="s">
        <v>22</v>
      </c>
      <c r="P1717" s="10" t="s">
        <v>22</v>
      </c>
      <c r="Q1717" s="10" t="s">
        <v>22</v>
      </c>
      <c r="R1717" s="10" t="s">
        <v>22</v>
      </c>
      <c r="S1717" s="10" t="s">
        <v>22</v>
      </c>
      <c r="T1717" s="10" t="s">
        <v>22</v>
      </c>
      <c r="U1717" s="10" t="s">
        <v>22</v>
      </c>
      <c r="V1717" s="10" t="s">
        <v>22</v>
      </c>
      <c r="W1717" s="10" t="s">
        <v>22</v>
      </c>
      <c r="X1717" s="10" t="s">
        <v>22</v>
      </c>
      <c r="Y1717" s="10" t="s">
        <v>22</v>
      </c>
      <c r="Z1717" s="10" t="s">
        <v>22</v>
      </c>
    </row>
    <row r="1718" spans="1:26" ht="24" customHeight="1" x14ac:dyDescent="0.2">
      <c r="A1718" s="9" t="s">
        <v>18974</v>
      </c>
      <c r="B1718" s="9" t="s">
        <v>14</v>
      </c>
      <c r="C1718" s="9" t="s">
        <v>8201</v>
      </c>
      <c r="D1718" s="6" t="s">
        <v>8202</v>
      </c>
      <c r="E1718" s="22">
        <v>44742</v>
      </c>
      <c r="F1718" s="22">
        <v>46567</v>
      </c>
      <c r="G1718" s="6" t="s">
        <v>8203</v>
      </c>
      <c r="H1718" s="6" t="s">
        <v>62</v>
      </c>
      <c r="I1718" s="6" t="s">
        <v>1066</v>
      </c>
      <c r="J1718" s="6" t="s">
        <v>8204</v>
      </c>
      <c r="K1718" s="9" t="s">
        <v>8205</v>
      </c>
      <c r="L1718" s="10" t="s">
        <v>22</v>
      </c>
      <c r="M1718" s="10" t="s">
        <v>22</v>
      </c>
      <c r="N1718" s="10" t="s">
        <v>22</v>
      </c>
      <c r="O1718" s="10" t="s">
        <v>22</v>
      </c>
      <c r="P1718" s="10" t="s">
        <v>22</v>
      </c>
      <c r="Q1718" s="10" t="s">
        <v>22</v>
      </c>
      <c r="R1718" s="10" t="s">
        <v>22</v>
      </c>
      <c r="S1718" s="10" t="s">
        <v>22</v>
      </c>
      <c r="T1718" s="10" t="s">
        <v>22</v>
      </c>
      <c r="U1718" s="10" t="s">
        <v>22</v>
      </c>
      <c r="V1718" s="10" t="s">
        <v>22</v>
      </c>
      <c r="W1718" s="10" t="s">
        <v>22</v>
      </c>
      <c r="X1718" s="10" t="s">
        <v>22</v>
      </c>
      <c r="Y1718" s="10" t="s">
        <v>22</v>
      </c>
      <c r="Z1718" s="10" t="s">
        <v>22</v>
      </c>
    </row>
    <row r="1719" spans="1:26" ht="24" customHeight="1" x14ac:dyDescent="0.2">
      <c r="A1719" s="9" t="s">
        <v>18975</v>
      </c>
      <c r="B1719" s="9" t="s">
        <v>14</v>
      </c>
      <c r="C1719" s="9" t="s">
        <v>8206</v>
      </c>
      <c r="D1719" s="6" t="s">
        <v>8207</v>
      </c>
      <c r="E1719" s="22">
        <v>44742</v>
      </c>
      <c r="F1719" s="22">
        <v>46567</v>
      </c>
      <c r="G1719" s="6" t="s">
        <v>8208</v>
      </c>
      <c r="H1719" s="6" t="s">
        <v>363</v>
      </c>
      <c r="I1719" s="6" t="s">
        <v>597</v>
      </c>
      <c r="J1719" s="6" t="s">
        <v>8209</v>
      </c>
      <c r="K1719" s="9" t="s">
        <v>8210</v>
      </c>
      <c r="L1719" s="10" t="s">
        <v>22</v>
      </c>
      <c r="M1719" s="10" t="s">
        <v>22</v>
      </c>
      <c r="N1719" s="10" t="s">
        <v>22</v>
      </c>
      <c r="O1719" s="10" t="s">
        <v>22</v>
      </c>
      <c r="P1719" s="10" t="s">
        <v>22</v>
      </c>
      <c r="Q1719" s="10" t="s">
        <v>22</v>
      </c>
      <c r="R1719" s="10" t="s">
        <v>22</v>
      </c>
      <c r="S1719" s="10" t="s">
        <v>22</v>
      </c>
      <c r="T1719" s="10" t="s">
        <v>22</v>
      </c>
      <c r="U1719" s="10" t="s">
        <v>22</v>
      </c>
      <c r="V1719" s="10" t="s">
        <v>22</v>
      </c>
      <c r="W1719" s="10" t="s">
        <v>22</v>
      </c>
      <c r="X1719" s="10" t="s">
        <v>22</v>
      </c>
      <c r="Y1719" s="10" t="s">
        <v>22</v>
      </c>
      <c r="Z1719" s="10" t="s">
        <v>22</v>
      </c>
    </row>
    <row r="1720" spans="1:26" ht="24" customHeight="1" x14ac:dyDescent="0.2">
      <c r="A1720" s="9" t="s">
        <v>18976</v>
      </c>
      <c r="B1720" s="9" t="s">
        <v>14</v>
      </c>
      <c r="C1720" s="9" t="s">
        <v>8211</v>
      </c>
      <c r="D1720" s="6" t="s">
        <v>8212</v>
      </c>
      <c r="E1720" s="22">
        <v>44742</v>
      </c>
      <c r="F1720" s="22">
        <v>46567</v>
      </c>
      <c r="G1720" s="6" t="s">
        <v>8213</v>
      </c>
      <c r="H1720" s="6" t="s">
        <v>62</v>
      </c>
      <c r="I1720" s="6" t="s">
        <v>306</v>
      </c>
      <c r="J1720" s="6" t="s">
        <v>8214</v>
      </c>
      <c r="K1720" s="9" t="s">
        <v>8215</v>
      </c>
      <c r="L1720" s="10" t="s">
        <v>22</v>
      </c>
      <c r="M1720" s="10" t="s">
        <v>22</v>
      </c>
      <c r="N1720" s="10" t="s">
        <v>22</v>
      </c>
      <c r="O1720" s="10" t="s">
        <v>22</v>
      </c>
      <c r="P1720" s="10" t="s">
        <v>22</v>
      </c>
      <c r="Q1720" s="10" t="s">
        <v>22</v>
      </c>
      <c r="R1720" s="10" t="s">
        <v>22</v>
      </c>
      <c r="S1720" s="10" t="s">
        <v>22</v>
      </c>
      <c r="T1720" s="10" t="s">
        <v>22</v>
      </c>
      <c r="U1720" s="10" t="s">
        <v>22</v>
      </c>
      <c r="V1720" s="10" t="s">
        <v>22</v>
      </c>
      <c r="W1720" s="10" t="s">
        <v>22</v>
      </c>
      <c r="X1720" s="10" t="s">
        <v>22</v>
      </c>
      <c r="Y1720" s="10" t="s">
        <v>22</v>
      </c>
      <c r="Z1720" s="10" t="s">
        <v>22</v>
      </c>
    </row>
    <row r="1721" spans="1:26" ht="24" customHeight="1" x14ac:dyDescent="0.2">
      <c r="A1721" s="9" t="s">
        <v>18977</v>
      </c>
      <c r="B1721" s="9" t="s">
        <v>14</v>
      </c>
      <c r="C1721" s="9" t="s">
        <v>8216</v>
      </c>
      <c r="D1721" s="6" t="s">
        <v>8217</v>
      </c>
      <c r="E1721" s="22">
        <v>44742</v>
      </c>
      <c r="F1721" s="22">
        <v>46567</v>
      </c>
      <c r="G1721" s="6" t="s">
        <v>8218</v>
      </c>
      <c r="H1721" s="6" t="s">
        <v>62</v>
      </c>
      <c r="I1721" s="6" t="s">
        <v>842</v>
      </c>
      <c r="J1721" s="6" t="s">
        <v>8219</v>
      </c>
      <c r="L1721" s="10" t="s">
        <v>22</v>
      </c>
      <c r="M1721" s="10" t="s">
        <v>22</v>
      </c>
      <c r="N1721" s="10" t="s">
        <v>22</v>
      </c>
      <c r="O1721" s="10" t="s">
        <v>22</v>
      </c>
      <c r="P1721" s="10" t="s">
        <v>22</v>
      </c>
      <c r="Q1721" s="10" t="s">
        <v>22</v>
      </c>
      <c r="R1721" s="10" t="s">
        <v>22</v>
      </c>
      <c r="S1721" s="10" t="s">
        <v>22</v>
      </c>
      <c r="T1721" s="10" t="s">
        <v>22</v>
      </c>
      <c r="U1721" s="10" t="s">
        <v>22</v>
      </c>
      <c r="V1721" s="10" t="s">
        <v>22</v>
      </c>
      <c r="W1721" s="10" t="s">
        <v>22</v>
      </c>
      <c r="X1721" s="10" t="s">
        <v>22</v>
      </c>
      <c r="Y1721" s="10" t="s">
        <v>22</v>
      </c>
      <c r="Z1721" s="10" t="s">
        <v>22</v>
      </c>
    </row>
    <row r="1722" spans="1:26" ht="24" customHeight="1" x14ac:dyDescent="0.2">
      <c r="A1722" s="9" t="s">
        <v>18978</v>
      </c>
      <c r="B1722" s="9" t="s">
        <v>14</v>
      </c>
      <c r="C1722" s="9" t="s">
        <v>8220</v>
      </c>
      <c r="D1722" s="6" t="s">
        <v>8221</v>
      </c>
      <c r="E1722" s="22">
        <v>44739</v>
      </c>
      <c r="F1722" s="22">
        <v>46564</v>
      </c>
      <c r="G1722" s="6" t="s">
        <v>8222</v>
      </c>
      <c r="H1722" s="6" t="s">
        <v>62</v>
      </c>
      <c r="I1722" s="6" t="s">
        <v>414</v>
      </c>
      <c r="J1722" s="6" t="s">
        <v>8223</v>
      </c>
      <c r="K1722" s="9" t="s">
        <v>8224</v>
      </c>
      <c r="L1722" s="10" t="s">
        <v>22</v>
      </c>
      <c r="M1722" s="10" t="s">
        <v>22</v>
      </c>
      <c r="N1722" s="10" t="s">
        <v>22</v>
      </c>
      <c r="O1722" s="10" t="s">
        <v>22</v>
      </c>
      <c r="P1722" s="10" t="s">
        <v>22</v>
      </c>
      <c r="Q1722" s="10" t="s">
        <v>22</v>
      </c>
      <c r="R1722" s="10" t="s">
        <v>22</v>
      </c>
      <c r="S1722" s="10" t="s">
        <v>22</v>
      </c>
      <c r="T1722" s="10" t="s">
        <v>22</v>
      </c>
      <c r="U1722" s="10" t="s">
        <v>22</v>
      </c>
      <c r="V1722" s="10" t="s">
        <v>22</v>
      </c>
      <c r="W1722" s="10" t="s">
        <v>22</v>
      </c>
      <c r="X1722" s="10" t="s">
        <v>22</v>
      </c>
      <c r="Y1722" s="10" t="s">
        <v>22</v>
      </c>
      <c r="Z1722" s="10" t="s">
        <v>22</v>
      </c>
    </row>
    <row r="1723" spans="1:26" ht="24" customHeight="1" x14ac:dyDescent="0.2">
      <c r="A1723" s="9" t="s">
        <v>18979</v>
      </c>
      <c r="B1723" s="9" t="s">
        <v>14</v>
      </c>
      <c r="C1723" s="9" t="s">
        <v>8225</v>
      </c>
      <c r="D1723" s="6" t="s">
        <v>8226</v>
      </c>
      <c r="E1723" s="22">
        <v>44749</v>
      </c>
      <c r="F1723" s="22">
        <v>46574</v>
      </c>
      <c r="G1723" s="6" t="s">
        <v>8227</v>
      </c>
      <c r="H1723" s="6" t="s">
        <v>2029</v>
      </c>
      <c r="I1723" s="6" t="s">
        <v>4983</v>
      </c>
      <c r="J1723" s="6" t="s">
        <v>8228</v>
      </c>
      <c r="K1723" s="9" t="s">
        <v>8229</v>
      </c>
      <c r="L1723" s="10" t="s">
        <v>22</v>
      </c>
      <c r="M1723" s="10" t="s">
        <v>22</v>
      </c>
      <c r="N1723" s="10" t="s">
        <v>22</v>
      </c>
      <c r="O1723" s="10" t="s">
        <v>22</v>
      </c>
      <c r="P1723" s="10" t="s">
        <v>22</v>
      </c>
      <c r="Q1723" s="10" t="s">
        <v>22</v>
      </c>
      <c r="R1723" s="10" t="s">
        <v>22</v>
      </c>
      <c r="S1723" s="10" t="s">
        <v>22</v>
      </c>
      <c r="T1723" s="10" t="s">
        <v>22</v>
      </c>
      <c r="U1723" s="10" t="s">
        <v>22</v>
      </c>
      <c r="V1723" s="10" t="s">
        <v>22</v>
      </c>
      <c r="W1723" s="10" t="s">
        <v>22</v>
      </c>
      <c r="X1723" s="10" t="s">
        <v>22</v>
      </c>
      <c r="Y1723" s="10" t="s">
        <v>22</v>
      </c>
      <c r="Z1723" s="10" t="s">
        <v>22</v>
      </c>
    </row>
    <row r="1724" spans="1:26" ht="24" customHeight="1" x14ac:dyDescent="0.2">
      <c r="A1724" s="9" t="s">
        <v>18980</v>
      </c>
      <c r="B1724" s="9" t="s">
        <v>14</v>
      </c>
      <c r="C1724" s="9" t="s">
        <v>8230</v>
      </c>
      <c r="D1724" s="6" t="s">
        <v>8231</v>
      </c>
      <c r="E1724" s="22">
        <v>44749</v>
      </c>
      <c r="F1724" s="22">
        <v>46574</v>
      </c>
      <c r="G1724" s="6" t="s">
        <v>8232</v>
      </c>
      <c r="H1724" s="6" t="s">
        <v>18</v>
      </c>
      <c r="I1724" s="6" t="s">
        <v>26</v>
      </c>
      <c r="J1724" s="6" t="s">
        <v>8233</v>
      </c>
      <c r="K1724" s="9" t="s">
        <v>8234</v>
      </c>
      <c r="L1724" s="10" t="s">
        <v>22</v>
      </c>
      <c r="M1724" s="10" t="s">
        <v>22</v>
      </c>
      <c r="N1724" s="10" t="s">
        <v>22</v>
      </c>
      <c r="O1724" s="10" t="s">
        <v>22</v>
      </c>
      <c r="P1724" s="10" t="s">
        <v>22</v>
      </c>
      <c r="Q1724" s="10" t="s">
        <v>22</v>
      </c>
      <c r="U1724" s="10" t="s">
        <v>22</v>
      </c>
      <c r="V1724" s="10" t="s">
        <v>22</v>
      </c>
      <c r="W1724" s="10" t="s">
        <v>22</v>
      </c>
      <c r="X1724" s="10" t="s">
        <v>22</v>
      </c>
      <c r="Y1724" s="10" t="s">
        <v>22</v>
      </c>
      <c r="Z1724" s="10" t="s">
        <v>22</v>
      </c>
    </row>
    <row r="1725" spans="1:26" ht="24" customHeight="1" x14ac:dyDescent="0.2">
      <c r="A1725" s="9" t="s">
        <v>18981</v>
      </c>
      <c r="B1725" s="9" t="s">
        <v>14</v>
      </c>
      <c r="C1725" s="9" t="s">
        <v>8235</v>
      </c>
      <c r="D1725" s="6" t="s">
        <v>8236</v>
      </c>
      <c r="E1725" s="22">
        <v>44749</v>
      </c>
      <c r="F1725" s="22">
        <v>46574</v>
      </c>
      <c r="G1725" s="6" t="s">
        <v>8237</v>
      </c>
      <c r="H1725" s="6" t="s">
        <v>62</v>
      </c>
      <c r="I1725" s="6" t="s">
        <v>1186</v>
      </c>
      <c r="J1725" s="6" t="s">
        <v>8238</v>
      </c>
      <c r="K1725" s="9" t="s">
        <v>8239</v>
      </c>
      <c r="L1725" s="10" t="s">
        <v>22</v>
      </c>
      <c r="M1725" s="10" t="s">
        <v>22</v>
      </c>
      <c r="N1725" s="10" t="s">
        <v>22</v>
      </c>
      <c r="O1725" s="10" t="s">
        <v>22</v>
      </c>
      <c r="P1725" s="10" t="s">
        <v>22</v>
      </c>
      <c r="Q1725" s="10" t="s">
        <v>22</v>
      </c>
      <c r="R1725" s="10" t="s">
        <v>22</v>
      </c>
      <c r="S1725" s="10" t="s">
        <v>22</v>
      </c>
      <c r="T1725" s="10" t="s">
        <v>22</v>
      </c>
      <c r="U1725" s="10" t="s">
        <v>22</v>
      </c>
      <c r="V1725" s="10" t="s">
        <v>22</v>
      </c>
      <c r="W1725" s="10" t="s">
        <v>22</v>
      </c>
      <c r="X1725" s="10" t="s">
        <v>22</v>
      </c>
      <c r="Y1725" s="10" t="s">
        <v>22</v>
      </c>
      <c r="Z1725" s="10" t="s">
        <v>22</v>
      </c>
    </row>
    <row r="1726" spans="1:26" ht="24" customHeight="1" x14ac:dyDescent="0.2">
      <c r="A1726" s="9" t="s">
        <v>18982</v>
      </c>
      <c r="B1726" s="9" t="s">
        <v>14</v>
      </c>
      <c r="C1726" s="9" t="s">
        <v>8240</v>
      </c>
      <c r="D1726" s="6" t="s">
        <v>8241</v>
      </c>
      <c r="E1726" s="22">
        <v>44749</v>
      </c>
      <c r="F1726" s="22">
        <v>46574</v>
      </c>
      <c r="G1726" s="6" t="s">
        <v>8242</v>
      </c>
      <c r="H1726" s="6" t="s">
        <v>18</v>
      </c>
      <c r="I1726" s="6" t="s">
        <v>19</v>
      </c>
      <c r="J1726" s="6" t="s">
        <v>8243</v>
      </c>
      <c r="K1726" s="9" t="s">
        <v>8244</v>
      </c>
      <c r="L1726" s="10" t="s">
        <v>22</v>
      </c>
      <c r="M1726" s="10" t="s">
        <v>22</v>
      </c>
      <c r="N1726" s="10" t="s">
        <v>22</v>
      </c>
      <c r="O1726" s="10" t="s">
        <v>22</v>
      </c>
      <c r="P1726" s="10" t="s">
        <v>22</v>
      </c>
      <c r="Q1726" s="10" t="s">
        <v>22</v>
      </c>
      <c r="R1726" s="10" t="s">
        <v>22</v>
      </c>
      <c r="S1726" s="10" t="s">
        <v>22</v>
      </c>
      <c r="T1726" s="10" t="s">
        <v>22</v>
      </c>
      <c r="U1726" s="10" t="s">
        <v>22</v>
      </c>
      <c r="V1726" s="10" t="s">
        <v>22</v>
      </c>
      <c r="W1726" s="10" t="s">
        <v>22</v>
      </c>
    </row>
    <row r="1727" spans="1:26" ht="34" customHeight="1" x14ac:dyDescent="0.2">
      <c r="A1727" s="9" t="s">
        <v>18983</v>
      </c>
      <c r="B1727" s="9" t="s">
        <v>14</v>
      </c>
      <c r="C1727" s="9" t="s">
        <v>8245</v>
      </c>
      <c r="D1727" s="6" t="s">
        <v>8246</v>
      </c>
      <c r="E1727" s="22">
        <v>44763</v>
      </c>
      <c r="F1727" s="22">
        <v>46588</v>
      </c>
      <c r="G1727" s="6" t="s">
        <v>8247</v>
      </c>
      <c r="H1727" s="6" t="s">
        <v>18</v>
      </c>
      <c r="I1727" s="6" t="s">
        <v>19</v>
      </c>
      <c r="J1727" s="6" t="s">
        <v>8248</v>
      </c>
      <c r="K1727" s="9" t="s">
        <v>8249</v>
      </c>
      <c r="N1727" s="10" t="s">
        <v>22</v>
      </c>
      <c r="Q1727" s="10" t="s">
        <v>22</v>
      </c>
      <c r="W1727" s="10" t="s">
        <v>22</v>
      </c>
      <c r="Z1727" s="10" t="s">
        <v>22</v>
      </c>
    </row>
    <row r="1728" spans="1:26" ht="24" customHeight="1" x14ac:dyDescent="0.2">
      <c r="A1728" s="9" t="s">
        <v>18984</v>
      </c>
      <c r="B1728" s="9" t="s">
        <v>14</v>
      </c>
      <c r="C1728" s="9" t="s">
        <v>8250</v>
      </c>
      <c r="D1728" s="6" t="s">
        <v>8251</v>
      </c>
      <c r="E1728" s="22">
        <v>44763</v>
      </c>
      <c r="F1728" s="22">
        <v>46588</v>
      </c>
      <c r="G1728" s="6" t="s">
        <v>8252</v>
      </c>
      <c r="H1728" s="6" t="s">
        <v>18</v>
      </c>
      <c r="I1728" s="6" t="s">
        <v>19</v>
      </c>
      <c r="J1728" s="6" t="s">
        <v>8253</v>
      </c>
      <c r="K1728" s="9" t="s">
        <v>8254</v>
      </c>
      <c r="L1728" s="10" t="s">
        <v>22</v>
      </c>
      <c r="M1728" s="10" t="s">
        <v>22</v>
      </c>
      <c r="N1728" s="10" t="s">
        <v>22</v>
      </c>
      <c r="O1728" s="10" t="s">
        <v>22</v>
      </c>
      <c r="P1728" s="10" t="s">
        <v>22</v>
      </c>
      <c r="Q1728" s="10" t="s">
        <v>22</v>
      </c>
      <c r="U1728" s="10" t="s">
        <v>22</v>
      </c>
      <c r="V1728" s="10" t="s">
        <v>22</v>
      </c>
      <c r="W1728" s="10" t="s">
        <v>22</v>
      </c>
    </row>
    <row r="1729" spans="1:26" ht="24" customHeight="1" x14ac:dyDescent="0.2">
      <c r="A1729" s="9" t="s">
        <v>18985</v>
      </c>
      <c r="B1729" s="9" t="s">
        <v>14</v>
      </c>
      <c r="C1729" s="9" t="s">
        <v>8255</v>
      </c>
      <c r="D1729" s="6" t="s">
        <v>617</v>
      </c>
      <c r="E1729" s="22">
        <v>44776</v>
      </c>
      <c r="F1729" s="22">
        <v>46601</v>
      </c>
      <c r="G1729" s="6" t="s">
        <v>618</v>
      </c>
      <c r="H1729" s="6" t="s">
        <v>62</v>
      </c>
      <c r="I1729" s="6" t="s">
        <v>1444</v>
      </c>
      <c r="J1729" s="6" t="s">
        <v>8256</v>
      </c>
      <c r="K1729" s="9" t="s">
        <v>8257</v>
      </c>
      <c r="L1729" s="10" t="s">
        <v>22</v>
      </c>
      <c r="M1729" s="10" t="s">
        <v>22</v>
      </c>
      <c r="N1729" s="10" t="s">
        <v>22</v>
      </c>
      <c r="U1729" s="10" t="s">
        <v>22</v>
      </c>
      <c r="V1729" s="10" t="s">
        <v>22</v>
      </c>
      <c r="W1729" s="10" t="s">
        <v>22</v>
      </c>
    </row>
    <row r="1730" spans="1:26" ht="24" customHeight="1" x14ac:dyDescent="0.2">
      <c r="A1730" s="9" t="s">
        <v>18986</v>
      </c>
      <c r="B1730" s="9" t="s">
        <v>14</v>
      </c>
      <c r="C1730" s="9" t="s">
        <v>8258</v>
      </c>
      <c r="D1730" s="6" t="s">
        <v>8259</v>
      </c>
      <c r="E1730" s="22">
        <v>44788</v>
      </c>
      <c r="F1730" s="22">
        <v>46613</v>
      </c>
      <c r="G1730" s="6" t="s">
        <v>8260</v>
      </c>
      <c r="H1730" s="6" t="s">
        <v>1625</v>
      </c>
      <c r="I1730" s="6" t="s">
        <v>3516</v>
      </c>
      <c r="J1730" s="6" t="s">
        <v>8261</v>
      </c>
      <c r="K1730" s="9" t="s">
        <v>8262</v>
      </c>
      <c r="L1730" s="10" t="s">
        <v>22</v>
      </c>
      <c r="M1730" s="10" t="s">
        <v>22</v>
      </c>
      <c r="N1730" s="10" t="s">
        <v>22</v>
      </c>
      <c r="O1730" s="10" t="s">
        <v>22</v>
      </c>
      <c r="P1730" s="10" t="s">
        <v>22</v>
      </c>
      <c r="Q1730" s="10" t="s">
        <v>22</v>
      </c>
    </row>
    <row r="1731" spans="1:26" ht="24" customHeight="1" x14ac:dyDescent="0.2">
      <c r="A1731" s="9" t="s">
        <v>18987</v>
      </c>
      <c r="B1731" s="9" t="s">
        <v>14</v>
      </c>
      <c r="C1731" s="9" t="s">
        <v>8263</v>
      </c>
      <c r="D1731" s="6" t="s">
        <v>8264</v>
      </c>
      <c r="E1731" s="22">
        <v>44788</v>
      </c>
      <c r="F1731" s="22">
        <v>46613</v>
      </c>
      <c r="G1731" s="6" t="s">
        <v>8265</v>
      </c>
      <c r="H1731" s="6" t="s">
        <v>7487</v>
      </c>
      <c r="I1731" s="6" t="s">
        <v>8183</v>
      </c>
      <c r="J1731" s="6" t="s">
        <v>8266</v>
      </c>
      <c r="K1731" s="9" t="s">
        <v>8267</v>
      </c>
      <c r="M1731" s="10" t="s">
        <v>22</v>
      </c>
      <c r="N1731" s="10" t="s">
        <v>22</v>
      </c>
      <c r="O1731" s="10" t="s">
        <v>22</v>
      </c>
      <c r="P1731" s="10" t="s">
        <v>22</v>
      </c>
      <c r="Q1731" s="10" t="s">
        <v>22</v>
      </c>
      <c r="R1731" s="10" t="s">
        <v>22</v>
      </c>
      <c r="S1731" s="10" t="s">
        <v>22</v>
      </c>
      <c r="T1731" s="10" t="s">
        <v>22</v>
      </c>
      <c r="V1731" s="10" t="s">
        <v>22</v>
      </c>
      <c r="W1731" s="10" t="s">
        <v>22</v>
      </c>
      <c r="Y1731" s="10" t="s">
        <v>22</v>
      </c>
      <c r="Z1731" s="10" t="s">
        <v>22</v>
      </c>
    </row>
    <row r="1732" spans="1:26" ht="24" customHeight="1" x14ac:dyDescent="0.2">
      <c r="A1732" s="9" t="s">
        <v>18988</v>
      </c>
      <c r="B1732" s="9" t="s">
        <v>14</v>
      </c>
      <c r="C1732" s="9" t="s">
        <v>8268</v>
      </c>
      <c r="D1732" s="6" t="s">
        <v>8269</v>
      </c>
      <c r="E1732" s="22">
        <v>44794</v>
      </c>
      <c r="F1732" s="22">
        <v>46619</v>
      </c>
      <c r="G1732" s="6" t="s">
        <v>8270</v>
      </c>
      <c r="H1732" s="6" t="s">
        <v>202</v>
      </c>
      <c r="I1732" s="6" t="s">
        <v>336</v>
      </c>
      <c r="J1732" s="6" t="s">
        <v>8271</v>
      </c>
      <c r="K1732" s="9" t="s">
        <v>8272</v>
      </c>
      <c r="L1732" s="10" t="s">
        <v>22</v>
      </c>
      <c r="M1732" s="10" t="s">
        <v>22</v>
      </c>
      <c r="N1732" s="10" t="s">
        <v>22</v>
      </c>
      <c r="O1732" s="10" t="s">
        <v>22</v>
      </c>
      <c r="P1732" s="10" t="s">
        <v>22</v>
      </c>
      <c r="Q1732" s="10" t="s">
        <v>22</v>
      </c>
      <c r="R1732" s="10" t="s">
        <v>22</v>
      </c>
      <c r="S1732" s="10" t="s">
        <v>22</v>
      </c>
      <c r="T1732" s="10" t="s">
        <v>22</v>
      </c>
      <c r="U1732" s="10" t="s">
        <v>22</v>
      </c>
      <c r="V1732" s="10" t="s">
        <v>22</v>
      </c>
      <c r="W1732" s="10" t="s">
        <v>22</v>
      </c>
      <c r="X1732" s="10" t="s">
        <v>22</v>
      </c>
      <c r="Y1732" s="10" t="s">
        <v>22</v>
      </c>
      <c r="Z1732" s="10" t="s">
        <v>22</v>
      </c>
    </row>
    <row r="1733" spans="1:26" ht="24" customHeight="1" x14ac:dyDescent="0.2">
      <c r="A1733" s="9" t="s">
        <v>18989</v>
      </c>
      <c r="B1733" s="9" t="s">
        <v>14</v>
      </c>
      <c r="C1733" s="9" t="s">
        <v>8273</v>
      </c>
      <c r="D1733" s="6" t="s">
        <v>8274</v>
      </c>
      <c r="E1733" s="22">
        <v>44794</v>
      </c>
      <c r="F1733" s="22">
        <v>46619</v>
      </c>
      <c r="G1733" s="6" t="s">
        <v>8275</v>
      </c>
      <c r="H1733" s="6" t="s">
        <v>2069</v>
      </c>
      <c r="I1733" s="6" t="s">
        <v>2070</v>
      </c>
      <c r="J1733" s="6" t="s">
        <v>8276</v>
      </c>
      <c r="K1733" s="9" t="s">
        <v>8277</v>
      </c>
      <c r="L1733" s="10" t="s">
        <v>22</v>
      </c>
      <c r="M1733" s="10" t="s">
        <v>22</v>
      </c>
      <c r="N1733" s="10" t="s">
        <v>22</v>
      </c>
      <c r="O1733" s="10" t="s">
        <v>22</v>
      </c>
      <c r="P1733" s="10" t="s">
        <v>22</v>
      </c>
      <c r="Q1733" s="10" t="s">
        <v>22</v>
      </c>
      <c r="R1733" s="10" t="s">
        <v>22</v>
      </c>
      <c r="S1733" s="10" t="s">
        <v>22</v>
      </c>
      <c r="T1733" s="10" t="s">
        <v>22</v>
      </c>
      <c r="U1733" s="10" t="s">
        <v>22</v>
      </c>
      <c r="V1733" s="10" t="s">
        <v>22</v>
      </c>
      <c r="W1733" s="10" t="s">
        <v>22</v>
      </c>
      <c r="X1733" s="10" t="s">
        <v>22</v>
      </c>
      <c r="Y1733" s="10" t="s">
        <v>22</v>
      </c>
      <c r="Z1733" s="10" t="s">
        <v>22</v>
      </c>
    </row>
    <row r="1734" spans="1:26" ht="24" customHeight="1" x14ac:dyDescent="0.2">
      <c r="A1734" s="9" t="s">
        <v>18990</v>
      </c>
      <c r="B1734" s="9" t="s">
        <v>14</v>
      </c>
      <c r="C1734" s="9" t="s">
        <v>8278</v>
      </c>
      <c r="D1734" s="6" t="s">
        <v>8279</v>
      </c>
      <c r="E1734" s="22">
        <v>44810</v>
      </c>
      <c r="F1734" s="22">
        <v>46635</v>
      </c>
      <c r="G1734" s="6" t="s">
        <v>8280</v>
      </c>
      <c r="H1734" s="6" t="s">
        <v>62</v>
      </c>
      <c r="I1734" s="6" t="s">
        <v>2578</v>
      </c>
      <c r="J1734" s="6" t="s">
        <v>8281</v>
      </c>
      <c r="K1734" s="9" t="s">
        <v>8282</v>
      </c>
      <c r="L1734" s="10" t="s">
        <v>22</v>
      </c>
      <c r="M1734" s="10" t="s">
        <v>22</v>
      </c>
      <c r="N1734" s="10" t="s">
        <v>22</v>
      </c>
      <c r="O1734" s="10" t="s">
        <v>22</v>
      </c>
      <c r="P1734" s="10" t="s">
        <v>22</v>
      </c>
      <c r="Q1734" s="10" t="s">
        <v>22</v>
      </c>
      <c r="R1734" s="10" t="s">
        <v>22</v>
      </c>
      <c r="S1734" s="10" t="s">
        <v>22</v>
      </c>
      <c r="T1734" s="10" t="s">
        <v>22</v>
      </c>
      <c r="U1734" s="10" t="s">
        <v>22</v>
      </c>
      <c r="V1734" s="10" t="s">
        <v>22</v>
      </c>
      <c r="W1734" s="10" t="s">
        <v>22</v>
      </c>
      <c r="X1734" s="10" t="s">
        <v>22</v>
      </c>
      <c r="Y1734" s="10" t="s">
        <v>22</v>
      </c>
      <c r="Z1734" s="10" t="s">
        <v>22</v>
      </c>
    </row>
    <row r="1735" spans="1:26" ht="24" customHeight="1" x14ac:dyDescent="0.2">
      <c r="A1735" s="9" t="s">
        <v>18991</v>
      </c>
      <c r="B1735" s="9" t="s">
        <v>14</v>
      </c>
      <c r="C1735" s="9" t="s">
        <v>8283</v>
      </c>
      <c r="D1735" s="6" t="s">
        <v>8284</v>
      </c>
      <c r="E1735" s="22">
        <v>44815</v>
      </c>
      <c r="F1735" s="22">
        <v>46640</v>
      </c>
      <c r="G1735" s="6" t="s">
        <v>8285</v>
      </c>
      <c r="H1735" s="6" t="s">
        <v>229</v>
      </c>
      <c r="I1735" s="6" t="s">
        <v>230</v>
      </c>
      <c r="J1735" s="6" t="s">
        <v>8286</v>
      </c>
      <c r="K1735" s="9" t="s">
        <v>8287</v>
      </c>
      <c r="L1735" s="10" t="s">
        <v>22</v>
      </c>
      <c r="M1735" s="10" t="s">
        <v>22</v>
      </c>
      <c r="N1735" s="10" t="s">
        <v>22</v>
      </c>
      <c r="O1735" s="10" t="s">
        <v>22</v>
      </c>
      <c r="P1735" s="10" t="s">
        <v>22</v>
      </c>
      <c r="Q1735" s="10" t="s">
        <v>22</v>
      </c>
      <c r="R1735" s="10" t="s">
        <v>22</v>
      </c>
      <c r="S1735" s="10" t="s">
        <v>22</v>
      </c>
      <c r="T1735" s="10" t="s">
        <v>22</v>
      </c>
      <c r="U1735" s="10" t="s">
        <v>22</v>
      </c>
      <c r="V1735" s="10" t="s">
        <v>22</v>
      </c>
      <c r="W1735" s="10" t="s">
        <v>22</v>
      </c>
      <c r="X1735" s="10" t="s">
        <v>22</v>
      </c>
      <c r="Y1735" s="10" t="s">
        <v>22</v>
      </c>
      <c r="Z1735" s="10" t="s">
        <v>22</v>
      </c>
    </row>
    <row r="1736" spans="1:26" ht="24" customHeight="1" x14ac:dyDescent="0.2">
      <c r="A1736" s="9" t="s">
        <v>18992</v>
      </c>
      <c r="B1736" s="9" t="s">
        <v>14</v>
      </c>
      <c r="C1736" s="9" t="s">
        <v>8288</v>
      </c>
      <c r="D1736" s="6" t="s">
        <v>8289</v>
      </c>
      <c r="E1736" s="22">
        <v>44815</v>
      </c>
      <c r="F1736" s="22">
        <v>46640</v>
      </c>
      <c r="G1736" s="6" t="s">
        <v>8290</v>
      </c>
      <c r="H1736" s="6" t="s">
        <v>2368</v>
      </c>
      <c r="I1736" s="6" t="s">
        <v>2369</v>
      </c>
      <c r="J1736" s="6" t="s">
        <v>8291</v>
      </c>
      <c r="K1736" s="9" t="s">
        <v>8292</v>
      </c>
      <c r="L1736" s="10" t="s">
        <v>22</v>
      </c>
      <c r="M1736" s="10" t="s">
        <v>22</v>
      </c>
      <c r="N1736" s="10" t="s">
        <v>22</v>
      </c>
      <c r="O1736" s="10" t="s">
        <v>22</v>
      </c>
      <c r="P1736" s="10" t="s">
        <v>22</v>
      </c>
      <c r="Q1736" s="10" t="s">
        <v>22</v>
      </c>
      <c r="R1736" s="10" t="s">
        <v>22</v>
      </c>
      <c r="S1736" s="10" t="s">
        <v>22</v>
      </c>
      <c r="T1736" s="10" t="s">
        <v>22</v>
      </c>
      <c r="U1736" s="10" t="s">
        <v>22</v>
      </c>
      <c r="V1736" s="10" t="s">
        <v>22</v>
      </c>
      <c r="W1736" s="10" t="s">
        <v>22</v>
      </c>
      <c r="X1736" s="10" t="s">
        <v>22</v>
      </c>
      <c r="Y1736" s="10" t="s">
        <v>22</v>
      </c>
      <c r="Z1736" s="10" t="s">
        <v>22</v>
      </c>
    </row>
    <row r="1737" spans="1:26" ht="24" customHeight="1" x14ac:dyDescent="0.2">
      <c r="A1737" s="9" t="s">
        <v>18993</v>
      </c>
      <c r="B1737" s="9" t="s">
        <v>14</v>
      </c>
      <c r="C1737" s="9" t="s">
        <v>8293</v>
      </c>
      <c r="D1737" s="6" t="s">
        <v>8294</v>
      </c>
      <c r="E1737" s="22">
        <v>44815</v>
      </c>
      <c r="F1737" s="22">
        <v>46640</v>
      </c>
      <c r="G1737" s="6" t="s">
        <v>8295</v>
      </c>
      <c r="H1737" s="6" t="s">
        <v>62</v>
      </c>
      <c r="I1737" s="6" t="s">
        <v>842</v>
      </c>
      <c r="J1737" s="6" t="s">
        <v>8296</v>
      </c>
      <c r="K1737" s="9" t="s">
        <v>8297</v>
      </c>
      <c r="L1737" s="10" t="s">
        <v>22</v>
      </c>
      <c r="M1737" s="10" t="s">
        <v>22</v>
      </c>
      <c r="N1737" s="10" t="s">
        <v>22</v>
      </c>
      <c r="O1737" s="10" t="s">
        <v>22</v>
      </c>
      <c r="P1737" s="10" t="s">
        <v>22</v>
      </c>
      <c r="Q1737" s="10" t="s">
        <v>22</v>
      </c>
      <c r="R1737" s="10" t="s">
        <v>22</v>
      </c>
      <c r="S1737" s="10" t="s">
        <v>22</v>
      </c>
      <c r="T1737" s="10" t="s">
        <v>22</v>
      </c>
      <c r="U1737" s="10" t="s">
        <v>22</v>
      </c>
      <c r="V1737" s="10" t="s">
        <v>22</v>
      </c>
      <c r="W1737" s="10" t="s">
        <v>22</v>
      </c>
      <c r="X1737" s="10" t="s">
        <v>22</v>
      </c>
      <c r="Y1737" s="10" t="s">
        <v>22</v>
      </c>
      <c r="Z1737" s="10" t="s">
        <v>22</v>
      </c>
    </row>
    <row r="1738" spans="1:26" ht="24" customHeight="1" x14ac:dyDescent="0.2">
      <c r="A1738" s="9" t="s">
        <v>18994</v>
      </c>
      <c r="B1738" s="9" t="s">
        <v>14</v>
      </c>
      <c r="C1738" s="9" t="s">
        <v>8298</v>
      </c>
      <c r="D1738" s="6" t="s">
        <v>8299</v>
      </c>
      <c r="E1738" s="22">
        <v>44815</v>
      </c>
      <c r="F1738" s="22">
        <v>46640</v>
      </c>
      <c r="G1738" s="6" t="s">
        <v>8300</v>
      </c>
      <c r="H1738" s="6" t="s">
        <v>202</v>
      </c>
      <c r="I1738" s="6" t="s">
        <v>2992</v>
      </c>
      <c r="J1738" s="6" t="s">
        <v>8301</v>
      </c>
      <c r="K1738" s="9" t="s">
        <v>8302</v>
      </c>
      <c r="L1738" s="10" t="s">
        <v>22</v>
      </c>
      <c r="M1738" s="10" t="s">
        <v>22</v>
      </c>
      <c r="N1738" s="10" t="s">
        <v>22</v>
      </c>
      <c r="O1738" s="10" t="s">
        <v>22</v>
      </c>
      <c r="P1738" s="10" t="s">
        <v>22</v>
      </c>
      <c r="Q1738" s="10" t="s">
        <v>22</v>
      </c>
      <c r="R1738" s="10" t="s">
        <v>22</v>
      </c>
      <c r="S1738" s="10" t="s">
        <v>22</v>
      </c>
      <c r="T1738" s="10" t="s">
        <v>22</v>
      </c>
      <c r="U1738" s="10" t="s">
        <v>22</v>
      </c>
      <c r="V1738" s="10" t="s">
        <v>22</v>
      </c>
      <c r="W1738" s="10" t="s">
        <v>22</v>
      </c>
      <c r="X1738" s="10" t="s">
        <v>22</v>
      </c>
      <c r="Y1738" s="10" t="s">
        <v>22</v>
      </c>
      <c r="Z1738" s="10" t="s">
        <v>22</v>
      </c>
    </row>
    <row r="1739" spans="1:26" ht="24" customHeight="1" x14ac:dyDescent="0.2">
      <c r="A1739" s="9" t="s">
        <v>18995</v>
      </c>
      <c r="B1739" s="9" t="s">
        <v>14</v>
      </c>
      <c r="C1739" s="9" t="s">
        <v>8303</v>
      </c>
      <c r="D1739" s="6" t="s">
        <v>8304</v>
      </c>
      <c r="E1739" s="22">
        <v>44815</v>
      </c>
      <c r="F1739" s="22">
        <v>46640</v>
      </c>
      <c r="G1739" s="6" t="s">
        <v>8305</v>
      </c>
      <c r="H1739" s="6" t="s">
        <v>701</v>
      </c>
      <c r="I1739" s="6" t="s">
        <v>702</v>
      </c>
      <c r="J1739" s="6" t="s">
        <v>8306</v>
      </c>
      <c r="K1739" s="9" t="s">
        <v>8307</v>
      </c>
      <c r="L1739" s="10" t="s">
        <v>22</v>
      </c>
      <c r="M1739" s="10" t="s">
        <v>22</v>
      </c>
      <c r="N1739" s="10" t="s">
        <v>22</v>
      </c>
      <c r="O1739" s="10" t="s">
        <v>22</v>
      </c>
      <c r="P1739" s="10" t="s">
        <v>22</v>
      </c>
      <c r="Q1739" s="10" t="s">
        <v>22</v>
      </c>
      <c r="R1739" s="10" t="s">
        <v>22</v>
      </c>
      <c r="S1739" s="10" t="s">
        <v>22</v>
      </c>
      <c r="T1739" s="10" t="s">
        <v>22</v>
      </c>
      <c r="U1739" s="10" t="s">
        <v>22</v>
      </c>
      <c r="V1739" s="10" t="s">
        <v>22</v>
      </c>
      <c r="W1739" s="10" t="s">
        <v>22</v>
      </c>
      <c r="X1739" s="10" t="s">
        <v>22</v>
      </c>
      <c r="Y1739" s="10" t="s">
        <v>22</v>
      </c>
      <c r="Z1739" s="10" t="s">
        <v>22</v>
      </c>
    </row>
    <row r="1740" spans="1:26" ht="24" customHeight="1" x14ac:dyDescent="0.2">
      <c r="A1740" s="9" t="s">
        <v>18996</v>
      </c>
      <c r="B1740" s="9" t="s">
        <v>14</v>
      </c>
      <c r="C1740" s="9" t="s">
        <v>8308</v>
      </c>
      <c r="D1740" s="6" t="s">
        <v>8309</v>
      </c>
      <c r="E1740" s="22">
        <v>44815</v>
      </c>
      <c r="F1740" s="22">
        <v>46640</v>
      </c>
      <c r="G1740" s="6" t="s">
        <v>8310</v>
      </c>
      <c r="H1740" s="6" t="s">
        <v>62</v>
      </c>
      <c r="I1740" s="6" t="s">
        <v>414</v>
      </c>
      <c r="J1740" s="6" t="s">
        <v>8311</v>
      </c>
      <c r="K1740" s="9" t="s">
        <v>8312</v>
      </c>
      <c r="L1740" s="10" t="s">
        <v>22</v>
      </c>
      <c r="M1740" s="10" t="s">
        <v>22</v>
      </c>
      <c r="N1740" s="10" t="s">
        <v>22</v>
      </c>
      <c r="O1740" s="10" t="s">
        <v>22</v>
      </c>
      <c r="P1740" s="10" t="s">
        <v>22</v>
      </c>
      <c r="Q1740" s="10" t="s">
        <v>22</v>
      </c>
      <c r="R1740" s="10" t="s">
        <v>22</v>
      </c>
      <c r="S1740" s="10" t="s">
        <v>22</v>
      </c>
      <c r="T1740" s="10" t="s">
        <v>22</v>
      </c>
      <c r="U1740" s="10" t="s">
        <v>22</v>
      </c>
      <c r="V1740" s="10" t="s">
        <v>22</v>
      </c>
      <c r="W1740" s="10" t="s">
        <v>22</v>
      </c>
      <c r="X1740" s="10" t="s">
        <v>22</v>
      </c>
      <c r="Y1740" s="10" t="s">
        <v>22</v>
      </c>
      <c r="Z1740" s="10" t="s">
        <v>22</v>
      </c>
    </row>
    <row r="1741" spans="1:26" ht="34" customHeight="1" x14ac:dyDescent="0.2">
      <c r="A1741" s="9" t="s">
        <v>18997</v>
      </c>
      <c r="B1741" s="9" t="s">
        <v>14</v>
      </c>
      <c r="C1741" s="9" t="s">
        <v>8313</v>
      </c>
      <c r="D1741" s="6" t="s">
        <v>8314</v>
      </c>
      <c r="E1741" s="22">
        <v>44824</v>
      </c>
      <c r="F1741" s="22">
        <v>46649</v>
      </c>
      <c r="G1741" s="6" t="s">
        <v>8315</v>
      </c>
      <c r="H1741" s="6" t="s">
        <v>18</v>
      </c>
      <c r="I1741" s="6" t="s">
        <v>26</v>
      </c>
      <c r="J1741" s="6" t="s">
        <v>8316</v>
      </c>
      <c r="L1741" s="10" t="s">
        <v>22</v>
      </c>
      <c r="M1741" s="10" t="s">
        <v>22</v>
      </c>
      <c r="N1741" s="10" t="s">
        <v>22</v>
      </c>
      <c r="O1741" s="10" t="s">
        <v>22</v>
      </c>
      <c r="P1741" s="10" t="s">
        <v>22</v>
      </c>
      <c r="Q1741" s="10" t="s">
        <v>22</v>
      </c>
      <c r="R1741" s="10" t="s">
        <v>22</v>
      </c>
      <c r="S1741" s="10" t="s">
        <v>22</v>
      </c>
      <c r="T1741" s="10" t="s">
        <v>22</v>
      </c>
    </row>
    <row r="1742" spans="1:26" ht="24" customHeight="1" x14ac:dyDescent="0.2">
      <c r="A1742" s="9" t="s">
        <v>18998</v>
      </c>
      <c r="B1742" s="9" t="s">
        <v>14</v>
      </c>
      <c r="C1742" s="9" t="s">
        <v>8317</v>
      </c>
      <c r="D1742" s="6" t="s">
        <v>8318</v>
      </c>
      <c r="E1742" s="22">
        <v>44826</v>
      </c>
      <c r="F1742" s="22">
        <v>46651</v>
      </c>
      <c r="G1742" s="6" t="s">
        <v>8319</v>
      </c>
      <c r="H1742" s="6" t="s">
        <v>62</v>
      </c>
      <c r="I1742" s="6" t="s">
        <v>186</v>
      </c>
      <c r="J1742" s="6" t="s">
        <v>8320</v>
      </c>
      <c r="K1742" s="9" t="s">
        <v>8321</v>
      </c>
      <c r="L1742" s="10" t="s">
        <v>22</v>
      </c>
      <c r="M1742" s="10" t="s">
        <v>22</v>
      </c>
      <c r="N1742" s="10" t="s">
        <v>22</v>
      </c>
      <c r="O1742" s="10" t="s">
        <v>22</v>
      </c>
      <c r="P1742" s="10" t="s">
        <v>22</v>
      </c>
      <c r="Q1742" s="10" t="s">
        <v>22</v>
      </c>
      <c r="U1742" s="10" t="s">
        <v>22</v>
      </c>
      <c r="V1742" s="10" t="s">
        <v>22</v>
      </c>
      <c r="W1742" s="10" t="s">
        <v>22</v>
      </c>
      <c r="X1742" s="10" t="s">
        <v>22</v>
      </c>
      <c r="Y1742" s="10" t="s">
        <v>22</v>
      </c>
      <c r="Z1742" s="10" t="s">
        <v>22</v>
      </c>
    </row>
    <row r="1743" spans="1:26" ht="24" customHeight="1" x14ac:dyDescent="0.2">
      <c r="A1743" s="9" t="s">
        <v>18999</v>
      </c>
      <c r="B1743" s="9" t="s">
        <v>14</v>
      </c>
      <c r="C1743" s="9" t="s">
        <v>8322</v>
      </c>
      <c r="D1743" s="6" t="s">
        <v>8323</v>
      </c>
      <c r="E1743" s="22">
        <v>44830</v>
      </c>
      <c r="F1743" s="22">
        <v>46655</v>
      </c>
      <c r="G1743" s="6" t="s">
        <v>8324</v>
      </c>
      <c r="H1743" s="6" t="s">
        <v>62</v>
      </c>
      <c r="I1743" s="6" t="s">
        <v>252</v>
      </c>
      <c r="J1743" s="6" t="s">
        <v>8325</v>
      </c>
      <c r="K1743" s="9" t="s">
        <v>8326</v>
      </c>
      <c r="L1743" s="10" t="s">
        <v>22</v>
      </c>
      <c r="M1743" s="10" t="s">
        <v>22</v>
      </c>
      <c r="N1743" s="10" t="s">
        <v>22</v>
      </c>
      <c r="O1743" s="10" t="s">
        <v>22</v>
      </c>
      <c r="P1743" s="10" t="s">
        <v>22</v>
      </c>
      <c r="Q1743" s="10" t="s">
        <v>22</v>
      </c>
      <c r="R1743" s="10" t="s">
        <v>22</v>
      </c>
      <c r="S1743" s="10" t="s">
        <v>22</v>
      </c>
      <c r="T1743" s="10" t="s">
        <v>22</v>
      </c>
      <c r="U1743" s="10" t="s">
        <v>22</v>
      </c>
      <c r="V1743" s="10" t="s">
        <v>22</v>
      </c>
      <c r="W1743" s="10" t="s">
        <v>22</v>
      </c>
      <c r="X1743" s="10" t="s">
        <v>22</v>
      </c>
      <c r="Y1743" s="10" t="s">
        <v>22</v>
      </c>
      <c r="Z1743" s="10" t="s">
        <v>22</v>
      </c>
    </row>
    <row r="1744" spans="1:26" ht="24" customHeight="1" x14ac:dyDescent="0.2">
      <c r="A1744" s="9" t="s">
        <v>19000</v>
      </c>
      <c r="B1744" s="9" t="s">
        <v>14</v>
      </c>
      <c r="C1744" s="9" t="s">
        <v>8327</v>
      </c>
      <c r="D1744" s="6" t="s">
        <v>8328</v>
      </c>
      <c r="E1744" s="22">
        <v>44846</v>
      </c>
      <c r="F1744" s="22">
        <v>46671</v>
      </c>
      <c r="G1744" s="6" t="s">
        <v>8329</v>
      </c>
      <c r="H1744" s="6" t="s">
        <v>2069</v>
      </c>
      <c r="I1744" s="6" t="s">
        <v>8330</v>
      </c>
      <c r="J1744" s="6" t="s">
        <v>8331</v>
      </c>
      <c r="K1744" s="9" t="s">
        <v>8332</v>
      </c>
      <c r="L1744" s="10" t="s">
        <v>22</v>
      </c>
      <c r="M1744" s="10" t="s">
        <v>22</v>
      </c>
      <c r="N1744" s="10" t="s">
        <v>22</v>
      </c>
      <c r="O1744" s="10" t="s">
        <v>22</v>
      </c>
      <c r="P1744" s="10" t="s">
        <v>22</v>
      </c>
      <c r="Q1744" s="10" t="s">
        <v>22</v>
      </c>
      <c r="R1744" s="10" t="s">
        <v>22</v>
      </c>
      <c r="S1744" s="10" t="s">
        <v>22</v>
      </c>
      <c r="T1744" s="10" t="s">
        <v>22</v>
      </c>
      <c r="U1744" s="10" t="s">
        <v>22</v>
      </c>
      <c r="V1744" s="10" t="s">
        <v>22</v>
      </c>
      <c r="W1744" s="10" t="s">
        <v>22</v>
      </c>
      <c r="X1744" s="10" t="s">
        <v>22</v>
      </c>
      <c r="Y1744" s="10" t="s">
        <v>22</v>
      </c>
      <c r="Z1744" s="10" t="s">
        <v>22</v>
      </c>
    </row>
    <row r="1745" spans="1:26" ht="24" customHeight="1" x14ac:dyDescent="0.2">
      <c r="A1745" s="9" t="s">
        <v>19001</v>
      </c>
      <c r="B1745" s="9" t="s">
        <v>14</v>
      </c>
      <c r="C1745" s="9" t="s">
        <v>8333</v>
      </c>
      <c r="D1745" s="6" t="s">
        <v>8334</v>
      </c>
      <c r="E1745" s="22">
        <v>44846</v>
      </c>
      <c r="F1745" s="22">
        <v>46671</v>
      </c>
      <c r="G1745" s="6" t="s">
        <v>8335</v>
      </c>
      <c r="H1745" s="6" t="s">
        <v>18</v>
      </c>
      <c r="I1745" s="6" t="s">
        <v>26</v>
      </c>
      <c r="J1745" s="6" t="s">
        <v>8336</v>
      </c>
      <c r="K1745" s="9" t="s">
        <v>8337</v>
      </c>
      <c r="L1745" s="10" t="s">
        <v>22</v>
      </c>
      <c r="M1745" s="10" t="s">
        <v>22</v>
      </c>
      <c r="N1745" s="10" t="s">
        <v>22</v>
      </c>
      <c r="O1745" s="10" t="s">
        <v>22</v>
      </c>
      <c r="P1745" s="10" t="s">
        <v>22</v>
      </c>
      <c r="Q1745" s="10" t="s">
        <v>22</v>
      </c>
      <c r="R1745" s="10" t="s">
        <v>22</v>
      </c>
      <c r="S1745" s="10" t="s">
        <v>22</v>
      </c>
      <c r="T1745" s="10" t="s">
        <v>22</v>
      </c>
      <c r="U1745" s="10" t="s">
        <v>22</v>
      </c>
      <c r="V1745" s="10" t="s">
        <v>22</v>
      </c>
      <c r="W1745" s="10" t="s">
        <v>22</v>
      </c>
      <c r="X1745" s="10" t="s">
        <v>22</v>
      </c>
      <c r="Y1745" s="10" t="s">
        <v>22</v>
      </c>
      <c r="Z1745" s="10" t="s">
        <v>22</v>
      </c>
    </row>
    <row r="1746" spans="1:26" ht="24" customHeight="1" x14ac:dyDescent="0.2">
      <c r="A1746" s="9" t="s">
        <v>19002</v>
      </c>
      <c r="B1746" s="9" t="s">
        <v>14</v>
      </c>
      <c r="C1746" s="9" t="s">
        <v>8338</v>
      </c>
      <c r="D1746" s="6" t="s">
        <v>8339</v>
      </c>
      <c r="E1746" s="22">
        <v>44852</v>
      </c>
      <c r="F1746" s="22">
        <v>46677</v>
      </c>
      <c r="G1746" s="6" t="s">
        <v>8340</v>
      </c>
      <c r="H1746" s="6" t="s">
        <v>18</v>
      </c>
      <c r="I1746" s="6" t="s">
        <v>19</v>
      </c>
      <c r="J1746" s="6" t="s">
        <v>8341</v>
      </c>
      <c r="K1746" s="9" t="s">
        <v>8342</v>
      </c>
      <c r="L1746" s="10" t="s">
        <v>22</v>
      </c>
      <c r="M1746" s="10" t="s">
        <v>22</v>
      </c>
      <c r="N1746" s="10" t="s">
        <v>22</v>
      </c>
      <c r="O1746" s="10" t="s">
        <v>22</v>
      </c>
      <c r="P1746" s="10" t="s">
        <v>22</v>
      </c>
      <c r="Q1746" s="10" t="s">
        <v>22</v>
      </c>
      <c r="R1746" s="10" t="s">
        <v>22</v>
      </c>
      <c r="S1746" s="10" t="s">
        <v>22</v>
      </c>
      <c r="T1746" s="10" t="s">
        <v>22</v>
      </c>
      <c r="U1746" s="10" t="s">
        <v>22</v>
      </c>
      <c r="V1746" s="10" t="s">
        <v>22</v>
      </c>
      <c r="W1746" s="10" t="s">
        <v>22</v>
      </c>
      <c r="X1746" s="10" t="s">
        <v>22</v>
      </c>
      <c r="Y1746" s="10" t="s">
        <v>22</v>
      </c>
      <c r="Z1746" s="10" t="s">
        <v>22</v>
      </c>
    </row>
    <row r="1747" spans="1:26" ht="24" customHeight="1" x14ac:dyDescent="0.2">
      <c r="A1747" s="9" t="s">
        <v>19003</v>
      </c>
      <c r="B1747" s="9" t="s">
        <v>14</v>
      </c>
      <c r="C1747" s="9" t="s">
        <v>8343</v>
      </c>
      <c r="D1747" s="6" t="s">
        <v>8344</v>
      </c>
      <c r="E1747" s="22">
        <v>44852</v>
      </c>
      <c r="F1747" s="22">
        <v>46677</v>
      </c>
      <c r="G1747" s="6" t="s">
        <v>8345</v>
      </c>
      <c r="H1747" s="6" t="s">
        <v>62</v>
      </c>
      <c r="I1747" s="6" t="s">
        <v>186</v>
      </c>
      <c r="J1747" s="6" t="s">
        <v>8346</v>
      </c>
      <c r="K1747" s="9" t="s">
        <v>8347</v>
      </c>
      <c r="L1747" s="10" t="s">
        <v>22</v>
      </c>
      <c r="M1747" s="10" t="s">
        <v>22</v>
      </c>
      <c r="N1747" s="10" t="s">
        <v>22</v>
      </c>
      <c r="O1747" s="10" t="s">
        <v>22</v>
      </c>
      <c r="P1747" s="10" t="s">
        <v>22</v>
      </c>
      <c r="Q1747" s="10" t="s">
        <v>22</v>
      </c>
      <c r="U1747" s="10" t="s">
        <v>22</v>
      </c>
      <c r="V1747" s="10" t="s">
        <v>22</v>
      </c>
      <c r="W1747" s="10" t="s">
        <v>22</v>
      </c>
      <c r="X1747" s="10" t="s">
        <v>22</v>
      </c>
      <c r="Y1747" s="10" t="s">
        <v>22</v>
      </c>
      <c r="Z1747" s="10" t="s">
        <v>22</v>
      </c>
    </row>
    <row r="1748" spans="1:26" ht="24" customHeight="1" x14ac:dyDescent="0.2">
      <c r="A1748" s="9" t="s">
        <v>19004</v>
      </c>
      <c r="B1748" s="9" t="s">
        <v>14</v>
      </c>
      <c r="C1748" s="9" t="s">
        <v>8348</v>
      </c>
      <c r="D1748" s="6" t="s">
        <v>8349</v>
      </c>
      <c r="E1748" s="22">
        <v>44852</v>
      </c>
      <c r="F1748" s="22">
        <v>46677</v>
      </c>
      <c r="G1748" s="6" t="s">
        <v>8350</v>
      </c>
      <c r="H1748" s="6" t="s">
        <v>2029</v>
      </c>
      <c r="I1748" s="6" t="s">
        <v>8351</v>
      </c>
      <c r="J1748" s="6" t="s">
        <v>8352</v>
      </c>
      <c r="K1748" s="9" t="s">
        <v>8353</v>
      </c>
      <c r="L1748" s="10" t="s">
        <v>22</v>
      </c>
      <c r="M1748" s="10" t="s">
        <v>22</v>
      </c>
      <c r="N1748" s="10" t="s">
        <v>22</v>
      </c>
      <c r="O1748" s="10" t="s">
        <v>22</v>
      </c>
      <c r="P1748" s="10" t="s">
        <v>22</v>
      </c>
      <c r="Q1748" s="10" t="s">
        <v>22</v>
      </c>
      <c r="R1748" s="10" t="s">
        <v>22</v>
      </c>
      <c r="S1748" s="10" t="s">
        <v>22</v>
      </c>
      <c r="T1748" s="10" t="s">
        <v>22</v>
      </c>
      <c r="U1748" s="10" t="s">
        <v>22</v>
      </c>
      <c r="V1748" s="10" t="s">
        <v>22</v>
      </c>
      <c r="W1748" s="10" t="s">
        <v>22</v>
      </c>
      <c r="X1748" s="10" t="s">
        <v>22</v>
      </c>
      <c r="Y1748" s="10" t="s">
        <v>22</v>
      </c>
      <c r="Z1748" s="10" t="s">
        <v>22</v>
      </c>
    </row>
    <row r="1749" spans="1:26" ht="24" customHeight="1" x14ac:dyDescent="0.2">
      <c r="A1749" s="9" t="s">
        <v>19005</v>
      </c>
      <c r="B1749" s="9" t="s">
        <v>14</v>
      </c>
      <c r="C1749" s="9" t="s">
        <v>8354</v>
      </c>
      <c r="D1749" s="6" t="s">
        <v>8355</v>
      </c>
      <c r="E1749" s="22">
        <v>44854</v>
      </c>
      <c r="F1749" s="22">
        <v>46679</v>
      </c>
      <c r="G1749" s="6" t="s">
        <v>8356</v>
      </c>
      <c r="H1749" s="6" t="s">
        <v>18</v>
      </c>
      <c r="I1749" s="6" t="s">
        <v>26</v>
      </c>
      <c r="J1749" s="6" t="s">
        <v>8357</v>
      </c>
      <c r="K1749" s="9" t="s">
        <v>8358</v>
      </c>
      <c r="L1749" s="10" t="s">
        <v>22</v>
      </c>
      <c r="M1749" s="10" t="s">
        <v>22</v>
      </c>
      <c r="N1749" s="10" t="s">
        <v>22</v>
      </c>
    </row>
    <row r="1750" spans="1:26" ht="24" customHeight="1" x14ac:dyDescent="0.2">
      <c r="A1750" s="9" t="s">
        <v>19006</v>
      </c>
      <c r="B1750" s="9" t="s">
        <v>14</v>
      </c>
      <c r="C1750" s="9" t="s">
        <v>8359</v>
      </c>
      <c r="D1750" s="6" t="s">
        <v>8360</v>
      </c>
      <c r="E1750" s="22">
        <v>44864</v>
      </c>
      <c r="F1750" s="22">
        <v>46689</v>
      </c>
      <c r="G1750" s="6" t="s">
        <v>8361</v>
      </c>
      <c r="H1750" s="6" t="s">
        <v>62</v>
      </c>
      <c r="I1750" s="6" t="s">
        <v>493</v>
      </c>
      <c r="J1750" s="6" t="s">
        <v>8362</v>
      </c>
      <c r="L1750" s="10" t="s">
        <v>22</v>
      </c>
      <c r="M1750" s="10" t="s">
        <v>22</v>
      </c>
      <c r="N1750" s="10" t="s">
        <v>22</v>
      </c>
      <c r="O1750" s="10" t="s">
        <v>22</v>
      </c>
      <c r="P1750" s="10" t="s">
        <v>22</v>
      </c>
      <c r="Q1750" s="10" t="s">
        <v>22</v>
      </c>
      <c r="R1750" s="10" t="s">
        <v>22</v>
      </c>
      <c r="S1750" s="10" t="s">
        <v>22</v>
      </c>
      <c r="T1750" s="10" t="s">
        <v>22</v>
      </c>
      <c r="U1750" s="10" t="s">
        <v>22</v>
      </c>
      <c r="V1750" s="10" t="s">
        <v>22</v>
      </c>
      <c r="W1750" s="10" t="s">
        <v>22</v>
      </c>
      <c r="X1750" s="10" t="s">
        <v>22</v>
      </c>
      <c r="Y1750" s="10" t="s">
        <v>22</v>
      </c>
      <c r="Z1750" s="10" t="s">
        <v>22</v>
      </c>
    </row>
    <row r="1751" spans="1:26" ht="24" customHeight="1" x14ac:dyDescent="0.2">
      <c r="A1751" s="9" t="s">
        <v>19007</v>
      </c>
      <c r="B1751" s="9" t="s">
        <v>14</v>
      </c>
      <c r="C1751" s="9" t="s">
        <v>8363</v>
      </c>
      <c r="D1751" s="6" t="s">
        <v>8364</v>
      </c>
      <c r="E1751" s="22">
        <v>44875</v>
      </c>
      <c r="F1751" s="22">
        <v>46700</v>
      </c>
      <c r="G1751" s="6" t="s">
        <v>8365</v>
      </c>
      <c r="H1751" s="6" t="s">
        <v>18</v>
      </c>
      <c r="I1751" s="6" t="s">
        <v>19</v>
      </c>
      <c r="J1751" s="6" t="s">
        <v>8366</v>
      </c>
      <c r="K1751" s="9" t="s">
        <v>8367</v>
      </c>
      <c r="L1751" s="10" t="s">
        <v>22</v>
      </c>
      <c r="M1751" s="10" t="s">
        <v>22</v>
      </c>
      <c r="N1751" s="10" t="s">
        <v>22</v>
      </c>
      <c r="O1751" s="10" t="s">
        <v>22</v>
      </c>
      <c r="P1751" s="10" t="s">
        <v>22</v>
      </c>
      <c r="Q1751" s="10" t="s">
        <v>22</v>
      </c>
      <c r="U1751" s="10" t="s">
        <v>22</v>
      </c>
      <c r="V1751" s="10" t="s">
        <v>22</v>
      </c>
      <c r="W1751" s="10" t="s">
        <v>22</v>
      </c>
      <c r="X1751" s="10" t="s">
        <v>22</v>
      </c>
      <c r="Y1751" s="10" t="s">
        <v>22</v>
      </c>
      <c r="Z1751" s="10" t="s">
        <v>22</v>
      </c>
    </row>
    <row r="1752" spans="1:26" ht="34" customHeight="1" x14ac:dyDescent="0.2">
      <c r="A1752" s="9" t="s">
        <v>19008</v>
      </c>
      <c r="B1752" s="9" t="s">
        <v>14</v>
      </c>
      <c r="C1752" s="9" t="s">
        <v>8368</v>
      </c>
      <c r="D1752" s="6" t="s">
        <v>8369</v>
      </c>
      <c r="E1752" s="22">
        <v>44875</v>
      </c>
      <c r="F1752" s="22">
        <v>46700</v>
      </c>
      <c r="G1752" s="6" t="s">
        <v>8370</v>
      </c>
      <c r="H1752" s="6" t="s">
        <v>18</v>
      </c>
      <c r="I1752" s="6" t="s">
        <v>84</v>
      </c>
      <c r="J1752" s="6" t="s">
        <v>8371</v>
      </c>
      <c r="K1752" s="9" t="s">
        <v>8372</v>
      </c>
      <c r="L1752" s="10" t="s">
        <v>22</v>
      </c>
      <c r="M1752" s="10" t="s">
        <v>22</v>
      </c>
      <c r="N1752" s="10" t="s">
        <v>22</v>
      </c>
      <c r="O1752" s="10" t="s">
        <v>22</v>
      </c>
      <c r="P1752" s="10" t="s">
        <v>22</v>
      </c>
      <c r="Q1752" s="10" t="s">
        <v>22</v>
      </c>
      <c r="R1752" s="10" t="s">
        <v>22</v>
      </c>
      <c r="S1752" s="10" t="s">
        <v>22</v>
      </c>
      <c r="T1752" s="10" t="s">
        <v>22</v>
      </c>
      <c r="U1752" s="10" t="s">
        <v>22</v>
      </c>
      <c r="V1752" s="10" t="s">
        <v>22</v>
      </c>
      <c r="W1752" s="10" t="s">
        <v>22</v>
      </c>
      <c r="X1752" s="10" t="s">
        <v>22</v>
      </c>
      <c r="Y1752" s="10" t="s">
        <v>22</v>
      </c>
      <c r="Z1752" s="10" t="s">
        <v>22</v>
      </c>
    </row>
    <row r="1753" spans="1:26" ht="24" customHeight="1" x14ac:dyDescent="0.2">
      <c r="A1753" s="9" t="s">
        <v>19009</v>
      </c>
      <c r="B1753" s="9" t="s">
        <v>14</v>
      </c>
      <c r="C1753" s="9" t="s">
        <v>8374</v>
      </c>
      <c r="D1753" s="6" t="s">
        <v>8375</v>
      </c>
      <c r="E1753" s="22">
        <v>44875</v>
      </c>
      <c r="F1753" s="22">
        <v>46700</v>
      </c>
      <c r="G1753" s="6" t="s">
        <v>8376</v>
      </c>
      <c r="H1753" s="6" t="s">
        <v>62</v>
      </c>
      <c r="I1753" s="6" t="s">
        <v>493</v>
      </c>
      <c r="J1753" s="6" t="s">
        <v>8377</v>
      </c>
      <c r="K1753" s="9" t="s">
        <v>8378</v>
      </c>
      <c r="L1753" s="10" t="s">
        <v>22</v>
      </c>
      <c r="M1753" s="10" t="s">
        <v>22</v>
      </c>
      <c r="N1753" s="10" t="s">
        <v>22</v>
      </c>
      <c r="O1753" s="10" t="s">
        <v>22</v>
      </c>
      <c r="P1753" s="10" t="s">
        <v>22</v>
      </c>
      <c r="Q1753" s="10" t="s">
        <v>22</v>
      </c>
      <c r="R1753" s="10" t="s">
        <v>22</v>
      </c>
      <c r="S1753" s="10" t="s">
        <v>22</v>
      </c>
      <c r="T1753" s="10" t="s">
        <v>22</v>
      </c>
    </row>
    <row r="1754" spans="1:26" ht="34" customHeight="1" x14ac:dyDescent="0.2">
      <c r="A1754" s="9" t="s">
        <v>19010</v>
      </c>
      <c r="B1754" s="9" t="s">
        <v>14</v>
      </c>
      <c r="C1754" s="9" t="s">
        <v>8379</v>
      </c>
      <c r="D1754" s="6" t="s">
        <v>8380</v>
      </c>
      <c r="E1754" s="22">
        <v>44887</v>
      </c>
      <c r="F1754" s="22">
        <v>46712</v>
      </c>
      <c r="G1754" s="6" t="s">
        <v>8381</v>
      </c>
      <c r="H1754" s="6" t="s">
        <v>18</v>
      </c>
      <c r="I1754" s="6" t="s">
        <v>19</v>
      </c>
      <c r="J1754" s="6" t="s">
        <v>8382</v>
      </c>
      <c r="K1754" s="9" t="s">
        <v>8383</v>
      </c>
      <c r="L1754" s="10" t="s">
        <v>22</v>
      </c>
      <c r="M1754" s="10" t="s">
        <v>22</v>
      </c>
      <c r="N1754" s="10" t="s">
        <v>22</v>
      </c>
      <c r="O1754" s="10" t="s">
        <v>22</v>
      </c>
      <c r="P1754" s="10" t="s">
        <v>22</v>
      </c>
      <c r="Q1754" s="10" t="s">
        <v>22</v>
      </c>
      <c r="R1754" s="10" t="s">
        <v>22</v>
      </c>
      <c r="S1754" s="10" t="s">
        <v>22</v>
      </c>
      <c r="T1754" s="10" t="s">
        <v>22</v>
      </c>
      <c r="U1754" s="10" t="s">
        <v>22</v>
      </c>
      <c r="V1754" s="10" t="s">
        <v>22</v>
      </c>
      <c r="W1754" s="10" t="s">
        <v>22</v>
      </c>
      <c r="X1754" s="10" t="s">
        <v>22</v>
      </c>
      <c r="Y1754" s="10" t="s">
        <v>22</v>
      </c>
      <c r="Z1754" s="10" t="s">
        <v>22</v>
      </c>
    </row>
    <row r="1755" spans="1:26" ht="24" customHeight="1" x14ac:dyDescent="0.2">
      <c r="A1755" s="9" t="s">
        <v>19011</v>
      </c>
      <c r="B1755" s="9" t="s">
        <v>14</v>
      </c>
      <c r="C1755" s="9" t="s">
        <v>8384</v>
      </c>
      <c r="D1755" s="6" t="s">
        <v>8385</v>
      </c>
      <c r="E1755" s="22">
        <v>44887</v>
      </c>
      <c r="F1755" s="22">
        <v>46712</v>
      </c>
      <c r="G1755" s="6" t="s">
        <v>8386</v>
      </c>
      <c r="H1755" s="6" t="s">
        <v>363</v>
      </c>
      <c r="I1755" s="6" t="s">
        <v>1966</v>
      </c>
      <c r="J1755" s="6" t="s">
        <v>8387</v>
      </c>
      <c r="K1755" s="9" t="s">
        <v>8388</v>
      </c>
      <c r="L1755" s="10" t="s">
        <v>22</v>
      </c>
      <c r="M1755" s="10" t="s">
        <v>22</v>
      </c>
      <c r="N1755" s="10" t="s">
        <v>22</v>
      </c>
      <c r="O1755" s="10" t="s">
        <v>22</v>
      </c>
      <c r="P1755" s="10" t="s">
        <v>22</v>
      </c>
      <c r="Q1755" s="10" t="s">
        <v>22</v>
      </c>
      <c r="R1755" s="10" t="s">
        <v>22</v>
      </c>
      <c r="S1755" s="10" t="s">
        <v>22</v>
      </c>
      <c r="T1755" s="10" t="s">
        <v>22</v>
      </c>
      <c r="U1755" s="10" t="s">
        <v>22</v>
      </c>
      <c r="V1755" s="10" t="s">
        <v>22</v>
      </c>
      <c r="W1755" s="10" t="s">
        <v>22</v>
      </c>
      <c r="X1755" s="10" t="s">
        <v>22</v>
      </c>
      <c r="Y1755" s="10" t="s">
        <v>22</v>
      </c>
      <c r="Z1755" s="10" t="s">
        <v>22</v>
      </c>
    </row>
    <row r="1756" spans="1:26" ht="24" customHeight="1" x14ac:dyDescent="0.2">
      <c r="A1756" s="9" t="s">
        <v>19012</v>
      </c>
      <c r="B1756" s="9" t="s">
        <v>14</v>
      </c>
      <c r="C1756" s="9" t="s">
        <v>8389</v>
      </c>
      <c r="D1756" s="6" t="s">
        <v>8390</v>
      </c>
      <c r="E1756" s="22">
        <v>44892</v>
      </c>
      <c r="F1756" s="22">
        <v>46717</v>
      </c>
      <c r="G1756" s="6" t="s">
        <v>8391</v>
      </c>
      <c r="H1756" s="6" t="s">
        <v>62</v>
      </c>
      <c r="I1756" s="6" t="s">
        <v>236</v>
      </c>
      <c r="J1756" s="6" t="s">
        <v>8392</v>
      </c>
      <c r="K1756" s="9" t="s">
        <v>8393</v>
      </c>
      <c r="L1756" s="10" t="s">
        <v>22</v>
      </c>
      <c r="M1756" s="10" t="s">
        <v>22</v>
      </c>
      <c r="N1756" s="10" t="s">
        <v>22</v>
      </c>
      <c r="O1756" s="10" t="s">
        <v>22</v>
      </c>
      <c r="P1756" s="10" t="s">
        <v>22</v>
      </c>
      <c r="Q1756" s="10" t="s">
        <v>22</v>
      </c>
      <c r="U1756" s="10" t="s">
        <v>22</v>
      </c>
      <c r="V1756" s="10" t="s">
        <v>22</v>
      </c>
      <c r="W1756" s="10" t="s">
        <v>22</v>
      </c>
      <c r="X1756" s="10" t="s">
        <v>22</v>
      </c>
      <c r="Y1756" s="10" t="s">
        <v>22</v>
      </c>
      <c r="Z1756" s="10" t="s">
        <v>22</v>
      </c>
    </row>
    <row r="1757" spans="1:26" ht="24" customHeight="1" x14ac:dyDescent="0.2">
      <c r="A1757" s="9" t="s">
        <v>19013</v>
      </c>
      <c r="B1757" s="9" t="s">
        <v>14</v>
      </c>
      <c r="C1757" s="9" t="s">
        <v>8394</v>
      </c>
      <c r="D1757" s="6" t="s">
        <v>8395</v>
      </c>
      <c r="E1757" s="22">
        <v>44892</v>
      </c>
      <c r="F1757" s="22">
        <v>46717</v>
      </c>
      <c r="G1757" s="6" t="s">
        <v>8396</v>
      </c>
      <c r="H1757" s="6" t="s">
        <v>62</v>
      </c>
      <c r="I1757" s="6" t="s">
        <v>279</v>
      </c>
      <c r="J1757" s="6" t="s">
        <v>8397</v>
      </c>
      <c r="K1757" s="9" t="s">
        <v>8398</v>
      </c>
      <c r="O1757" s="10" t="s">
        <v>22</v>
      </c>
      <c r="P1757" s="10" t="s">
        <v>22</v>
      </c>
      <c r="Q1757" s="10" t="s">
        <v>22</v>
      </c>
      <c r="R1757" s="10" t="s">
        <v>22</v>
      </c>
      <c r="S1757" s="10" t="s">
        <v>22</v>
      </c>
      <c r="T1757" s="10" t="s">
        <v>22</v>
      </c>
      <c r="X1757" s="10" t="s">
        <v>22</v>
      </c>
      <c r="Y1757" s="10" t="s">
        <v>22</v>
      </c>
      <c r="Z1757" s="10" t="s">
        <v>22</v>
      </c>
    </row>
    <row r="1758" spans="1:26" ht="24" customHeight="1" x14ac:dyDescent="0.2">
      <c r="A1758" s="9" t="s">
        <v>19014</v>
      </c>
      <c r="B1758" s="9" t="s">
        <v>14</v>
      </c>
      <c r="C1758" s="9" t="s">
        <v>8399</v>
      </c>
      <c r="D1758" s="6" t="s">
        <v>8400</v>
      </c>
      <c r="E1758" s="22">
        <v>44892</v>
      </c>
      <c r="F1758" s="22">
        <v>46717</v>
      </c>
      <c r="G1758" s="6" t="s">
        <v>8401</v>
      </c>
      <c r="H1758" s="6" t="s">
        <v>62</v>
      </c>
      <c r="I1758" s="6" t="s">
        <v>186</v>
      </c>
      <c r="J1758" s="6" t="s">
        <v>8402</v>
      </c>
      <c r="K1758" s="9" t="s">
        <v>8403</v>
      </c>
      <c r="L1758" s="10" t="s">
        <v>22</v>
      </c>
      <c r="M1758" s="10" t="s">
        <v>22</v>
      </c>
      <c r="N1758" s="10" t="s">
        <v>22</v>
      </c>
      <c r="O1758" s="10" t="s">
        <v>22</v>
      </c>
      <c r="P1758" s="10" t="s">
        <v>22</v>
      </c>
      <c r="Q1758" s="10" t="s">
        <v>22</v>
      </c>
      <c r="R1758" s="10" t="s">
        <v>22</v>
      </c>
      <c r="S1758" s="10" t="s">
        <v>22</v>
      </c>
      <c r="T1758" s="10" t="s">
        <v>22</v>
      </c>
      <c r="U1758" s="10" t="s">
        <v>22</v>
      </c>
      <c r="V1758" s="10" t="s">
        <v>22</v>
      </c>
      <c r="W1758" s="10" t="s">
        <v>22</v>
      </c>
      <c r="X1758" s="10" t="s">
        <v>22</v>
      </c>
      <c r="Y1758" s="10" t="s">
        <v>22</v>
      </c>
      <c r="Z1758" s="10" t="s">
        <v>22</v>
      </c>
    </row>
    <row r="1759" spans="1:26" ht="24" customHeight="1" x14ac:dyDescent="0.2">
      <c r="A1759" s="9" t="s">
        <v>19015</v>
      </c>
      <c r="B1759" s="9" t="s">
        <v>14</v>
      </c>
      <c r="C1759" s="9" t="s">
        <v>8404</v>
      </c>
      <c r="D1759" s="6" t="s">
        <v>8405</v>
      </c>
      <c r="E1759" s="22">
        <v>44892</v>
      </c>
      <c r="F1759" s="22">
        <v>46717</v>
      </c>
      <c r="G1759" s="6" t="s">
        <v>8406</v>
      </c>
      <c r="H1759" s="6" t="s">
        <v>562</v>
      </c>
      <c r="I1759" s="6" t="s">
        <v>8407</v>
      </c>
      <c r="J1759" s="6" t="s">
        <v>8408</v>
      </c>
      <c r="K1759" s="9" t="s">
        <v>8409</v>
      </c>
      <c r="L1759" s="10" t="s">
        <v>22</v>
      </c>
      <c r="M1759" s="10" t="s">
        <v>22</v>
      </c>
      <c r="N1759" s="10" t="s">
        <v>22</v>
      </c>
      <c r="O1759" s="10" t="s">
        <v>22</v>
      </c>
      <c r="P1759" s="10" t="s">
        <v>22</v>
      </c>
      <c r="Q1759" s="10" t="s">
        <v>22</v>
      </c>
      <c r="U1759" s="10" t="s">
        <v>22</v>
      </c>
      <c r="V1759" s="10" t="s">
        <v>22</v>
      </c>
      <c r="W1759" s="10" t="s">
        <v>22</v>
      </c>
      <c r="X1759" s="10" t="s">
        <v>22</v>
      </c>
      <c r="Y1759" s="10" t="s">
        <v>22</v>
      </c>
      <c r="Z1759" s="10" t="s">
        <v>22</v>
      </c>
    </row>
    <row r="1760" spans="1:26" ht="24" customHeight="1" x14ac:dyDescent="0.2">
      <c r="A1760" s="9" t="s">
        <v>19016</v>
      </c>
      <c r="B1760" s="9" t="s">
        <v>14</v>
      </c>
      <c r="C1760" s="9" t="s">
        <v>8410</v>
      </c>
      <c r="D1760" s="6" t="s">
        <v>8411</v>
      </c>
      <c r="E1760" s="22">
        <v>44901</v>
      </c>
      <c r="F1760" s="22">
        <v>46726</v>
      </c>
      <c r="G1760" s="6" t="s">
        <v>8412</v>
      </c>
      <c r="H1760" s="6" t="s">
        <v>18</v>
      </c>
      <c r="I1760" s="6" t="s">
        <v>19</v>
      </c>
      <c r="J1760" s="6" t="s">
        <v>8413</v>
      </c>
      <c r="K1760" s="9" t="s">
        <v>8414</v>
      </c>
      <c r="L1760" s="10" t="s">
        <v>22</v>
      </c>
      <c r="M1760" s="10" t="s">
        <v>22</v>
      </c>
      <c r="N1760" s="10" t="s">
        <v>22</v>
      </c>
      <c r="O1760" s="10" t="s">
        <v>22</v>
      </c>
      <c r="P1760" s="10" t="s">
        <v>22</v>
      </c>
      <c r="Q1760" s="10" t="s">
        <v>22</v>
      </c>
      <c r="R1760" s="10" t="s">
        <v>22</v>
      </c>
      <c r="S1760" s="10" t="s">
        <v>22</v>
      </c>
      <c r="T1760" s="10" t="s">
        <v>22</v>
      </c>
      <c r="U1760" s="10" t="s">
        <v>22</v>
      </c>
      <c r="V1760" s="10" t="s">
        <v>22</v>
      </c>
      <c r="W1760" s="10" t="s">
        <v>22</v>
      </c>
      <c r="X1760" s="10" t="s">
        <v>22</v>
      </c>
      <c r="Y1760" s="10" t="s">
        <v>22</v>
      </c>
      <c r="Z1760" s="10" t="s">
        <v>22</v>
      </c>
    </row>
    <row r="1761" spans="1:26" ht="24" customHeight="1" x14ac:dyDescent="0.2">
      <c r="A1761" s="9" t="s">
        <v>19017</v>
      </c>
      <c r="B1761" s="9" t="s">
        <v>14</v>
      </c>
      <c r="C1761" s="9" t="s">
        <v>8415</v>
      </c>
      <c r="D1761" s="6" t="s">
        <v>8416</v>
      </c>
      <c r="E1761" s="22">
        <v>44901</v>
      </c>
      <c r="F1761" s="22">
        <v>46726</v>
      </c>
      <c r="G1761" s="6" t="s">
        <v>8417</v>
      </c>
      <c r="H1761" s="6" t="s">
        <v>202</v>
      </c>
      <c r="I1761" s="6" t="s">
        <v>1707</v>
      </c>
      <c r="J1761" s="6" t="s">
        <v>8418</v>
      </c>
      <c r="K1761" s="9" t="s">
        <v>8419</v>
      </c>
      <c r="L1761" s="10" t="s">
        <v>22</v>
      </c>
      <c r="M1761" s="10" t="s">
        <v>22</v>
      </c>
      <c r="N1761" s="10" t="s">
        <v>22</v>
      </c>
      <c r="O1761" s="10" t="s">
        <v>22</v>
      </c>
      <c r="P1761" s="10" t="s">
        <v>22</v>
      </c>
      <c r="Q1761" s="10" t="s">
        <v>22</v>
      </c>
      <c r="R1761" s="10" t="s">
        <v>22</v>
      </c>
      <c r="S1761" s="10" t="s">
        <v>22</v>
      </c>
      <c r="T1761" s="10" t="s">
        <v>22</v>
      </c>
      <c r="U1761" s="10" t="s">
        <v>22</v>
      </c>
      <c r="V1761" s="10" t="s">
        <v>22</v>
      </c>
      <c r="W1761" s="10" t="s">
        <v>22</v>
      </c>
      <c r="X1761" s="10" t="s">
        <v>22</v>
      </c>
      <c r="Y1761" s="10" t="s">
        <v>22</v>
      </c>
      <c r="Z1761" s="10" t="s">
        <v>22</v>
      </c>
    </row>
    <row r="1762" spans="1:26" ht="24" customHeight="1" x14ac:dyDescent="0.2">
      <c r="A1762" s="9" t="s">
        <v>19018</v>
      </c>
      <c r="B1762" s="9" t="s">
        <v>14</v>
      </c>
      <c r="C1762" s="9" t="s">
        <v>8420</v>
      </c>
      <c r="D1762" s="6" t="s">
        <v>8421</v>
      </c>
      <c r="E1762" s="22">
        <v>44907</v>
      </c>
      <c r="F1762" s="22">
        <v>46732</v>
      </c>
      <c r="G1762" s="6" t="s">
        <v>8422</v>
      </c>
      <c r="H1762" s="6" t="s">
        <v>202</v>
      </c>
      <c r="I1762" s="6" t="s">
        <v>6427</v>
      </c>
      <c r="J1762" s="6" t="s">
        <v>8423</v>
      </c>
      <c r="L1762" s="10" t="s">
        <v>22</v>
      </c>
      <c r="M1762" s="10" t="s">
        <v>22</v>
      </c>
      <c r="N1762" s="10" t="s">
        <v>22</v>
      </c>
      <c r="O1762" s="10" t="s">
        <v>22</v>
      </c>
      <c r="P1762" s="10" t="s">
        <v>22</v>
      </c>
      <c r="Q1762" s="10" t="s">
        <v>22</v>
      </c>
      <c r="R1762" s="10" t="s">
        <v>22</v>
      </c>
      <c r="S1762" s="10" t="s">
        <v>22</v>
      </c>
      <c r="T1762" s="10" t="s">
        <v>22</v>
      </c>
      <c r="V1762" s="10" t="s">
        <v>22</v>
      </c>
      <c r="W1762" s="10" t="s">
        <v>22</v>
      </c>
      <c r="Y1762" s="10" t="s">
        <v>22</v>
      </c>
      <c r="Z1762" s="10" t="s">
        <v>22</v>
      </c>
    </row>
    <row r="1763" spans="1:26" ht="24" customHeight="1" x14ac:dyDescent="0.2">
      <c r="A1763" s="9" t="s">
        <v>19019</v>
      </c>
      <c r="B1763" s="9" t="s">
        <v>14</v>
      </c>
      <c r="C1763" s="9" t="s">
        <v>8424</v>
      </c>
      <c r="D1763" s="6" t="s">
        <v>8425</v>
      </c>
      <c r="E1763" s="22">
        <v>44907</v>
      </c>
      <c r="F1763" s="22">
        <v>46732</v>
      </c>
      <c r="G1763" s="6" t="s">
        <v>8426</v>
      </c>
      <c r="H1763" s="6" t="s">
        <v>18</v>
      </c>
      <c r="I1763" s="6" t="s">
        <v>3615</v>
      </c>
      <c r="J1763" s="6" t="s">
        <v>8427</v>
      </c>
      <c r="K1763" s="9" t="s">
        <v>8428</v>
      </c>
      <c r="M1763" s="10" t="s">
        <v>22</v>
      </c>
      <c r="N1763" s="10" t="s">
        <v>22</v>
      </c>
      <c r="P1763" s="10" t="s">
        <v>22</v>
      </c>
      <c r="Q1763" s="10" t="s">
        <v>22</v>
      </c>
      <c r="S1763" s="10" t="s">
        <v>22</v>
      </c>
      <c r="T1763" s="10" t="s">
        <v>22</v>
      </c>
      <c r="V1763" s="10" t="s">
        <v>22</v>
      </c>
      <c r="W1763" s="10" t="s">
        <v>22</v>
      </c>
      <c r="Y1763" s="10" t="s">
        <v>22</v>
      </c>
      <c r="Z1763" s="10" t="s">
        <v>22</v>
      </c>
    </row>
    <row r="1764" spans="1:26" ht="24" customHeight="1" x14ac:dyDescent="0.2">
      <c r="A1764" s="9" t="s">
        <v>19020</v>
      </c>
      <c r="B1764" s="9" t="s">
        <v>14</v>
      </c>
      <c r="C1764" s="9" t="s">
        <v>8429</v>
      </c>
      <c r="D1764" s="6" t="s">
        <v>8430</v>
      </c>
      <c r="E1764" s="22">
        <v>44907</v>
      </c>
      <c r="F1764" s="22">
        <v>46732</v>
      </c>
      <c r="G1764" s="6" t="s">
        <v>8431</v>
      </c>
      <c r="H1764" s="6" t="s">
        <v>4409</v>
      </c>
      <c r="I1764" s="6" t="s">
        <v>7132</v>
      </c>
      <c r="J1764" s="6" t="s">
        <v>8432</v>
      </c>
      <c r="K1764" s="9" t="s">
        <v>8433</v>
      </c>
      <c r="L1764" s="10" t="s">
        <v>22</v>
      </c>
      <c r="M1764" s="10" t="s">
        <v>22</v>
      </c>
      <c r="N1764" s="10" t="s">
        <v>22</v>
      </c>
      <c r="U1764" s="10" t="s">
        <v>22</v>
      </c>
      <c r="V1764" s="10" t="s">
        <v>22</v>
      </c>
      <c r="W1764" s="10" t="s">
        <v>22</v>
      </c>
    </row>
    <row r="1765" spans="1:26" ht="24" customHeight="1" x14ac:dyDescent="0.2">
      <c r="A1765" s="9" t="s">
        <v>19021</v>
      </c>
      <c r="B1765" s="9" t="s">
        <v>14</v>
      </c>
      <c r="C1765" s="9" t="s">
        <v>8434</v>
      </c>
      <c r="D1765" s="6" t="s">
        <v>8435</v>
      </c>
      <c r="E1765" s="22">
        <v>44909</v>
      </c>
      <c r="F1765" s="22">
        <v>46734</v>
      </c>
      <c r="G1765" s="6" t="s">
        <v>8436</v>
      </c>
      <c r="H1765" s="6" t="s">
        <v>18</v>
      </c>
      <c r="I1765" s="6" t="s">
        <v>19</v>
      </c>
      <c r="J1765" s="6" t="s">
        <v>8437</v>
      </c>
      <c r="K1765" s="9" t="s">
        <v>8438</v>
      </c>
      <c r="L1765" s="10" t="s">
        <v>22</v>
      </c>
      <c r="M1765" s="10" t="s">
        <v>22</v>
      </c>
      <c r="N1765" s="10" t="s">
        <v>22</v>
      </c>
      <c r="O1765" s="10" t="s">
        <v>22</v>
      </c>
      <c r="P1765" s="10" t="s">
        <v>22</v>
      </c>
      <c r="Q1765" s="10" t="s">
        <v>22</v>
      </c>
      <c r="U1765" s="10" t="s">
        <v>22</v>
      </c>
      <c r="V1765" s="10" t="s">
        <v>22</v>
      </c>
      <c r="W1765" s="10" t="s">
        <v>22</v>
      </c>
      <c r="X1765" s="10" t="s">
        <v>22</v>
      </c>
      <c r="Y1765" s="10" t="s">
        <v>22</v>
      </c>
      <c r="Z1765" s="10" t="s">
        <v>22</v>
      </c>
    </row>
    <row r="1766" spans="1:26" ht="24" customHeight="1" x14ac:dyDescent="0.2">
      <c r="A1766" s="9" t="s">
        <v>19022</v>
      </c>
      <c r="B1766" s="9" t="s">
        <v>14</v>
      </c>
      <c r="C1766" s="9" t="s">
        <v>8439</v>
      </c>
      <c r="D1766" s="6" t="s">
        <v>8440</v>
      </c>
      <c r="E1766" s="22">
        <v>44910</v>
      </c>
      <c r="F1766" s="22">
        <v>46735</v>
      </c>
      <c r="G1766" s="6" t="s">
        <v>8441</v>
      </c>
      <c r="H1766" s="6" t="s">
        <v>62</v>
      </c>
      <c r="I1766" s="6" t="s">
        <v>842</v>
      </c>
      <c r="J1766" s="6" t="s">
        <v>8442</v>
      </c>
      <c r="K1766" s="9" t="s">
        <v>8443</v>
      </c>
      <c r="M1766" s="10" t="s">
        <v>22</v>
      </c>
      <c r="N1766" s="10" t="s">
        <v>22</v>
      </c>
      <c r="V1766" s="10" t="s">
        <v>22</v>
      </c>
      <c r="W1766" s="10" t="s">
        <v>22</v>
      </c>
    </row>
    <row r="1767" spans="1:26" ht="24" customHeight="1" x14ac:dyDescent="0.2">
      <c r="A1767" s="9" t="s">
        <v>19023</v>
      </c>
      <c r="B1767" s="9" t="s">
        <v>14</v>
      </c>
      <c r="C1767" s="9" t="s">
        <v>8444</v>
      </c>
      <c r="D1767" s="6" t="s">
        <v>8445</v>
      </c>
      <c r="E1767" s="22">
        <v>44910</v>
      </c>
      <c r="F1767" s="22">
        <v>46735</v>
      </c>
      <c r="G1767" s="6" t="s">
        <v>8446</v>
      </c>
      <c r="H1767" s="6" t="s">
        <v>62</v>
      </c>
      <c r="I1767" s="6" t="s">
        <v>306</v>
      </c>
      <c r="J1767" s="6" t="s">
        <v>8447</v>
      </c>
      <c r="K1767" s="9" t="s">
        <v>8448</v>
      </c>
      <c r="L1767" s="10" t="s">
        <v>22</v>
      </c>
      <c r="M1767" s="10" t="s">
        <v>22</v>
      </c>
      <c r="N1767" s="10" t="s">
        <v>22</v>
      </c>
      <c r="O1767" s="10" t="s">
        <v>22</v>
      </c>
      <c r="P1767" s="10" t="s">
        <v>22</v>
      </c>
      <c r="Q1767" s="10" t="s">
        <v>22</v>
      </c>
      <c r="U1767" s="10" t="s">
        <v>22</v>
      </c>
      <c r="V1767" s="10" t="s">
        <v>22</v>
      </c>
      <c r="W1767" s="10" t="s">
        <v>22</v>
      </c>
      <c r="X1767" s="10" t="s">
        <v>22</v>
      </c>
      <c r="Y1767" s="10" t="s">
        <v>22</v>
      </c>
      <c r="Z1767" s="10" t="s">
        <v>22</v>
      </c>
    </row>
    <row r="1768" spans="1:26" ht="24" customHeight="1" x14ac:dyDescent="0.2">
      <c r="A1768" s="9" t="s">
        <v>19024</v>
      </c>
      <c r="B1768" s="9" t="s">
        <v>14</v>
      </c>
      <c r="C1768" s="9" t="s">
        <v>8449</v>
      </c>
      <c r="D1768" s="6" t="s">
        <v>8450</v>
      </c>
      <c r="E1768" s="22">
        <v>44913</v>
      </c>
      <c r="F1768" s="22">
        <v>46738</v>
      </c>
      <c r="G1768" s="6" t="s">
        <v>8451</v>
      </c>
      <c r="H1768" s="6" t="s">
        <v>18</v>
      </c>
      <c r="I1768" s="6" t="s">
        <v>26</v>
      </c>
      <c r="J1768" s="6" t="s">
        <v>8452</v>
      </c>
      <c r="K1768" s="9" t="s">
        <v>8453</v>
      </c>
      <c r="M1768" s="10" t="s">
        <v>22</v>
      </c>
      <c r="N1768" s="10" t="s">
        <v>22</v>
      </c>
      <c r="P1768" s="10" t="s">
        <v>22</v>
      </c>
      <c r="Q1768" s="10" t="s">
        <v>22</v>
      </c>
      <c r="V1768" s="10" t="s">
        <v>22</v>
      </c>
      <c r="W1768" s="10" t="s">
        <v>22</v>
      </c>
      <c r="Y1768" s="10" t="s">
        <v>22</v>
      </c>
      <c r="Z1768" s="10" t="s">
        <v>22</v>
      </c>
    </row>
    <row r="1769" spans="1:26" ht="24" customHeight="1" x14ac:dyDescent="0.2">
      <c r="A1769" s="9" t="s">
        <v>19025</v>
      </c>
      <c r="B1769" s="9" t="s">
        <v>14</v>
      </c>
      <c r="C1769" s="9" t="s">
        <v>8454</v>
      </c>
      <c r="D1769" s="6" t="s">
        <v>8455</v>
      </c>
      <c r="E1769" s="22">
        <v>44913</v>
      </c>
      <c r="F1769" s="22">
        <v>46738</v>
      </c>
      <c r="G1769" s="6" t="s">
        <v>8456</v>
      </c>
      <c r="H1769" s="6" t="s">
        <v>229</v>
      </c>
      <c r="I1769" s="6" t="s">
        <v>5604</v>
      </c>
      <c r="J1769" s="6" t="s">
        <v>8457</v>
      </c>
      <c r="K1769" s="9" t="s">
        <v>8458</v>
      </c>
      <c r="L1769" s="10" t="s">
        <v>22</v>
      </c>
      <c r="M1769" s="10" t="s">
        <v>22</v>
      </c>
      <c r="N1769" s="10" t="s">
        <v>22</v>
      </c>
      <c r="O1769" s="10" t="s">
        <v>22</v>
      </c>
      <c r="P1769" s="10" t="s">
        <v>22</v>
      </c>
      <c r="Q1769" s="10" t="s">
        <v>22</v>
      </c>
      <c r="R1769" s="10" t="s">
        <v>22</v>
      </c>
      <c r="S1769" s="10" t="s">
        <v>22</v>
      </c>
      <c r="T1769" s="10" t="s">
        <v>22</v>
      </c>
      <c r="U1769" s="10" t="s">
        <v>22</v>
      </c>
      <c r="V1769" s="10" t="s">
        <v>22</v>
      </c>
      <c r="W1769" s="10" t="s">
        <v>22</v>
      </c>
      <c r="X1769" s="10" t="s">
        <v>22</v>
      </c>
      <c r="Y1769" s="10" t="s">
        <v>22</v>
      </c>
      <c r="Z1769" s="10" t="s">
        <v>22</v>
      </c>
    </row>
    <row r="1770" spans="1:26" ht="24" customHeight="1" x14ac:dyDescent="0.2">
      <c r="A1770" s="9" t="s">
        <v>19026</v>
      </c>
      <c r="B1770" s="9" t="s">
        <v>14</v>
      </c>
      <c r="C1770" s="9" t="s">
        <v>8459</v>
      </c>
      <c r="D1770" s="6" t="s">
        <v>8460</v>
      </c>
      <c r="E1770" s="22">
        <v>44914</v>
      </c>
      <c r="F1770" s="22">
        <v>46739</v>
      </c>
      <c r="G1770" s="6" t="s">
        <v>8461</v>
      </c>
      <c r="H1770" s="6" t="s">
        <v>62</v>
      </c>
      <c r="I1770" s="6" t="s">
        <v>842</v>
      </c>
      <c r="J1770" s="6" t="s">
        <v>8462</v>
      </c>
      <c r="K1770" s="9" t="s">
        <v>8463</v>
      </c>
      <c r="L1770" s="10" t="s">
        <v>22</v>
      </c>
      <c r="M1770" s="10" t="s">
        <v>22</v>
      </c>
      <c r="N1770" s="10" t="s">
        <v>22</v>
      </c>
      <c r="O1770" s="10" t="s">
        <v>22</v>
      </c>
      <c r="P1770" s="10" t="s">
        <v>22</v>
      </c>
      <c r="Q1770" s="10" t="s">
        <v>22</v>
      </c>
      <c r="U1770" s="10" t="s">
        <v>22</v>
      </c>
      <c r="V1770" s="10" t="s">
        <v>22</v>
      </c>
      <c r="W1770" s="10" t="s">
        <v>22</v>
      </c>
      <c r="X1770" s="10" t="s">
        <v>22</v>
      </c>
      <c r="Y1770" s="10" t="s">
        <v>22</v>
      </c>
      <c r="Z1770" s="10" t="s">
        <v>22</v>
      </c>
    </row>
    <row r="1771" spans="1:26" ht="24" customHeight="1" x14ac:dyDescent="0.2">
      <c r="A1771" s="9" t="s">
        <v>19027</v>
      </c>
      <c r="B1771" s="9" t="s">
        <v>14</v>
      </c>
      <c r="C1771" s="9" t="s">
        <v>8464</v>
      </c>
      <c r="D1771" s="6" t="s">
        <v>8465</v>
      </c>
      <c r="E1771" s="22">
        <v>44914</v>
      </c>
      <c r="F1771" s="22">
        <v>46739</v>
      </c>
      <c r="G1771" s="6" t="s">
        <v>8466</v>
      </c>
      <c r="H1771" s="6" t="s">
        <v>202</v>
      </c>
      <c r="I1771" s="6" t="s">
        <v>3589</v>
      </c>
      <c r="J1771" s="6" t="s">
        <v>8467</v>
      </c>
      <c r="K1771" s="9" t="s">
        <v>8468</v>
      </c>
      <c r="L1771" s="10" t="s">
        <v>22</v>
      </c>
      <c r="M1771" s="10" t="s">
        <v>22</v>
      </c>
      <c r="N1771" s="10" t="s">
        <v>22</v>
      </c>
      <c r="O1771" s="10" t="s">
        <v>22</v>
      </c>
      <c r="P1771" s="10" t="s">
        <v>22</v>
      </c>
      <c r="Q1771" s="10" t="s">
        <v>22</v>
      </c>
      <c r="R1771" s="10" t="s">
        <v>22</v>
      </c>
      <c r="S1771" s="10" t="s">
        <v>22</v>
      </c>
      <c r="T1771" s="10" t="s">
        <v>22</v>
      </c>
      <c r="U1771" s="10" t="s">
        <v>22</v>
      </c>
      <c r="V1771" s="10" t="s">
        <v>22</v>
      </c>
      <c r="W1771" s="10" t="s">
        <v>22</v>
      </c>
      <c r="X1771" s="10" t="s">
        <v>22</v>
      </c>
      <c r="Y1771" s="10" t="s">
        <v>22</v>
      </c>
      <c r="Z1771" s="10" t="s">
        <v>22</v>
      </c>
    </row>
    <row r="1772" spans="1:26" ht="24" customHeight="1" x14ac:dyDescent="0.2">
      <c r="A1772" s="9" t="s">
        <v>19028</v>
      </c>
      <c r="B1772" s="9" t="s">
        <v>14</v>
      </c>
      <c r="C1772" s="9" t="s">
        <v>8469</v>
      </c>
      <c r="D1772" s="6" t="s">
        <v>8470</v>
      </c>
      <c r="E1772" s="22">
        <v>44916</v>
      </c>
      <c r="F1772" s="22">
        <v>46741</v>
      </c>
      <c r="G1772" s="6" t="s">
        <v>8471</v>
      </c>
      <c r="H1772" s="6" t="s">
        <v>62</v>
      </c>
      <c r="I1772" s="6" t="s">
        <v>8472</v>
      </c>
      <c r="J1772" s="6" t="s">
        <v>8473</v>
      </c>
      <c r="K1772" s="9" t="s">
        <v>8474</v>
      </c>
      <c r="L1772" s="10" t="s">
        <v>22</v>
      </c>
      <c r="M1772" s="10" t="s">
        <v>22</v>
      </c>
      <c r="N1772" s="10" t="s">
        <v>22</v>
      </c>
      <c r="O1772" s="10" t="s">
        <v>22</v>
      </c>
      <c r="P1772" s="10" t="s">
        <v>22</v>
      </c>
      <c r="Q1772" s="10" t="s">
        <v>22</v>
      </c>
      <c r="R1772" s="10" t="s">
        <v>22</v>
      </c>
      <c r="S1772" s="10" t="s">
        <v>22</v>
      </c>
      <c r="T1772" s="10" t="s">
        <v>22</v>
      </c>
      <c r="U1772" s="10" t="s">
        <v>22</v>
      </c>
      <c r="V1772" s="10" t="s">
        <v>22</v>
      </c>
      <c r="W1772" s="10" t="s">
        <v>22</v>
      </c>
      <c r="X1772" s="10" t="s">
        <v>22</v>
      </c>
      <c r="Y1772" s="10" t="s">
        <v>22</v>
      </c>
      <c r="Z1772" s="10" t="s">
        <v>22</v>
      </c>
    </row>
    <row r="1773" spans="1:26" ht="24" customHeight="1" x14ac:dyDescent="0.2">
      <c r="A1773" s="9" t="s">
        <v>19029</v>
      </c>
      <c r="B1773" s="9" t="s">
        <v>14</v>
      </c>
      <c r="C1773" s="9" t="s">
        <v>8475</v>
      </c>
      <c r="D1773" s="6" t="s">
        <v>8476</v>
      </c>
      <c r="E1773" s="22">
        <v>44949</v>
      </c>
      <c r="F1773" s="22">
        <v>46774</v>
      </c>
      <c r="G1773" s="6" t="s">
        <v>8477</v>
      </c>
      <c r="H1773" s="6" t="s">
        <v>62</v>
      </c>
      <c r="I1773" s="6" t="s">
        <v>290</v>
      </c>
      <c r="J1773" s="6" t="s">
        <v>8478</v>
      </c>
      <c r="K1773" s="9" t="s">
        <v>8479</v>
      </c>
      <c r="L1773" s="10" t="s">
        <v>22</v>
      </c>
      <c r="M1773" s="10" t="s">
        <v>22</v>
      </c>
      <c r="N1773" s="10" t="s">
        <v>22</v>
      </c>
      <c r="O1773" s="10" t="s">
        <v>22</v>
      </c>
      <c r="P1773" s="10" t="s">
        <v>22</v>
      </c>
      <c r="Q1773" s="10" t="s">
        <v>22</v>
      </c>
      <c r="R1773" s="10" t="s">
        <v>22</v>
      </c>
      <c r="S1773" s="10" t="s">
        <v>22</v>
      </c>
      <c r="T1773" s="10" t="s">
        <v>22</v>
      </c>
      <c r="U1773" s="10" t="s">
        <v>22</v>
      </c>
      <c r="V1773" s="10" t="s">
        <v>22</v>
      </c>
      <c r="W1773" s="10" t="s">
        <v>22</v>
      </c>
      <c r="X1773" s="10" t="s">
        <v>22</v>
      </c>
      <c r="Y1773" s="10" t="s">
        <v>22</v>
      </c>
      <c r="Z1773" s="10" t="s">
        <v>22</v>
      </c>
    </row>
    <row r="1774" spans="1:26" ht="24" customHeight="1" x14ac:dyDescent="0.2">
      <c r="A1774" s="9" t="s">
        <v>19030</v>
      </c>
      <c r="B1774" s="9" t="s">
        <v>14</v>
      </c>
      <c r="C1774" s="9" t="s">
        <v>8480</v>
      </c>
      <c r="D1774" s="6" t="s">
        <v>8481</v>
      </c>
      <c r="E1774" s="22">
        <v>44949</v>
      </c>
      <c r="F1774" s="22">
        <v>46774</v>
      </c>
      <c r="G1774" s="6" t="s">
        <v>8482</v>
      </c>
      <c r="H1774" s="6" t="s">
        <v>62</v>
      </c>
      <c r="I1774" s="6" t="s">
        <v>435</v>
      </c>
      <c r="J1774" s="6" t="s">
        <v>8483</v>
      </c>
      <c r="K1774" s="9" t="s">
        <v>8484</v>
      </c>
      <c r="L1774" s="10" t="s">
        <v>22</v>
      </c>
      <c r="M1774" s="10" t="s">
        <v>22</v>
      </c>
      <c r="N1774" s="10" t="s">
        <v>22</v>
      </c>
      <c r="O1774" s="10" t="s">
        <v>22</v>
      </c>
      <c r="P1774" s="10" t="s">
        <v>22</v>
      </c>
      <c r="Q1774" s="10" t="s">
        <v>22</v>
      </c>
      <c r="R1774" s="10" t="s">
        <v>22</v>
      </c>
      <c r="S1774" s="10" t="s">
        <v>22</v>
      </c>
      <c r="T1774" s="10" t="s">
        <v>22</v>
      </c>
      <c r="U1774" s="10" t="s">
        <v>22</v>
      </c>
      <c r="V1774" s="10" t="s">
        <v>22</v>
      </c>
      <c r="W1774" s="10" t="s">
        <v>22</v>
      </c>
      <c r="X1774" s="10" t="s">
        <v>22</v>
      </c>
      <c r="Y1774" s="10" t="s">
        <v>22</v>
      </c>
      <c r="Z1774" s="10" t="s">
        <v>22</v>
      </c>
    </row>
    <row r="1775" spans="1:26" ht="24" customHeight="1" x14ac:dyDescent="0.2">
      <c r="A1775" s="9" t="s">
        <v>19031</v>
      </c>
      <c r="B1775" s="9" t="s">
        <v>14</v>
      </c>
      <c r="C1775" s="9" t="s">
        <v>8485</v>
      </c>
      <c r="D1775" s="6" t="s">
        <v>8486</v>
      </c>
      <c r="E1775" s="22">
        <v>44949</v>
      </c>
      <c r="F1775" s="22">
        <v>46774</v>
      </c>
      <c r="G1775" s="6" t="s">
        <v>8487</v>
      </c>
      <c r="H1775" s="6" t="s">
        <v>62</v>
      </c>
      <c r="I1775" s="6" t="s">
        <v>379</v>
      </c>
      <c r="J1775" s="6" t="s">
        <v>8488</v>
      </c>
      <c r="K1775" s="9" t="s">
        <v>8489</v>
      </c>
      <c r="L1775" s="10" t="s">
        <v>22</v>
      </c>
      <c r="M1775" s="10" t="s">
        <v>22</v>
      </c>
      <c r="N1775" s="10" t="s">
        <v>22</v>
      </c>
      <c r="O1775" s="10" t="s">
        <v>22</v>
      </c>
      <c r="P1775" s="10" t="s">
        <v>22</v>
      </c>
      <c r="Q1775" s="10" t="s">
        <v>22</v>
      </c>
      <c r="U1775" s="10" t="s">
        <v>22</v>
      </c>
      <c r="V1775" s="10" t="s">
        <v>22</v>
      </c>
      <c r="W1775" s="10" t="s">
        <v>22</v>
      </c>
    </row>
    <row r="1776" spans="1:26" ht="24" customHeight="1" x14ac:dyDescent="0.2">
      <c r="A1776" s="9" t="s">
        <v>19032</v>
      </c>
      <c r="B1776" s="9" t="s">
        <v>14</v>
      </c>
      <c r="C1776" s="9" t="s">
        <v>8490</v>
      </c>
      <c r="D1776" s="6" t="s">
        <v>8491</v>
      </c>
      <c r="E1776" s="22">
        <v>44955</v>
      </c>
      <c r="F1776" s="22">
        <v>46780</v>
      </c>
      <c r="G1776" s="6" t="s">
        <v>8492</v>
      </c>
      <c r="H1776" s="6" t="s">
        <v>363</v>
      </c>
      <c r="I1776" s="6" t="s">
        <v>597</v>
      </c>
      <c r="J1776" s="6" t="s">
        <v>8493</v>
      </c>
      <c r="K1776" s="9" t="s">
        <v>8494</v>
      </c>
      <c r="M1776" s="10" t="s">
        <v>22</v>
      </c>
      <c r="N1776" s="10" t="s">
        <v>22</v>
      </c>
      <c r="S1776" s="10" t="s">
        <v>22</v>
      </c>
      <c r="T1776" s="10" t="s">
        <v>22</v>
      </c>
      <c r="V1776" s="10" t="s">
        <v>22</v>
      </c>
      <c r="W1776" s="10" t="s">
        <v>22</v>
      </c>
    </row>
    <row r="1777" spans="1:26" ht="24" customHeight="1" x14ac:dyDescent="0.2">
      <c r="A1777" s="9" t="s">
        <v>19033</v>
      </c>
      <c r="B1777" s="9" t="s">
        <v>14</v>
      </c>
      <c r="C1777" s="9" t="s">
        <v>8495</v>
      </c>
      <c r="D1777" s="6" t="s">
        <v>8496</v>
      </c>
      <c r="E1777" s="22">
        <v>44957</v>
      </c>
      <c r="F1777" s="22">
        <v>46782</v>
      </c>
      <c r="G1777" s="6" t="s">
        <v>8497</v>
      </c>
      <c r="H1777" s="6" t="s">
        <v>202</v>
      </c>
      <c r="I1777" s="6" t="s">
        <v>873</v>
      </c>
      <c r="J1777" s="6" t="s">
        <v>8498</v>
      </c>
      <c r="K1777" s="9" t="s">
        <v>8499</v>
      </c>
      <c r="L1777" s="10" t="s">
        <v>22</v>
      </c>
      <c r="M1777" s="10" t="s">
        <v>22</v>
      </c>
      <c r="N1777" s="10" t="s">
        <v>22</v>
      </c>
      <c r="O1777" s="10" t="s">
        <v>22</v>
      </c>
      <c r="P1777" s="10" t="s">
        <v>22</v>
      </c>
      <c r="Q1777" s="10" t="s">
        <v>22</v>
      </c>
      <c r="R1777" s="10" t="s">
        <v>22</v>
      </c>
      <c r="S1777" s="10" t="s">
        <v>22</v>
      </c>
      <c r="T1777" s="10" t="s">
        <v>22</v>
      </c>
      <c r="U1777" s="10" t="s">
        <v>22</v>
      </c>
      <c r="V1777" s="10" t="s">
        <v>22</v>
      </c>
      <c r="W1777" s="10" t="s">
        <v>22</v>
      </c>
      <c r="X1777" s="10" t="s">
        <v>22</v>
      </c>
      <c r="Y1777" s="10" t="s">
        <v>22</v>
      </c>
      <c r="Z1777" s="10" t="s">
        <v>22</v>
      </c>
    </row>
    <row r="1778" spans="1:26" ht="24" customHeight="1" x14ac:dyDescent="0.2">
      <c r="A1778" s="9" t="s">
        <v>19034</v>
      </c>
      <c r="B1778" s="9" t="s">
        <v>14</v>
      </c>
      <c r="C1778" s="9" t="s">
        <v>8500</v>
      </c>
      <c r="D1778" s="6" t="s">
        <v>8501</v>
      </c>
      <c r="E1778" s="22">
        <v>44957</v>
      </c>
      <c r="F1778" s="22">
        <v>46782</v>
      </c>
      <c r="G1778" s="6" t="s">
        <v>8502</v>
      </c>
      <c r="H1778" s="6" t="s">
        <v>8503</v>
      </c>
      <c r="I1778" s="6" t="s">
        <v>8504</v>
      </c>
      <c r="J1778" s="6" t="s">
        <v>8505</v>
      </c>
      <c r="K1778" s="9" t="s">
        <v>8506</v>
      </c>
      <c r="L1778" s="10" t="s">
        <v>22</v>
      </c>
      <c r="M1778" s="10" t="s">
        <v>22</v>
      </c>
      <c r="N1778" s="10" t="s">
        <v>22</v>
      </c>
      <c r="O1778" s="10" t="s">
        <v>22</v>
      </c>
      <c r="P1778" s="10" t="s">
        <v>22</v>
      </c>
      <c r="Q1778" s="10" t="s">
        <v>22</v>
      </c>
      <c r="R1778" s="10" t="s">
        <v>22</v>
      </c>
      <c r="S1778" s="10" t="s">
        <v>22</v>
      </c>
      <c r="T1778" s="10" t="s">
        <v>22</v>
      </c>
      <c r="U1778" s="10" t="s">
        <v>22</v>
      </c>
      <c r="V1778" s="10" t="s">
        <v>22</v>
      </c>
      <c r="W1778" s="10" t="s">
        <v>22</v>
      </c>
      <c r="X1778" s="10" t="s">
        <v>22</v>
      </c>
      <c r="Y1778" s="10" t="s">
        <v>22</v>
      </c>
      <c r="Z1778" s="10" t="s">
        <v>22</v>
      </c>
    </row>
    <row r="1779" spans="1:26" ht="24" customHeight="1" x14ac:dyDescent="0.2">
      <c r="A1779" s="9" t="s">
        <v>19035</v>
      </c>
      <c r="B1779" s="9" t="s">
        <v>14</v>
      </c>
      <c r="C1779" s="9" t="s">
        <v>8507</v>
      </c>
      <c r="D1779" s="6" t="s">
        <v>8508</v>
      </c>
      <c r="E1779" s="22">
        <v>44963</v>
      </c>
      <c r="F1779" s="22">
        <v>46788</v>
      </c>
      <c r="G1779" s="6" t="s">
        <v>8509</v>
      </c>
      <c r="H1779" s="6" t="s">
        <v>363</v>
      </c>
      <c r="I1779" s="6" t="s">
        <v>8510</v>
      </c>
      <c r="J1779" s="6" t="s">
        <v>8511</v>
      </c>
      <c r="K1779" s="9" t="s">
        <v>8512</v>
      </c>
      <c r="M1779" s="10" t="s">
        <v>22</v>
      </c>
      <c r="N1779" s="10" t="s">
        <v>22</v>
      </c>
      <c r="S1779" s="10" t="s">
        <v>22</v>
      </c>
      <c r="T1779" s="10" t="s">
        <v>22</v>
      </c>
      <c r="V1779" s="10" t="s">
        <v>22</v>
      </c>
      <c r="W1779" s="10" t="s">
        <v>22</v>
      </c>
    </row>
    <row r="1780" spans="1:26" ht="24" customHeight="1" x14ac:dyDescent="0.2">
      <c r="A1780" s="9" t="s">
        <v>19036</v>
      </c>
      <c r="B1780" s="9" t="s">
        <v>14</v>
      </c>
      <c r="C1780" s="9" t="s">
        <v>8513</v>
      </c>
      <c r="D1780" s="6" t="s">
        <v>8514</v>
      </c>
      <c r="E1780" s="22">
        <v>44973</v>
      </c>
      <c r="F1780" s="22">
        <v>46798</v>
      </c>
      <c r="G1780" s="6" t="s">
        <v>8515</v>
      </c>
      <c r="H1780" s="6" t="s">
        <v>62</v>
      </c>
      <c r="I1780" s="6" t="s">
        <v>318</v>
      </c>
      <c r="J1780" s="6" t="s">
        <v>8516</v>
      </c>
      <c r="K1780" s="9" t="s">
        <v>8517</v>
      </c>
      <c r="L1780" s="10" t="s">
        <v>22</v>
      </c>
      <c r="M1780" s="10" t="s">
        <v>22</v>
      </c>
      <c r="N1780" s="10" t="s">
        <v>22</v>
      </c>
      <c r="O1780" s="10" t="s">
        <v>22</v>
      </c>
      <c r="P1780" s="10" t="s">
        <v>22</v>
      </c>
      <c r="Q1780" s="10" t="s">
        <v>22</v>
      </c>
      <c r="R1780" s="10" t="s">
        <v>22</v>
      </c>
      <c r="S1780" s="10" t="s">
        <v>22</v>
      </c>
      <c r="T1780" s="10" t="s">
        <v>22</v>
      </c>
      <c r="U1780" s="10" t="s">
        <v>22</v>
      </c>
      <c r="V1780" s="10" t="s">
        <v>22</v>
      </c>
      <c r="W1780" s="10" t="s">
        <v>22</v>
      </c>
      <c r="X1780" s="10" t="s">
        <v>22</v>
      </c>
      <c r="Y1780" s="10" t="s">
        <v>22</v>
      </c>
      <c r="Z1780" s="10" t="s">
        <v>22</v>
      </c>
    </row>
    <row r="1781" spans="1:26" ht="24" customHeight="1" x14ac:dyDescent="0.2">
      <c r="A1781" s="9" t="s">
        <v>19037</v>
      </c>
      <c r="B1781" s="9" t="s">
        <v>14</v>
      </c>
      <c r="C1781" s="9" t="s">
        <v>8518</v>
      </c>
      <c r="D1781" s="6" t="s">
        <v>8519</v>
      </c>
      <c r="E1781" s="22">
        <v>44973</v>
      </c>
      <c r="F1781" s="22">
        <v>46798</v>
      </c>
      <c r="G1781" s="6" t="s">
        <v>8520</v>
      </c>
      <c r="H1781" s="6" t="s">
        <v>62</v>
      </c>
      <c r="I1781" s="6" t="s">
        <v>2378</v>
      </c>
      <c r="J1781" s="6" t="s">
        <v>8521</v>
      </c>
      <c r="K1781" s="9" t="s">
        <v>8522</v>
      </c>
      <c r="L1781" s="10" t="s">
        <v>22</v>
      </c>
      <c r="M1781" s="10" t="s">
        <v>22</v>
      </c>
      <c r="N1781" s="10" t="s">
        <v>22</v>
      </c>
      <c r="O1781" s="10" t="s">
        <v>22</v>
      </c>
      <c r="P1781" s="10" t="s">
        <v>22</v>
      </c>
      <c r="Q1781" s="10" t="s">
        <v>22</v>
      </c>
      <c r="U1781" s="10" t="s">
        <v>22</v>
      </c>
      <c r="V1781" s="10" t="s">
        <v>22</v>
      </c>
      <c r="W1781" s="10" t="s">
        <v>22</v>
      </c>
      <c r="X1781" s="10" t="s">
        <v>22</v>
      </c>
      <c r="Y1781" s="10" t="s">
        <v>22</v>
      </c>
      <c r="Z1781" s="10" t="s">
        <v>22</v>
      </c>
    </row>
    <row r="1782" spans="1:26" ht="24" customHeight="1" x14ac:dyDescent="0.2">
      <c r="A1782" s="9" t="s">
        <v>19038</v>
      </c>
      <c r="B1782" s="9" t="s">
        <v>14</v>
      </c>
      <c r="C1782" s="9" t="s">
        <v>8523</v>
      </c>
      <c r="D1782" s="6" t="s">
        <v>8524</v>
      </c>
      <c r="E1782" s="22">
        <v>44973</v>
      </c>
      <c r="F1782" s="22">
        <v>46798</v>
      </c>
      <c r="G1782" s="6" t="s">
        <v>8525</v>
      </c>
      <c r="H1782" s="6" t="s">
        <v>62</v>
      </c>
      <c r="I1782" s="6" t="s">
        <v>1141</v>
      </c>
      <c r="J1782" s="6" t="s">
        <v>8526</v>
      </c>
      <c r="L1782" s="10" t="s">
        <v>22</v>
      </c>
      <c r="M1782" s="10" t="s">
        <v>22</v>
      </c>
      <c r="N1782" s="10" t="s">
        <v>22</v>
      </c>
      <c r="O1782" s="10" t="s">
        <v>22</v>
      </c>
      <c r="P1782" s="10" t="s">
        <v>22</v>
      </c>
      <c r="Q1782" s="10" t="s">
        <v>22</v>
      </c>
      <c r="R1782" s="10" t="s">
        <v>22</v>
      </c>
      <c r="S1782" s="10" t="s">
        <v>22</v>
      </c>
      <c r="T1782" s="10" t="s">
        <v>22</v>
      </c>
      <c r="U1782" s="10" t="s">
        <v>22</v>
      </c>
      <c r="V1782" s="10" t="s">
        <v>22</v>
      </c>
      <c r="W1782" s="10" t="s">
        <v>22</v>
      </c>
      <c r="X1782" s="10" t="s">
        <v>22</v>
      </c>
      <c r="Y1782" s="10" t="s">
        <v>22</v>
      </c>
      <c r="Z1782" s="10" t="s">
        <v>22</v>
      </c>
    </row>
    <row r="1783" spans="1:26" ht="24" customHeight="1" x14ac:dyDescent="0.2">
      <c r="A1783" s="9" t="s">
        <v>19039</v>
      </c>
      <c r="B1783" s="9" t="s">
        <v>14</v>
      </c>
      <c r="C1783" s="9" t="s">
        <v>8527</v>
      </c>
      <c r="D1783" s="6" t="s">
        <v>8528</v>
      </c>
      <c r="E1783" s="22">
        <v>44973</v>
      </c>
      <c r="F1783" s="22">
        <v>46798</v>
      </c>
      <c r="G1783" s="6" t="s">
        <v>8529</v>
      </c>
      <c r="H1783" s="6" t="s">
        <v>18</v>
      </c>
      <c r="I1783" s="6" t="s">
        <v>19</v>
      </c>
      <c r="J1783" s="6" t="s">
        <v>8530</v>
      </c>
      <c r="K1783" s="9" t="s">
        <v>8531</v>
      </c>
      <c r="M1783" s="10" t="s">
        <v>22</v>
      </c>
      <c r="N1783" s="10" t="s">
        <v>22</v>
      </c>
      <c r="S1783" s="10" t="s">
        <v>22</v>
      </c>
      <c r="T1783" s="10" t="s">
        <v>22</v>
      </c>
      <c r="V1783" s="10" t="s">
        <v>22</v>
      </c>
      <c r="W1783" s="10" t="s">
        <v>22</v>
      </c>
    </row>
    <row r="1784" spans="1:26" ht="24" customHeight="1" x14ac:dyDescent="0.2">
      <c r="A1784" s="9" t="s">
        <v>19040</v>
      </c>
      <c r="B1784" s="9" t="s">
        <v>14</v>
      </c>
      <c r="C1784" s="9" t="s">
        <v>8532</v>
      </c>
      <c r="D1784" s="6" t="s">
        <v>8533</v>
      </c>
      <c r="E1784" s="22">
        <v>44717</v>
      </c>
      <c r="F1784" s="22">
        <v>46542</v>
      </c>
      <c r="G1784" s="6" t="s">
        <v>8534</v>
      </c>
      <c r="H1784" s="6" t="s">
        <v>18</v>
      </c>
      <c r="I1784" s="6" t="s">
        <v>19</v>
      </c>
      <c r="J1784" s="6" t="s">
        <v>8535</v>
      </c>
      <c r="K1784" s="9" t="s">
        <v>8536</v>
      </c>
      <c r="L1784" s="10" t="s">
        <v>22</v>
      </c>
      <c r="M1784" s="10" t="s">
        <v>22</v>
      </c>
      <c r="N1784" s="10" t="s">
        <v>22</v>
      </c>
      <c r="O1784" s="10" t="s">
        <v>22</v>
      </c>
      <c r="P1784" s="10" t="s">
        <v>22</v>
      </c>
      <c r="Q1784" s="10" t="s">
        <v>22</v>
      </c>
      <c r="U1784" s="10" t="s">
        <v>22</v>
      </c>
      <c r="V1784" s="10" t="s">
        <v>22</v>
      </c>
      <c r="W1784" s="10" t="s">
        <v>22</v>
      </c>
      <c r="X1784" s="10" t="s">
        <v>22</v>
      </c>
      <c r="Y1784" s="10" t="s">
        <v>22</v>
      </c>
      <c r="Z1784" s="10" t="s">
        <v>22</v>
      </c>
    </row>
    <row r="1785" spans="1:26" ht="24" customHeight="1" x14ac:dyDescent="0.2">
      <c r="A1785" s="9" t="s">
        <v>19041</v>
      </c>
      <c r="B1785" s="9" t="s">
        <v>14</v>
      </c>
      <c r="C1785" s="9" t="s">
        <v>8537</v>
      </c>
      <c r="D1785" s="6" t="s">
        <v>8538</v>
      </c>
      <c r="E1785" s="22">
        <v>44985</v>
      </c>
      <c r="F1785" s="22">
        <v>46810</v>
      </c>
      <c r="G1785" s="6" t="s">
        <v>8539</v>
      </c>
      <c r="H1785" s="6" t="s">
        <v>18</v>
      </c>
      <c r="I1785" s="6" t="s">
        <v>19</v>
      </c>
      <c r="J1785" s="6" t="s">
        <v>8540</v>
      </c>
      <c r="K1785" s="9" t="s">
        <v>8541</v>
      </c>
      <c r="L1785" s="10" t="s">
        <v>22</v>
      </c>
      <c r="M1785" s="10" t="s">
        <v>22</v>
      </c>
      <c r="N1785" s="10" t="s">
        <v>22</v>
      </c>
      <c r="O1785" s="10" t="s">
        <v>22</v>
      </c>
      <c r="P1785" s="10" t="s">
        <v>22</v>
      </c>
      <c r="Q1785" s="10" t="s">
        <v>22</v>
      </c>
      <c r="U1785" s="10" t="s">
        <v>22</v>
      </c>
      <c r="V1785" s="10" t="s">
        <v>22</v>
      </c>
      <c r="W1785" s="10" t="s">
        <v>22</v>
      </c>
      <c r="X1785" s="10" t="s">
        <v>22</v>
      </c>
      <c r="Y1785" s="10" t="s">
        <v>22</v>
      </c>
      <c r="Z1785" s="10" t="s">
        <v>22</v>
      </c>
    </row>
    <row r="1786" spans="1:26" ht="24" customHeight="1" x14ac:dyDescent="0.2">
      <c r="A1786" s="9" t="s">
        <v>19042</v>
      </c>
      <c r="B1786" s="9" t="s">
        <v>14</v>
      </c>
      <c r="C1786" s="9" t="s">
        <v>8542</v>
      </c>
      <c r="D1786" s="6" t="s">
        <v>8543</v>
      </c>
      <c r="E1786" s="22">
        <v>44985</v>
      </c>
      <c r="F1786" s="22">
        <v>46810</v>
      </c>
      <c r="G1786" s="6" t="s">
        <v>8544</v>
      </c>
      <c r="H1786" s="6" t="s">
        <v>18</v>
      </c>
      <c r="I1786" s="6" t="s">
        <v>19</v>
      </c>
      <c r="J1786" s="6" t="s">
        <v>8545</v>
      </c>
      <c r="K1786" s="9" t="s">
        <v>8546</v>
      </c>
      <c r="M1786" s="10" t="s">
        <v>22</v>
      </c>
      <c r="N1786" s="10" t="s">
        <v>22</v>
      </c>
      <c r="V1786" s="10" t="s">
        <v>22</v>
      </c>
      <c r="W1786" s="10" t="s">
        <v>22</v>
      </c>
    </row>
    <row r="1787" spans="1:26" ht="24" customHeight="1" x14ac:dyDescent="0.2">
      <c r="A1787" s="9" t="s">
        <v>19043</v>
      </c>
      <c r="B1787" s="9" t="s">
        <v>14</v>
      </c>
      <c r="C1787" s="9" t="s">
        <v>8547</v>
      </c>
      <c r="D1787" s="6" t="s">
        <v>8548</v>
      </c>
      <c r="E1787" s="22">
        <v>44985</v>
      </c>
      <c r="F1787" s="22">
        <v>46810</v>
      </c>
      <c r="G1787" s="6" t="s">
        <v>8549</v>
      </c>
      <c r="H1787" s="6" t="s">
        <v>2029</v>
      </c>
      <c r="I1787" s="6" t="s">
        <v>4983</v>
      </c>
      <c r="J1787" s="6" t="s">
        <v>8550</v>
      </c>
      <c r="K1787" s="9" t="s">
        <v>8551</v>
      </c>
      <c r="L1787" s="10" t="s">
        <v>22</v>
      </c>
      <c r="M1787" s="10" t="s">
        <v>22</v>
      </c>
      <c r="N1787" s="10" t="s">
        <v>22</v>
      </c>
      <c r="O1787" s="10" t="s">
        <v>22</v>
      </c>
      <c r="P1787" s="10" t="s">
        <v>22</v>
      </c>
      <c r="Q1787" s="10" t="s">
        <v>22</v>
      </c>
      <c r="R1787" s="10" t="s">
        <v>22</v>
      </c>
      <c r="S1787" s="10" t="s">
        <v>22</v>
      </c>
      <c r="T1787" s="10" t="s">
        <v>22</v>
      </c>
      <c r="U1787" s="10" t="s">
        <v>22</v>
      </c>
      <c r="V1787" s="10" t="s">
        <v>22</v>
      </c>
      <c r="W1787" s="10" t="s">
        <v>22</v>
      </c>
      <c r="X1787" s="10" t="s">
        <v>22</v>
      </c>
      <c r="Y1787" s="10" t="s">
        <v>22</v>
      </c>
      <c r="Z1787" s="10" t="s">
        <v>22</v>
      </c>
    </row>
    <row r="1788" spans="1:26" ht="24" customHeight="1" x14ac:dyDescent="0.2">
      <c r="A1788" s="9" t="s">
        <v>19044</v>
      </c>
      <c r="B1788" s="9" t="s">
        <v>14</v>
      </c>
      <c r="C1788" s="9" t="s">
        <v>8552</v>
      </c>
      <c r="D1788" s="6" t="s">
        <v>8553</v>
      </c>
      <c r="E1788" s="22">
        <v>44985</v>
      </c>
      <c r="F1788" s="22">
        <v>46810</v>
      </c>
      <c r="G1788" s="6" t="s">
        <v>8554</v>
      </c>
      <c r="H1788" s="6" t="s">
        <v>229</v>
      </c>
      <c r="I1788" s="6" t="s">
        <v>4848</v>
      </c>
      <c r="J1788" s="6" t="s">
        <v>8555</v>
      </c>
      <c r="K1788" s="9" t="s">
        <v>8556</v>
      </c>
      <c r="L1788" s="10" t="s">
        <v>22</v>
      </c>
      <c r="M1788" s="10" t="s">
        <v>22</v>
      </c>
      <c r="N1788" s="10" t="s">
        <v>22</v>
      </c>
      <c r="O1788" s="10" t="s">
        <v>22</v>
      </c>
      <c r="P1788" s="10" t="s">
        <v>22</v>
      </c>
      <c r="Q1788" s="10" t="s">
        <v>22</v>
      </c>
      <c r="R1788" s="10" t="s">
        <v>22</v>
      </c>
      <c r="S1788" s="10" t="s">
        <v>22</v>
      </c>
      <c r="T1788" s="10" t="s">
        <v>22</v>
      </c>
      <c r="U1788" s="10" t="s">
        <v>22</v>
      </c>
      <c r="V1788" s="10" t="s">
        <v>22</v>
      </c>
      <c r="W1788" s="10" t="s">
        <v>22</v>
      </c>
      <c r="X1788" s="10" t="s">
        <v>22</v>
      </c>
      <c r="Y1788" s="10" t="s">
        <v>22</v>
      </c>
      <c r="Z1788" s="10" t="s">
        <v>22</v>
      </c>
    </row>
    <row r="1789" spans="1:26" ht="24" customHeight="1" x14ac:dyDescent="0.2">
      <c r="A1789" s="9" t="s">
        <v>19045</v>
      </c>
      <c r="B1789" s="9" t="s">
        <v>14</v>
      </c>
      <c r="C1789" s="9" t="s">
        <v>8557</v>
      </c>
      <c r="D1789" s="6" t="s">
        <v>8558</v>
      </c>
      <c r="E1789" s="22">
        <v>44985</v>
      </c>
      <c r="F1789" s="22">
        <v>46810</v>
      </c>
      <c r="G1789" s="6" t="s">
        <v>8559</v>
      </c>
      <c r="H1789" s="6" t="s">
        <v>62</v>
      </c>
      <c r="I1789" s="6" t="s">
        <v>186</v>
      </c>
      <c r="J1789" s="6" t="s">
        <v>8560</v>
      </c>
      <c r="K1789" s="9" t="s">
        <v>8561</v>
      </c>
      <c r="L1789" s="10" t="s">
        <v>22</v>
      </c>
      <c r="M1789" s="10" t="s">
        <v>22</v>
      </c>
      <c r="N1789" s="10" t="s">
        <v>22</v>
      </c>
      <c r="O1789" s="10" t="s">
        <v>22</v>
      </c>
      <c r="P1789" s="10" t="s">
        <v>22</v>
      </c>
      <c r="Q1789" s="10" t="s">
        <v>22</v>
      </c>
      <c r="R1789" s="10" t="s">
        <v>22</v>
      </c>
      <c r="S1789" s="10" t="s">
        <v>22</v>
      </c>
      <c r="T1789" s="10" t="s">
        <v>22</v>
      </c>
      <c r="U1789" s="10" t="s">
        <v>22</v>
      </c>
      <c r="V1789" s="10" t="s">
        <v>22</v>
      </c>
      <c r="W1789" s="10" t="s">
        <v>22</v>
      </c>
      <c r="X1789" s="10" t="s">
        <v>22</v>
      </c>
      <c r="Y1789" s="10" t="s">
        <v>22</v>
      </c>
      <c r="Z1789" s="10" t="s">
        <v>22</v>
      </c>
    </row>
    <row r="1790" spans="1:26" ht="24" customHeight="1" x14ac:dyDescent="0.2">
      <c r="A1790" s="9" t="s">
        <v>19046</v>
      </c>
      <c r="B1790" s="9" t="s">
        <v>14</v>
      </c>
      <c r="C1790" s="9" t="s">
        <v>8562</v>
      </c>
      <c r="D1790" s="6" t="s">
        <v>8563</v>
      </c>
      <c r="E1790" s="22">
        <v>44999</v>
      </c>
      <c r="F1790" s="22">
        <v>46825</v>
      </c>
      <c r="G1790" s="6" t="s">
        <v>8564</v>
      </c>
      <c r="H1790" s="6" t="s">
        <v>18</v>
      </c>
      <c r="I1790" s="6" t="s">
        <v>19</v>
      </c>
      <c r="J1790" s="6" t="s">
        <v>8565</v>
      </c>
      <c r="K1790" s="9" t="s">
        <v>8566</v>
      </c>
      <c r="L1790" s="10" t="s">
        <v>22</v>
      </c>
      <c r="M1790" s="10" t="s">
        <v>22</v>
      </c>
      <c r="N1790" s="10" t="s">
        <v>22</v>
      </c>
      <c r="O1790" s="10" t="s">
        <v>22</v>
      </c>
      <c r="P1790" s="10" t="s">
        <v>22</v>
      </c>
      <c r="Q1790" s="10" t="s">
        <v>22</v>
      </c>
      <c r="U1790" s="10" t="s">
        <v>22</v>
      </c>
      <c r="V1790" s="10" t="s">
        <v>22</v>
      </c>
      <c r="W1790" s="10" t="s">
        <v>22</v>
      </c>
      <c r="X1790" s="10" t="s">
        <v>22</v>
      </c>
      <c r="Y1790" s="10" t="s">
        <v>22</v>
      </c>
      <c r="Z1790" s="10" t="s">
        <v>22</v>
      </c>
    </row>
    <row r="1791" spans="1:26" ht="24" customHeight="1" x14ac:dyDescent="0.2">
      <c r="A1791" s="9" t="s">
        <v>19047</v>
      </c>
      <c r="B1791" s="9" t="s">
        <v>14</v>
      </c>
      <c r="C1791" s="9" t="s">
        <v>8567</v>
      </c>
      <c r="D1791" s="6" t="s">
        <v>8568</v>
      </c>
      <c r="E1791" s="22">
        <v>44999</v>
      </c>
      <c r="F1791" s="22">
        <v>46825</v>
      </c>
      <c r="G1791" s="6" t="s">
        <v>8569</v>
      </c>
      <c r="H1791" s="6" t="s">
        <v>62</v>
      </c>
      <c r="I1791" s="6" t="s">
        <v>1444</v>
      </c>
      <c r="J1791" s="6" t="s">
        <v>8570</v>
      </c>
      <c r="K1791" s="9" t="s">
        <v>8571</v>
      </c>
      <c r="L1791" s="10" t="s">
        <v>22</v>
      </c>
      <c r="M1791" s="10" t="s">
        <v>22</v>
      </c>
      <c r="N1791" s="10" t="s">
        <v>22</v>
      </c>
      <c r="O1791" s="10" t="s">
        <v>22</v>
      </c>
      <c r="P1791" s="10" t="s">
        <v>22</v>
      </c>
      <c r="Q1791" s="10" t="s">
        <v>22</v>
      </c>
      <c r="U1791" s="10" t="s">
        <v>22</v>
      </c>
      <c r="V1791" s="10" t="s">
        <v>22</v>
      </c>
      <c r="W1791" s="10" t="s">
        <v>22</v>
      </c>
      <c r="X1791" s="10" t="s">
        <v>22</v>
      </c>
      <c r="Y1791" s="10" t="s">
        <v>22</v>
      </c>
      <c r="Z1791" s="10" t="s">
        <v>22</v>
      </c>
    </row>
    <row r="1792" spans="1:26" ht="24" customHeight="1" x14ac:dyDescent="0.2">
      <c r="A1792" s="9" t="s">
        <v>19048</v>
      </c>
      <c r="B1792" s="9" t="s">
        <v>14</v>
      </c>
      <c r="C1792" s="9" t="s">
        <v>8572</v>
      </c>
      <c r="D1792" s="6" t="s">
        <v>8573</v>
      </c>
      <c r="E1792" s="22">
        <v>44999</v>
      </c>
      <c r="F1792" s="22">
        <v>46825</v>
      </c>
      <c r="G1792" s="6" t="s">
        <v>8574</v>
      </c>
      <c r="H1792" s="6" t="s">
        <v>202</v>
      </c>
      <c r="I1792" s="6" t="s">
        <v>3050</v>
      </c>
      <c r="J1792" s="6" t="s">
        <v>8575</v>
      </c>
      <c r="K1792" s="9" t="s">
        <v>8576</v>
      </c>
      <c r="L1792" s="10" t="s">
        <v>22</v>
      </c>
      <c r="M1792" s="10" t="s">
        <v>22</v>
      </c>
      <c r="N1792" s="10" t="s">
        <v>22</v>
      </c>
      <c r="O1792" s="10" t="s">
        <v>22</v>
      </c>
      <c r="P1792" s="10" t="s">
        <v>22</v>
      </c>
      <c r="Q1792" s="10" t="s">
        <v>22</v>
      </c>
      <c r="R1792" s="10" t="s">
        <v>22</v>
      </c>
      <c r="S1792" s="10" t="s">
        <v>22</v>
      </c>
      <c r="T1792" s="10" t="s">
        <v>22</v>
      </c>
      <c r="U1792" s="10" t="s">
        <v>22</v>
      </c>
      <c r="V1792" s="10" t="s">
        <v>22</v>
      </c>
      <c r="W1792" s="10" t="s">
        <v>22</v>
      </c>
      <c r="X1792" s="10" t="s">
        <v>22</v>
      </c>
      <c r="Y1792" s="10" t="s">
        <v>22</v>
      </c>
      <c r="Z1792" s="10" t="s">
        <v>22</v>
      </c>
    </row>
    <row r="1793" spans="1:26" ht="24" customHeight="1" x14ac:dyDescent="0.2">
      <c r="A1793" s="9" t="s">
        <v>19049</v>
      </c>
      <c r="B1793" s="9" t="s">
        <v>14</v>
      </c>
      <c r="C1793" s="9" t="s">
        <v>8577</v>
      </c>
      <c r="D1793" s="6" t="s">
        <v>8578</v>
      </c>
      <c r="E1793" s="22">
        <v>45004</v>
      </c>
      <c r="F1793" s="22">
        <v>46830</v>
      </c>
      <c r="G1793" s="6" t="s">
        <v>8579</v>
      </c>
      <c r="H1793" s="6" t="s">
        <v>18</v>
      </c>
      <c r="I1793" s="6" t="s">
        <v>19</v>
      </c>
      <c r="J1793" s="6" t="s">
        <v>8580</v>
      </c>
      <c r="K1793" s="9" t="s">
        <v>8581</v>
      </c>
      <c r="L1793" s="10" t="s">
        <v>22</v>
      </c>
      <c r="M1793" s="10" t="s">
        <v>22</v>
      </c>
      <c r="N1793" s="10" t="s">
        <v>22</v>
      </c>
      <c r="O1793" s="10" t="s">
        <v>22</v>
      </c>
      <c r="P1793" s="10" t="s">
        <v>22</v>
      </c>
      <c r="Q1793" s="10" t="s">
        <v>22</v>
      </c>
      <c r="R1793" s="10" t="s">
        <v>22</v>
      </c>
      <c r="S1793" s="10" t="s">
        <v>22</v>
      </c>
      <c r="T1793" s="10" t="s">
        <v>22</v>
      </c>
      <c r="U1793" s="10" t="s">
        <v>22</v>
      </c>
      <c r="V1793" s="10" t="s">
        <v>22</v>
      </c>
      <c r="W1793" s="10" t="s">
        <v>22</v>
      </c>
      <c r="X1793" s="10" t="s">
        <v>22</v>
      </c>
      <c r="Y1793" s="10" t="s">
        <v>22</v>
      </c>
      <c r="Z1793" s="10" t="s">
        <v>22</v>
      </c>
    </row>
    <row r="1794" spans="1:26" ht="24" customHeight="1" x14ac:dyDescent="0.2">
      <c r="A1794" s="9" t="s">
        <v>19050</v>
      </c>
      <c r="B1794" s="9" t="s">
        <v>14</v>
      </c>
      <c r="C1794" s="9" t="s">
        <v>8582</v>
      </c>
      <c r="D1794" s="6" t="s">
        <v>8583</v>
      </c>
      <c r="E1794" s="22">
        <v>45011</v>
      </c>
      <c r="F1794" s="22">
        <v>46837</v>
      </c>
      <c r="G1794" s="6" t="s">
        <v>8584</v>
      </c>
      <c r="H1794" s="6" t="s">
        <v>1047</v>
      </c>
      <c r="I1794" s="6" t="s">
        <v>8585</v>
      </c>
      <c r="J1794" s="6" t="s">
        <v>8586</v>
      </c>
      <c r="K1794" s="9" t="s">
        <v>8587</v>
      </c>
      <c r="L1794" s="10" t="s">
        <v>22</v>
      </c>
      <c r="M1794" s="10" t="s">
        <v>22</v>
      </c>
      <c r="N1794" s="10" t="s">
        <v>22</v>
      </c>
      <c r="O1794" s="10" t="s">
        <v>22</v>
      </c>
      <c r="P1794" s="10" t="s">
        <v>22</v>
      </c>
      <c r="Q1794" s="10" t="s">
        <v>22</v>
      </c>
      <c r="R1794" s="10" t="s">
        <v>22</v>
      </c>
      <c r="S1794" s="10" t="s">
        <v>22</v>
      </c>
      <c r="T1794" s="10" t="s">
        <v>22</v>
      </c>
      <c r="U1794" s="10" t="s">
        <v>22</v>
      </c>
      <c r="V1794" s="10" t="s">
        <v>22</v>
      </c>
      <c r="W1794" s="10" t="s">
        <v>22</v>
      </c>
      <c r="X1794" s="10" t="s">
        <v>22</v>
      </c>
      <c r="Y1794" s="10" t="s">
        <v>22</v>
      </c>
      <c r="Z1794" s="10" t="s">
        <v>22</v>
      </c>
    </row>
    <row r="1795" spans="1:26" ht="24" customHeight="1" x14ac:dyDescent="0.2">
      <c r="A1795" s="9" t="s">
        <v>19051</v>
      </c>
      <c r="B1795" s="9" t="s">
        <v>14</v>
      </c>
      <c r="C1795" s="9" t="s">
        <v>8588</v>
      </c>
      <c r="D1795" s="6" t="s">
        <v>8589</v>
      </c>
      <c r="E1795" s="22">
        <v>45011</v>
      </c>
      <c r="F1795" s="22">
        <v>46837</v>
      </c>
      <c r="G1795" s="6" t="s">
        <v>8590</v>
      </c>
      <c r="H1795" s="6" t="s">
        <v>62</v>
      </c>
      <c r="I1795" s="6" t="s">
        <v>591</v>
      </c>
      <c r="J1795" s="6" t="s">
        <v>8591</v>
      </c>
      <c r="K1795" s="9" t="s">
        <v>8592</v>
      </c>
      <c r="L1795" s="10" t="s">
        <v>22</v>
      </c>
      <c r="M1795" s="10" t="s">
        <v>22</v>
      </c>
      <c r="N1795" s="10" t="s">
        <v>22</v>
      </c>
      <c r="O1795" s="10" t="s">
        <v>22</v>
      </c>
      <c r="P1795" s="10" t="s">
        <v>22</v>
      </c>
      <c r="Q1795" s="10" t="s">
        <v>22</v>
      </c>
      <c r="U1795" s="10" t="s">
        <v>22</v>
      </c>
      <c r="V1795" s="10" t="s">
        <v>22</v>
      </c>
      <c r="W1795" s="10" t="s">
        <v>22</v>
      </c>
      <c r="X1795" s="10" t="s">
        <v>22</v>
      </c>
      <c r="Y1795" s="10" t="s">
        <v>22</v>
      </c>
      <c r="Z1795" s="10" t="s">
        <v>22</v>
      </c>
    </row>
    <row r="1796" spans="1:26" ht="24" customHeight="1" x14ac:dyDescent="0.2">
      <c r="A1796" s="9" t="s">
        <v>19052</v>
      </c>
      <c r="B1796" s="9" t="s">
        <v>14</v>
      </c>
      <c r="C1796" s="9" t="s">
        <v>8588</v>
      </c>
      <c r="D1796" s="6" t="s">
        <v>8589</v>
      </c>
      <c r="E1796" s="22">
        <v>45011</v>
      </c>
      <c r="F1796" s="22">
        <v>46837</v>
      </c>
      <c r="G1796" s="6" t="s">
        <v>8593</v>
      </c>
      <c r="H1796" s="6" t="s">
        <v>62</v>
      </c>
      <c r="I1796" s="6" t="s">
        <v>4879</v>
      </c>
      <c r="J1796" s="6" t="s">
        <v>8594</v>
      </c>
      <c r="K1796" s="9" t="s">
        <v>8595</v>
      </c>
      <c r="L1796" s="10" t="s">
        <v>22</v>
      </c>
      <c r="M1796" s="10" t="s">
        <v>22</v>
      </c>
      <c r="N1796" s="10" t="s">
        <v>22</v>
      </c>
      <c r="O1796" s="10" t="s">
        <v>22</v>
      </c>
      <c r="P1796" s="10" t="s">
        <v>22</v>
      </c>
      <c r="Q1796" s="10" t="s">
        <v>22</v>
      </c>
      <c r="U1796" s="10" t="s">
        <v>22</v>
      </c>
      <c r="V1796" s="10" t="s">
        <v>22</v>
      </c>
      <c r="W1796" s="10" t="s">
        <v>22</v>
      </c>
      <c r="X1796" s="10" t="s">
        <v>22</v>
      </c>
      <c r="Y1796" s="10" t="s">
        <v>22</v>
      </c>
      <c r="Z1796" s="10" t="s">
        <v>22</v>
      </c>
    </row>
    <row r="1797" spans="1:26" ht="24" customHeight="1" x14ac:dyDescent="0.2">
      <c r="A1797" s="9" t="s">
        <v>19053</v>
      </c>
      <c r="B1797" s="9" t="s">
        <v>14</v>
      </c>
      <c r="C1797" s="9" t="s">
        <v>8588</v>
      </c>
      <c r="D1797" s="6" t="s">
        <v>8589</v>
      </c>
      <c r="E1797" s="22">
        <v>45011</v>
      </c>
      <c r="F1797" s="22">
        <v>46837</v>
      </c>
      <c r="G1797" s="6" t="s">
        <v>8596</v>
      </c>
      <c r="H1797" s="6" t="s">
        <v>363</v>
      </c>
      <c r="I1797" s="6" t="s">
        <v>597</v>
      </c>
      <c r="J1797" s="6" t="s">
        <v>8597</v>
      </c>
      <c r="K1797" s="9" t="s">
        <v>8598</v>
      </c>
      <c r="L1797" s="10" t="s">
        <v>22</v>
      </c>
      <c r="M1797" s="10" t="s">
        <v>22</v>
      </c>
      <c r="N1797" s="10" t="s">
        <v>22</v>
      </c>
      <c r="O1797" s="10" t="s">
        <v>22</v>
      </c>
      <c r="P1797" s="10" t="s">
        <v>22</v>
      </c>
      <c r="Q1797" s="10" t="s">
        <v>22</v>
      </c>
      <c r="U1797" s="10" t="s">
        <v>22</v>
      </c>
      <c r="V1797" s="10" t="s">
        <v>22</v>
      </c>
      <c r="W1797" s="10" t="s">
        <v>22</v>
      </c>
      <c r="X1797" s="10" t="s">
        <v>22</v>
      </c>
      <c r="Y1797" s="10" t="s">
        <v>22</v>
      </c>
      <c r="Z1797" s="10" t="s">
        <v>22</v>
      </c>
    </row>
    <row r="1798" spans="1:26" ht="24" customHeight="1" x14ac:dyDescent="0.2">
      <c r="A1798" s="9" t="s">
        <v>19054</v>
      </c>
      <c r="B1798" s="9" t="s">
        <v>14</v>
      </c>
      <c r="C1798" s="9" t="s">
        <v>8599</v>
      </c>
      <c r="D1798" s="6" t="s">
        <v>8600</v>
      </c>
      <c r="E1798" s="22">
        <v>45022</v>
      </c>
      <c r="F1798" s="22">
        <v>46848</v>
      </c>
      <c r="G1798" s="6" t="s">
        <v>8601</v>
      </c>
      <c r="H1798" s="6" t="s">
        <v>202</v>
      </c>
      <c r="I1798" s="6" t="s">
        <v>2992</v>
      </c>
      <c r="J1798" s="6" t="s">
        <v>8602</v>
      </c>
      <c r="K1798" s="9" t="s">
        <v>8603</v>
      </c>
      <c r="L1798" s="10" t="s">
        <v>22</v>
      </c>
      <c r="M1798" s="10" t="s">
        <v>22</v>
      </c>
      <c r="N1798" s="10" t="s">
        <v>22</v>
      </c>
      <c r="O1798" s="10" t="s">
        <v>22</v>
      </c>
      <c r="P1798" s="10" t="s">
        <v>22</v>
      </c>
      <c r="Q1798" s="10" t="s">
        <v>22</v>
      </c>
      <c r="R1798" s="10" t="s">
        <v>22</v>
      </c>
      <c r="S1798" s="10" t="s">
        <v>22</v>
      </c>
      <c r="T1798" s="10" t="s">
        <v>22</v>
      </c>
      <c r="U1798" s="10" t="s">
        <v>22</v>
      </c>
      <c r="V1798" s="10" t="s">
        <v>22</v>
      </c>
      <c r="W1798" s="10" t="s">
        <v>22</v>
      </c>
      <c r="X1798" s="10" t="s">
        <v>22</v>
      </c>
      <c r="Y1798" s="10" t="s">
        <v>22</v>
      </c>
      <c r="Z1798" s="10" t="s">
        <v>22</v>
      </c>
    </row>
    <row r="1799" spans="1:26" ht="24" customHeight="1" x14ac:dyDescent="0.2">
      <c r="A1799" s="9" t="s">
        <v>19055</v>
      </c>
      <c r="B1799" s="9" t="s">
        <v>14</v>
      </c>
      <c r="C1799" s="9" t="s">
        <v>8604</v>
      </c>
      <c r="D1799" s="6" t="s">
        <v>8605</v>
      </c>
      <c r="E1799" s="22">
        <v>45026</v>
      </c>
      <c r="F1799" s="22">
        <v>46852</v>
      </c>
      <c r="G1799" s="6" t="s">
        <v>8606</v>
      </c>
      <c r="H1799" s="6" t="s">
        <v>18</v>
      </c>
      <c r="I1799" s="6" t="s">
        <v>26</v>
      </c>
      <c r="J1799" s="6" t="s">
        <v>8607</v>
      </c>
      <c r="K1799" s="9" t="s">
        <v>8608</v>
      </c>
      <c r="L1799" s="10" t="s">
        <v>22</v>
      </c>
      <c r="M1799" s="10" t="s">
        <v>22</v>
      </c>
      <c r="N1799" s="10" t="s">
        <v>22</v>
      </c>
      <c r="U1799" s="10" t="s">
        <v>22</v>
      </c>
      <c r="V1799" s="10" t="s">
        <v>22</v>
      </c>
      <c r="W1799" s="10" t="s">
        <v>22</v>
      </c>
    </row>
    <row r="1800" spans="1:26" ht="33" customHeight="1" x14ac:dyDescent="0.2">
      <c r="A1800" s="9" t="s">
        <v>19056</v>
      </c>
      <c r="B1800" s="9" t="s">
        <v>14</v>
      </c>
      <c r="C1800" s="9" t="s">
        <v>8604</v>
      </c>
      <c r="D1800" s="6" t="s">
        <v>8605</v>
      </c>
      <c r="E1800" s="22">
        <v>45026</v>
      </c>
      <c r="F1800" s="22">
        <v>46852</v>
      </c>
      <c r="G1800" s="6" t="s">
        <v>8609</v>
      </c>
      <c r="H1800" s="6" t="s">
        <v>18</v>
      </c>
      <c r="I1800" s="6" t="s">
        <v>26</v>
      </c>
      <c r="J1800" s="6" t="s">
        <v>8607</v>
      </c>
      <c r="K1800" s="9" t="s">
        <v>8610</v>
      </c>
      <c r="L1800" s="10" t="s">
        <v>22</v>
      </c>
      <c r="M1800" s="10" t="s">
        <v>22</v>
      </c>
      <c r="N1800" s="10" t="s">
        <v>22</v>
      </c>
      <c r="U1800" s="10" t="s">
        <v>22</v>
      </c>
      <c r="V1800" s="10" t="s">
        <v>22</v>
      </c>
      <c r="W1800" s="10" t="s">
        <v>22</v>
      </c>
    </row>
    <row r="1801" spans="1:26" ht="24" customHeight="1" x14ac:dyDescent="0.2">
      <c r="A1801" s="9" t="s">
        <v>19057</v>
      </c>
      <c r="B1801" s="9" t="s">
        <v>14</v>
      </c>
      <c r="C1801" s="9" t="s">
        <v>8611</v>
      </c>
      <c r="D1801" s="6" t="s">
        <v>8612</v>
      </c>
      <c r="E1801" s="22">
        <v>45029</v>
      </c>
      <c r="F1801" s="22">
        <v>46855</v>
      </c>
      <c r="G1801" s="6" t="s">
        <v>8613</v>
      </c>
      <c r="H1801" s="6" t="s">
        <v>62</v>
      </c>
      <c r="I1801" s="6" t="s">
        <v>551</v>
      </c>
      <c r="J1801" s="6" t="s">
        <v>8614</v>
      </c>
      <c r="K1801" s="9" t="s">
        <v>8615</v>
      </c>
      <c r="L1801" s="10" t="s">
        <v>22</v>
      </c>
      <c r="M1801" s="10" t="s">
        <v>22</v>
      </c>
      <c r="N1801" s="10" t="s">
        <v>22</v>
      </c>
      <c r="O1801" s="10" t="s">
        <v>22</v>
      </c>
      <c r="P1801" s="10" t="s">
        <v>22</v>
      </c>
      <c r="Q1801" s="10" t="s">
        <v>22</v>
      </c>
      <c r="R1801" s="10" t="s">
        <v>22</v>
      </c>
      <c r="S1801" s="10" t="s">
        <v>22</v>
      </c>
      <c r="T1801" s="10" t="s">
        <v>22</v>
      </c>
      <c r="U1801" s="10" t="s">
        <v>22</v>
      </c>
      <c r="V1801" s="10" t="s">
        <v>22</v>
      </c>
      <c r="W1801" s="10" t="s">
        <v>22</v>
      </c>
      <c r="X1801" s="10" t="s">
        <v>22</v>
      </c>
      <c r="Y1801" s="10" t="s">
        <v>22</v>
      </c>
      <c r="Z1801" s="10" t="s">
        <v>22</v>
      </c>
    </row>
    <row r="1802" spans="1:26" ht="24" customHeight="1" x14ac:dyDescent="0.2">
      <c r="A1802" s="9" t="s">
        <v>19058</v>
      </c>
      <c r="B1802" s="9" t="s">
        <v>14</v>
      </c>
      <c r="C1802" s="9" t="s">
        <v>8616</v>
      </c>
      <c r="D1802" s="6" t="s">
        <v>8617</v>
      </c>
      <c r="E1802" s="22">
        <v>45036</v>
      </c>
      <c r="F1802" s="22">
        <v>46862</v>
      </c>
      <c r="G1802" s="6" t="s">
        <v>8618</v>
      </c>
      <c r="H1802" s="6" t="s">
        <v>202</v>
      </c>
      <c r="I1802" s="6" t="s">
        <v>203</v>
      </c>
      <c r="J1802" s="6" t="s">
        <v>8619</v>
      </c>
      <c r="K1802" s="9" t="s">
        <v>8620</v>
      </c>
      <c r="L1802" s="10" t="s">
        <v>22</v>
      </c>
      <c r="M1802" s="10" t="s">
        <v>22</v>
      </c>
      <c r="N1802" s="10" t="s">
        <v>22</v>
      </c>
      <c r="O1802" s="10" t="s">
        <v>22</v>
      </c>
      <c r="P1802" s="10" t="s">
        <v>22</v>
      </c>
      <c r="Q1802" s="10" t="s">
        <v>22</v>
      </c>
      <c r="R1802" s="10" t="s">
        <v>22</v>
      </c>
      <c r="S1802" s="10" t="s">
        <v>22</v>
      </c>
      <c r="T1802" s="10" t="s">
        <v>22</v>
      </c>
      <c r="U1802" s="10" t="s">
        <v>22</v>
      </c>
      <c r="V1802" s="10" t="s">
        <v>22</v>
      </c>
      <c r="W1802" s="10" t="s">
        <v>22</v>
      </c>
      <c r="X1802" s="10" t="s">
        <v>22</v>
      </c>
      <c r="Y1802" s="10" t="s">
        <v>22</v>
      </c>
      <c r="Z1802" s="10" t="s">
        <v>22</v>
      </c>
    </row>
    <row r="1803" spans="1:26" ht="24" customHeight="1" x14ac:dyDescent="0.2">
      <c r="A1803" s="9" t="s">
        <v>19059</v>
      </c>
      <c r="B1803" s="9" t="s">
        <v>14</v>
      </c>
      <c r="C1803" s="9" t="s">
        <v>8621</v>
      </c>
      <c r="D1803" s="6" t="s">
        <v>8622</v>
      </c>
      <c r="E1803" s="22">
        <v>45036</v>
      </c>
      <c r="F1803" s="22">
        <v>46862</v>
      </c>
      <c r="G1803" s="6" t="s">
        <v>8623</v>
      </c>
      <c r="H1803" s="6" t="s">
        <v>363</v>
      </c>
      <c r="I1803" s="6" t="s">
        <v>5865</v>
      </c>
      <c r="J1803" s="6" t="s">
        <v>8624</v>
      </c>
      <c r="K1803" s="9" t="s">
        <v>8625</v>
      </c>
      <c r="L1803" s="10" t="s">
        <v>22</v>
      </c>
      <c r="M1803" s="10" t="s">
        <v>22</v>
      </c>
      <c r="N1803" s="10" t="s">
        <v>22</v>
      </c>
      <c r="O1803" s="10" t="s">
        <v>22</v>
      </c>
      <c r="P1803" s="10" t="s">
        <v>22</v>
      </c>
      <c r="Q1803" s="10" t="s">
        <v>22</v>
      </c>
      <c r="U1803" s="10" t="s">
        <v>22</v>
      </c>
      <c r="V1803" s="10" t="s">
        <v>22</v>
      </c>
      <c r="W1803" s="10" t="s">
        <v>22</v>
      </c>
      <c r="X1803" s="10" t="s">
        <v>22</v>
      </c>
      <c r="Y1803" s="10" t="s">
        <v>22</v>
      </c>
      <c r="Z1803" s="10" t="s">
        <v>22</v>
      </c>
    </row>
    <row r="1804" spans="1:26" ht="24" customHeight="1" x14ac:dyDescent="0.2">
      <c r="A1804" s="9" t="s">
        <v>19060</v>
      </c>
      <c r="B1804" s="9" t="s">
        <v>14</v>
      </c>
      <c r="C1804" s="9" t="s">
        <v>8626</v>
      </c>
      <c r="D1804" s="6" t="s">
        <v>8627</v>
      </c>
      <c r="E1804" s="22">
        <v>45036</v>
      </c>
      <c r="F1804" s="22">
        <v>46862</v>
      </c>
      <c r="G1804" s="6" t="s">
        <v>8628</v>
      </c>
      <c r="H1804" s="6" t="s">
        <v>62</v>
      </c>
      <c r="I1804" s="6" t="s">
        <v>306</v>
      </c>
      <c r="J1804" s="6" t="s">
        <v>8629</v>
      </c>
      <c r="K1804" s="9" t="s">
        <v>8630</v>
      </c>
      <c r="L1804" s="10" t="s">
        <v>22</v>
      </c>
      <c r="M1804" s="10" t="s">
        <v>22</v>
      </c>
      <c r="N1804" s="10" t="s">
        <v>22</v>
      </c>
      <c r="O1804" s="10" t="s">
        <v>22</v>
      </c>
      <c r="P1804" s="10" t="s">
        <v>22</v>
      </c>
      <c r="Q1804" s="10" t="s">
        <v>22</v>
      </c>
      <c r="R1804" s="10" t="s">
        <v>22</v>
      </c>
      <c r="S1804" s="10" t="s">
        <v>22</v>
      </c>
      <c r="T1804" s="10" t="s">
        <v>22</v>
      </c>
      <c r="U1804" s="10" t="s">
        <v>22</v>
      </c>
      <c r="V1804" s="10" t="s">
        <v>22</v>
      </c>
      <c r="W1804" s="10" t="s">
        <v>22</v>
      </c>
      <c r="X1804" s="10" t="s">
        <v>22</v>
      </c>
      <c r="Y1804" s="10" t="s">
        <v>22</v>
      </c>
      <c r="Z1804" s="10" t="s">
        <v>22</v>
      </c>
    </row>
    <row r="1805" spans="1:26" ht="24" customHeight="1" x14ac:dyDescent="0.2">
      <c r="A1805" s="9" t="s">
        <v>19061</v>
      </c>
      <c r="B1805" s="9" t="s">
        <v>14</v>
      </c>
      <c r="C1805" s="9" t="s">
        <v>8631</v>
      </c>
      <c r="D1805" s="6" t="s">
        <v>8632</v>
      </c>
      <c r="E1805" s="22">
        <v>45036</v>
      </c>
      <c r="F1805" s="22">
        <v>46862</v>
      </c>
      <c r="G1805" s="6" t="s">
        <v>8633</v>
      </c>
      <c r="H1805" s="6" t="s">
        <v>8634</v>
      </c>
      <c r="I1805" s="6" t="s">
        <v>8635</v>
      </c>
      <c r="J1805" s="6" t="s">
        <v>8636</v>
      </c>
      <c r="K1805" s="9" t="s">
        <v>8637</v>
      </c>
      <c r="L1805" s="10" t="s">
        <v>22</v>
      </c>
      <c r="M1805" s="10" t="s">
        <v>22</v>
      </c>
      <c r="N1805" s="10" t="s">
        <v>22</v>
      </c>
      <c r="U1805" s="10" t="s">
        <v>22</v>
      </c>
      <c r="V1805" s="10" t="s">
        <v>22</v>
      </c>
      <c r="W1805" s="10" t="s">
        <v>22</v>
      </c>
    </row>
    <row r="1806" spans="1:26" ht="24" customHeight="1" x14ac:dyDescent="0.2">
      <c r="A1806" s="9" t="s">
        <v>19062</v>
      </c>
      <c r="B1806" s="9" t="s">
        <v>14</v>
      </c>
      <c r="C1806" s="9" t="s">
        <v>8638</v>
      </c>
      <c r="D1806" s="6" t="s">
        <v>8639</v>
      </c>
      <c r="E1806" s="22">
        <v>45036</v>
      </c>
      <c r="F1806" s="22">
        <v>46862</v>
      </c>
      <c r="G1806" s="6" t="s">
        <v>8640</v>
      </c>
      <c r="H1806" s="6" t="s">
        <v>62</v>
      </c>
      <c r="I1806" s="6" t="s">
        <v>306</v>
      </c>
      <c r="J1806" s="6" t="s">
        <v>8641</v>
      </c>
      <c r="K1806" s="9" t="s">
        <v>8642</v>
      </c>
      <c r="L1806" s="10" t="s">
        <v>22</v>
      </c>
      <c r="M1806" s="10" t="s">
        <v>22</v>
      </c>
      <c r="N1806" s="10" t="s">
        <v>22</v>
      </c>
      <c r="O1806" s="10" t="s">
        <v>22</v>
      </c>
      <c r="P1806" s="10" t="s">
        <v>22</v>
      </c>
      <c r="Q1806" s="10" t="s">
        <v>22</v>
      </c>
      <c r="R1806" s="10" t="s">
        <v>22</v>
      </c>
      <c r="S1806" s="10" t="s">
        <v>22</v>
      </c>
      <c r="T1806" s="10" t="s">
        <v>22</v>
      </c>
      <c r="U1806" s="10" t="s">
        <v>22</v>
      </c>
      <c r="V1806" s="10" t="s">
        <v>22</v>
      </c>
      <c r="W1806" s="10" t="s">
        <v>22</v>
      </c>
      <c r="X1806" s="10" t="s">
        <v>22</v>
      </c>
      <c r="Y1806" s="10" t="s">
        <v>22</v>
      </c>
      <c r="Z1806" s="10" t="s">
        <v>22</v>
      </c>
    </row>
    <row r="1807" spans="1:26" ht="24" customHeight="1" x14ac:dyDescent="0.2">
      <c r="A1807" s="9" t="s">
        <v>19063</v>
      </c>
      <c r="B1807" s="9" t="s">
        <v>14</v>
      </c>
      <c r="C1807" s="9" t="s">
        <v>8643</v>
      </c>
      <c r="D1807" s="6" t="s">
        <v>8644</v>
      </c>
      <c r="E1807" s="22">
        <v>45041</v>
      </c>
      <c r="F1807" s="22">
        <v>46867</v>
      </c>
      <c r="G1807" s="6" t="s">
        <v>8645</v>
      </c>
      <c r="H1807" s="6" t="s">
        <v>18</v>
      </c>
      <c r="I1807" s="6" t="s">
        <v>19</v>
      </c>
      <c r="J1807" s="6" t="s">
        <v>8646</v>
      </c>
      <c r="K1807" s="9" t="s">
        <v>8647</v>
      </c>
      <c r="L1807" s="10" t="s">
        <v>22</v>
      </c>
      <c r="M1807" s="10" t="s">
        <v>22</v>
      </c>
      <c r="N1807" s="10" t="s">
        <v>22</v>
      </c>
      <c r="O1807" s="10" t="s">
        <v>22</v>
      </c>
      <c r="P1807" s="10" t="s">
        <v>22</v>
      </c>
      <c r="Q1807" s="10" t="s">
        <v>22</v>
      </c>
      <c r="R1807" s="10" t="s">
        <v>22</v>
      </c>
      <c r="S1807" s="10" t="s">
        <v>22</v>
      </c>
      <c r="T1807" s="10" t="s">
        <v>22</v>
      </c>
      <c r="U1807" s="10" t="s">
        <v>22</v>
      </c>
      <c r="V1807" s="10" t="s">
        <v>22</v>
      </c>
      <c r="W1807" s="10" t="s">
        <v>22</v>
      </c>
      <c r="X1807" s="10" t="s">
        <v>22</v>
      </c>
      <c r="Y1807" s="10" t="s">
        <v>22</v>
      </c>
      <c r="Z1807" s="10" t="s">
        <v>22</v>
      </c>
    </row>
    <row r="1808" spans="1:26" ht="24" customHeight="1" x14ac:dyDescent="0.2">
      <c r="A1808" s="9" t="s">
        <v>19064</v>
      </c>
      <c r="B1808" s="9" t="s">
        <v>14</v>
      </c>
      <c r="C1808" s="9" t="s">
        <v>8648</v>
      </c>
      <c r="D1808" s="6" t="s">
        <v>8649</v>
      </c>
      <c r="E1808" s="22">
        <v>45041</v>
      </c>
      <c r="F1808" s="22">
        <v>46867</v>
      </c>
      <c r="G1808" s="6" t="s">
        <v>8650</v>
      </c>
      <c r="H1808" s="6" t="s">
        <v>363</v>
      </c>
      <c r="I1808" s="6" t="s">
        <v>466</v>
      </c>
      <c r="J1808" s="6" t="s">
        <v>8651</v>
      </c>
      <c r="K1808" s="9" t="s">
        <v>8652</v>
      </c>
      <c r="L1808" s="10" t="s">
        <v>22</v>
      </c>
      <c r="M1808" s="10" t="s">
        <v>22</v>
      </c>
      <c r="N1808" s="10" t="s">
        <v>22</v>
      </c>
      <c r="O1808" s="10" t="s">
        <v>22</v>
      </c>
      <c r="P1808" s="10" t="s">
        <v>22</v>
      </c>
      <c r="Q1808" s="10" t="s">
        <v>22</v>
      </c>
      <c r="R1808" s="10" t="s">
        <v>22</v>
      </c>
      <c r="S1808" s="10" t="s">
        <v>22</v>
      </c>
      <c r="T1808" s="10" t="s">
        <v>22</v>
      </c>
      <c r="U1808" s="10" t="s">
        <v>22</v>
      </c>
      <c r="V1808" s="10" t="s">
        <v>22</v>
      </c>
      <c r="W1808" s="10" t="s">
        <v>22</v>
      </c>
      <c r="X1808" s="10" t="s">
        <v>22</v>
      </c>
      <c r="Y1808" s="10" t="s">
        <v>22</v>
      </c>
      <c r="Z1808" s="10" t="s">
        <v>22</v>
      </c>
    </row>
    <row r="1809" spans="1:26" ht="24" customHeight="1" x14ac:dyDescent="0.2">
      <c r="A1809" s="9" t="s">
        <v>19065</v>
      </c>
      <c r="B1809" s="9" t="s">
        <v>14</v>
      </c>
      <c r="C1809" s="9" t="s">
        <v>8653</v>
      </c>
      <c r="D1809" s="6" t="s">
        <v>8654</v>
      </c>
      <c r="E1809" s="22">
        <v>45041</v>
      </c>
      <c r="F1809" s="22">
        <v>46867</v>
      </c>
      <c r="G1809" s="6" t="s">
        <v>8655</v>
      </c>
      <c r="H1809" s="6" t="s">
        <v>62</v>
      </c>
      <c r="I1809" s="6" t="s">
        <v>1955</v>
      </c>
      <c r="J1809" s="6" t="s">
        <v>8656</v>
      </c>
      <c r="K1809" s="9" t="s">
        <v>8657</v>
      </c>
      <c r="L1809" s="10" t="s">
        <v>22</v>
      </c>
      <c r="M1809" s="10" t="s">
        <v>22</v>
      </c>
      <c r="N1809" s="10" t="s">
        <v>22</v>
      </c>
      <c r="O1809" s="10" t="s">
        <v>22</v>
      </c>
      <c r="P1809" s="10" t="s">
        <v>22</v>
      </c>
      <c r="Q1809" s="10" t="s">
        <v>22</v>
      </c>
      <c r="R1809" s="10" t="s">
        <v>22</v>
      </c>
      <c r="S1809" s="10" t="s">
        <v>22</v>
      </c>
      <c r="T1809" s="10" t="s">
        <v>22</v>
      </c>
      <c r="U1809" s="10" t="s">
        <v>22</v>
      </c>
      <c r="V1809" s="10" t="s">
        <v>22</v>
      </c>
      <c r="W1809" s="10" t="s">
        <v>22</v>
      </c>
      <c r="X1809" s="10" t="s">
        <v>22</v>
      </c>
      <c r="Y1809" s="10" t="s">
        <v>22</v>
      </c>
      <c r="Z1809" s="10" t="s">
        <v>22</v>
      </c>
    </row>
    <row r="1810" spans="1:26" ht="24" customHeight="1" x14ac:dyDescent="0.2">
      <c r="A1810" s="9" t="s">
        <v>19066</v>
      </c>
      <c r="B1810" s="9" t="s">
        <v>14</v>
      </c>
      <c r="C1810" s="9" t="s">
        <v>8658</v>
      </c>
      <c r="D1810" s="6" t="s">
        <v>8659</v>
      </c>
      <c r="E1810" s="22">
        <v>45048</v>
      </c>
      <c r="F1810" s="22">
        <v>46874</v>
      </c>
      <c r="G1810" s="6" t="s">
        <v>8660</v>
      </c>
      <c r="H1810" s="6" t="s">
        <v>229</v>
      </c>
      <c r="I1810" s="6" t="s">
        <v>2600</v>
      </c>
      <c r="J1810" s="6" t="s">
        <v>8661</v>
      </c>
      <c r="K1810" s="9" t="s">
        <v>8662</v>
      </c>
      <c r="L1810" s="10" t="s">
        <v>22</v>
      </c>
      <c r="M1810" s="10" t="s">
        <v>22</v>
      </c>
      <c r="N1810" s="10" t="s">
        <v>22</v>
      </c>
      <c r="O1810" s="10" t="s">
        <v>22</v>
      </c>
      <c r="P1810" s="10" t="s">
        <v>22</v>
      </c>
      <c r="Q1810" s="10" t="s">
        <v>22</v>
      </c>
      <c r="R1810" s="10" t="s">
        <v>22</v>
      </c>
      <c r="S1810" s="10" t="s">
        <v>22</v>
      </c>
      <c r="T1810" s="10" t="s">
        <v>22</v>
      </c>
      <c r="V1810" s="10" t="s">
        <v>22</v>
      </c>
      <c r="W1810" s="10" t="s">
        <v>22</v>
      </c>
      <c r="Y1810" s="10" t="s">
        <v>22</v>
      </c>
      <c r="Z1810" s="10" t="s">
        <v>22</v>
      </c>
    </row>
    <row r="1811" spans="1:26" ht="24" customHeight="1" x14ac:dyDescent="0.2">
      <c r="A1811" s="9" t="s">
        <v>19067</v>
      </c>
      <c r="B1811" s="9" t="s">
        <v>14</v>
      </c>
      <c r="C1811" s="9" t="s">
        <v>8663</v>
      </c>
      <c r="D1811" s="6" t="s">
        <v>8664</v>
      </c>
      <c r="E1811" s="22">
        <v>45053</v>
      </c>
      <c r="F1811" s="22">
        <v>46879</v>
      </c>
      <c r="G1811" s="6" t="s">
        <v>8665</v>
      </c>
      <c r="H1811" s="6" t="s">
        <v>62</v>
      </c>
      <c r="I1811" s="6" t="s">
        <v>264</v>
      </c>
      <c r="J1811" s="6" t="s">
        <v>8666</v>
      </c>
      <c r="K1811" s="9" t="s">
        <v>8667</v>
      </c>
      <c r="L1811" s="10" t="s">
        <v>22</v>
      </c>
      <c r="M1811" s="10" t="s">
        <v>22</v>
      </c>
      <c r="N1811" s="10" t="s">
        <v>22</v>
      </c>
      <c r="O1811" s="10" t="s">
        <v>22</v>
      </c>
      <c r="P1811" s="10" t="s">
        <v>22</v>
      </c>
      <c r="Q1811" s="10" t="s">
        <v>22</v>
      </c>
      <c r="R1811" s="10" t="s">
        <v>22</v>
      </c>
      <c r="S1811" s="10" t="s">
        <v>22</v>
      </c>
      <c r="T1811" s="10" t="s">
        <v>22</v>
      </c>
      <c r="U1811" s="10" t="s">
        <v>22</v>
      </c>
      <c r="V1811" s="10" t="s">
        <v>22</v>
      </c>
      <c r="W1811" s="10" t="s">
        <v>22</v>
      </c>
      <c r="X1811" s="10" t="s">
        <v>22</v>
      </c>
      <c r="Y1811" s="10" t="s">
        <v>22</v>
      </c>
      <c r="Z1811" s="10" t="s">
        <v>22</v>
      </c>
    </row>
    <row r="1812" spans="1:26" ht="24" customHeight="1" x14ac:dyDescent="0.2">
      <c r="A1812" s="9" t="s">
        <v>19068</v>
      </c>
      <c r="B1812" s="9" t="s">
        <v>14</v>
      </c>
      <c r="C1812" s="9" t="s">
        <v>8668</v>
      </c>
      <c r="D1812" s="6" t="s">
        <v>8669</v>
      </c>
      <c r="E1812" s="22">
        <v>45048</v>
      </c>
      <c r="F1812" s="22">
        <v>46874</v>
      </c>
      <c r="G1812" s="6" t="s">
        <v>8670</v>
      </c>
      <c r="H1812" s="6" t="s">
        <v>202</v>
      </c>
      <c r="I1812" s="6" t="s">
        <v>863</v>
      </c>
      <c r="J1812" s="6" t="s">
        <v>8671</v>
      </c>
      <c r="K1812" s="9" t="s">
        <v>8672</v>
      </c>
      <c r="L1812" s="10" t="s">
        <v>22</v>
      </c>
      <c r="M1812" s="10" t="s">
        <v>22</v>
      </c>
      <c r="N1812" s="10" t="s">
        <v>22</v>
      </c>
      <c r="O1812" s="10" t="s">
        <v>22</v>
      </c>
      <c r="P1812" s="10" t="s">
        <v>22</v>
      </c>
      <c r="Q1812" s="10" t="s">
        <v>22</v>
      </c>
      <c r="R1812" s="10" t="s">
        <v>22</v>
      </c>
      <c r="S1812" s="10" t="s">
        <v>22</v>
      </c>
      <c r="T1812" s="10" t="s">
        <v>22</v>
      </c>
      <c r="U1812" s="10" t="s">
        <v>22</v>
      </c>
      <c r="V1812" s="10" t="s">
        <v>22</v>
      </c>
      <c r="W1812" s="10" t="s">
        <v>22</v>
      </c>
      <c r="X1812" s="10" t="s">
        <v>22</v>
      </c>
      <c r="Y1812" s="10" t="s">
        <v>22</v>
      </c>
      <c r="Z1812" s="10" t="s">
        <v>22</v>
      </c>
    </row>
    <row r="1813" spans="1:26" ht="24" customHeight="1" x14ac:dyDescent="0.2">
      <c r="A1813" s="9" t="s">
        <v>19069</v>
      </c>
      <c r="B1813" s="9" t="s">
        <v>14</v>
      </c>
      <c r="C1813" s="9" t="s">
        <v>8673</v>
      </c>
      <c r="D1813" s="6" t="s">
        <v>8674</v>
      </c>
      <c r="E1813" s="22">
        <v>45053</v>
      </c>
      <c r="F1813" s="22">
        <v>46879</v>
      </c>
      <c r="G1813" s="6" t="s">
        <v>8675</v>
      </c>
      <c r="H1813" s="6" t="s">
        <v>363</v>
      </c>
      <c r="I1813" s="6" t="s">
        <v>364</v>
      </c>
      <c r="J1813" s="6" t="s">
        <v>8676</v>
      </c>
      <c r="K1813" s="9" t="s">
        <v>8677</v>
      </c>
      <c r="L1813" s="10" t="s">
        <v>22</v>
      </c>
      <c r="M1813" s="10" t="s">
        <v>22</v>
      </c>
      <c r="N1813" s="10" t="s">
        <v>22</v>
      </c>
      <c r="O1813" s="10" t="s">
        <v>22</v>
      </c>
      <c r="P1813" s="10" t="s">
        <v>22</v>
      </c>
      <c r="Q1813" s="10" t="s">
        <v>22</v>
      </c>
      <c r="U1813" s="10" t="s">
        <v>22</v>
      </c>
      <c r="V1813" s="10" t="s">
        <v>22</v>
      </c>
      <c r="W1813" s="10" t="s">
        <v>22</v>
      </c>
      <c r="X1813" s="10" t="s">
        <v>22</v>
      </c>
      <c r="Y1813" s="10" t="s">
        <v>22</v>
      </c>
      <c r="Z1813" s="10" t="s">
        <v>22</v>
      </c>
    </row>
    <row r="1814" spans="1:26" ht="24" customHeight="1" x14ac:dyDescent="0.2">
      <c r="A1814" s="9" t="s">
        <v>19070</v>
      </c>
      <c r="B1814" s="9" t="s">
        <v>14</v>
      </c>
      <c r="C1814" s="9" t="s">
        <v>8678</v>
      </c>
      <c r="D1814" s="6" t="s">
        <v>8679</v>
      </c>
      <c r="E1814" s="22">
        <v>45056</v>
      </c>
      <c r="F1814" s="22">
        <v>46882</v>
      </c>
      <c r="G1814" s="6" t="s">
        <v>8680</v>
      </c>
      <c r="H1814" s="6" t="s">
        <v>62</v>
      </c>
      <c r="I1814" s="6" t="s">
        <v>279</v>
      </c>
      <c r="J1814" s="6" t="s">
        <v>8681</v>
      </c>
      <c r="K1814" s="9" t="s">
        <v>8682</v>
      </c>
      <c r="L1814" s="10" t="s">
        <v>22</v>
      </c>
      <c r="M1814" s="10" t="s">
        <v>22</v>
      </c>
      <c r="N1814" s="10" t="s">
        <v>22</v>
      </c>
      <c r="U1814" s="10" t="s">
        <v>22</v>
      </c>
      <c r="V1814" s="10" t="s">
        <v>22</v>
      </c>
      <c r="W1814" s="10" t="s">
        <v>22</v>
      </c>
    </row>
    <row r="1815" spans="1:26" ht="24" customHeight="1" x14ac:dyDescent="0.2">
      <c r="A1815" s="9" t="s">
        <v>19071</v>
      </c>
      <c r="B1815" s="9" t="s">
        <v>14</v>
      </c>
      <c r="C1815" s="9" t="s">
        <v>8683</v>
      </c>
      <c r="D1815" s="6" t="s">
        <v>8684</v>
      </c>
      <c r="E1815" s="22">
        <v>45063</v>
      </c>
      <c r="F1815" s="22">
        <v>46889</v>
      </c>
      <c r="G1815" s="6" t="s">
        <v>8685</v>
      </c>
      <c r="H1815" s="6" t="s">
        <v>18</v>
      </c>
      <c r="I1815" s="6" t="s">
        <v>26</v>
      </c>
      <c r="J1815" s="6" t="s">
        <v>8686</v>
      </c>
      <c r="K1815" s="9" t="s">
        <v>8687</v>
      </c>
      <c r="L1815" s="10" t="s">
        <v>22</v>
      </c>
      <c r="M1815" s="10" t="s">
        <v>22</v>
      </c>
      <c r="N1815" s="10" t="s">
        <v>22</v>
      </c>
      <c r="O1815" s="10" t="s">
        <v>22</v>
      </c>
      <c r="P1815" s="10" t="s">
        <v>22</v>
      </c>
      <c r="Q1815" s="10" t="s">
        <v>22</v>
      </c>
      <c r="R1815" s="10" t="s">
        <v>22</v>
      </c>
      <c r="S1815" s="10" t="s">
        <v>22</v>
      </c>
      <c r="T1815" s="10" t="s">
        <v>22</v>
      </c>
      <c r="U1815" s="10" t="s">
        <v>22</v>
      </c>
      <c r="V1815" s="10" t="s">
        <v>22</v>
      </c>
      <c r="W1815" s="10" t="s">
        <v>22</v>
      </c>
      <c r="X1815" s="10" t="s">
        <v>22</v>
      </c>
      <c r="Y1815" s="10" t="s">
        <v>22</v>
      </c>
      <c r="Z1815" s="10" t="s">
        <v>22</v>
      </c>
    </row>
    <row r="1816" spans="1:26" ht="24" customHeight="1" x14ac:dyDescent="0.2">
      <c r="A1816" s="9" t="s">
        <v>19072</v>
      </c>
      <c r="B1816" s="9" t="s">
        <v>14</v>
      </c>
      <c r="C1816" s="9" t="s">
        <v>8688</v>
      </c>
      <c r="D1816" s="6" t="s">
        <v>8689</v>
      </c>
      <c r="E1816" s="22">
        <v>45063</v>
      </c>
      <c r="F1816" s="22">
        <v>46889</v>
      </c>
      <c r="G1816" s="6" t="s">
        <v>8690</v>
      </c>
      <c r="H1816" s="6" t="s">
        <v>18</v>
      </c>
      <c r="I1816" s="6" t="s">
        <v>19</v>
      </c>
      <c r="J1816" s="6" t="s">
        <v>8691</v>
      </c>
      <c r="K1816" s="9" t="s">
        <v>8692</v>
      </c>
      <c r="L1816" s="10" t="s">
        <v>22</v>
      </c>
      <c r="M1816" s="10" t="s">
        <v>22</v>
      </c>
      <c r="N1816" s="10" t="s">
        <v>22</v>
      </c>
      <c r="O1816" s="10" t="s">
        <v>22</v>
      </c>
      <c r="P1816" s="10" t="s">
        <v>22</v>
      </c>
      <c r="Q1816" s="10" t="s">
        <v>22</v>
      </c>
      <c r="R1816" s="10" t="s">
        <v>22</v>
      </c>
      <c r="S1816" s="10" t="s">
        <v>22</v>
      </c>
      <c r="T1816" s="10" t="s">
        <v>22</v>
      </c>
      <c r="U1816" s="10" t="s">
        <v>22</v>
      </c>
      <c r="V1816" s="10" t="s">
        <v>22</v>
      </c>
      <c r="W1816" s="10" t="s">
        <v>22</v>
      </c>
      <c r="X1816" s="10" t="s">
        <v>22</v>
      </c>
      <c r="Y1816" s="10" t="s">
        <v>22</v>
      </c>
      <c r="Z1816" s="10" t="s">
        <v>22</v>
      </c>
    </row>
    <row r="1817" spans="1:26" ht="24" customHeight="1" x14ac:dyDescent="0.2">
      <c r="A1817" s="9" t="s">
        <v>19073</v>
      </c>
      <c r="B1817" s="9" t="s">
        <v>14</v>
      </c>
      <c r="C1817" s="9" t="s">
        <v>8693</v>
      </c>
      <c r="D1817" s="6" t="s">
        <v>8694</v>
      </c>
      <c r="E1817" s="22">
        <v>45069</v>
      </c>
      <c r="F1817" s="22">
        <v>46895</v>
      </c>
      <c r="G1817" s="6" t="s">
        <v>8695</v>
      </c>
      <c r="H1817" s="6" t="s">
        <v>363</v>
      </c>
      <c r="I1817" s="6" t="s">
        <v>466</v>
      </c>
      <c r="J1817" s="6" t="s">
        <v>8696</v>
      </c>
      <c r="K1817" s="9" t="s">
        <v>8697</v>
      </c>
      <c r="M1817" s="10" t="s">
        <v>22</v>
      </c>
      <c r="N1817" s="10" t="s">
        <v>22</v>
      </c>
      <c r="P1817" s="10" t="s">
        <v>22</v>
      </c>
      <c r="Q1817" s="10" t="s">
        <v>22</v>
      </c>
      <c r="V1817" s="10" t="s">
        <v>22</v>
      </c>
      <c r="W1817" s="10" t="s">
        <v>22</v>
      </c>
      <c r="Y1817" s="10" t="s">
        <v>22</v>
      </c>
      <c r="Z1817" s="10" t="s">
        <v>22</v>
      </c>
    </row>
    <row r="1818" spans="1:26" ht="24" customHeight="1" x14ac:dyDescent="0.2">
      <c r="A1818" s="9" t="s">
        <v>19074</v>
      </c>
      <c r="B1818" s="9" t="s">
        <v>14</v>
      </c>
      <c r="C1818" s="9" t="s">
        <v>8698</v>
      </c>
      <c r="D1818" s="6" t="s">
        <v>8699</v>
      </c>
      <c r="E1818" s="22">
        <v>45074</v>
      </c>
      <c r="F1818" s="22">
        <v>46900</v>
      </c>
      <c r="G1818" s="6" t="s">
        <v>8700</v>
      </c>
      <c r="H1818" s="6" t="s">
        <v>202</v>
      </c>
      <c r="I1818" s="6" t="s">
        <v>863</v>
      </c>
      <c r="J1818" s="6" t="s">
        <v>8701</v>
      </c>
      <c r="K1818" s="9" t="s">
        <v>8702</v>
      </c>
      <c r="L1818" s="10" t="s">
        <v>22</v>
      </c>
      <c r="M1818" s="10" t="s">
        <v>22</v>
      </c>
      <c r="N1818" s="10" t="s">
        <v>22</v>
      </c>
      <c r="O1818" s="10" t="s">
        <v>22</v>
      </c>
      <c r="P1818" s="10" t="s">
        <v>22</v>
      </c>
      <c r="Q1818" s="10" t="s">
        <v>22</v>
      </c>
      <c r="R1818" s="10" t="s">
        <v>22</v>
      </c>
      <c r="S1818" s="10" t="s">
        <v>22</v>
      </c>
      <c r="T1818" s="10" t="s">
        <v>22</v>
      </c>
      <c r="U1818" s="10" t="s">
        <v>22</v>
      </c>
      <c r="V1818" s="10" t="s">
        <v>22</v>
      </c>
      <c r="W1818" s="10" t="s">
        <v>22</v>
      </c>
      <c r="X1818" s="10" t="s">
        <v>22</v>
      </c>
      <c r="Y1818" s="10" t="s">
        <v>22</v>
      </c>
      <c r="Z1818" s="10" t="s">
        <v>22</v>
      </c>
    </row>
    <row r="1819" spans="1:26" ht="24" customHeight="1" x14ac:dyDescent="0.2">
      <c r="A1819" s="9" t="s">
        <v>19075</v>
      </c>
      <c r="B1819" s="9" t="s">
        <v>14</v>
      </c>
      <c r="C1819" s="9" t="s">
        <v>8703</v>
      </c>
      <c r="D1819" s="6" t="s">
        <v>8704</v>
      </c>
      <c r="E1819" s="22">
        <v>45074</v>
      </c>
      <c r="F1819" s="22">
        <v>46900</v>
      </c>
      <c r="G1819" s="6" t="s">
        <v>6616</v>
      </c>
      <c r="H1819" s="6" t="s">
        <v>62</v>
      </c>
      <c r="I1819" s="6" t="s">
        <v>435</v>
      </c>
      <c r="J1819" s="6" t="s">
        <v>8705</v>
      </c>
      <c r="K1819" s="9" t="s">
        <v>8706</v>
      </c>
      <c r="L1819" s="10" t="s">
        <v>22</v>
      </c>
      <c r="M1819" s="10" t="s">
        <v>22</v>
      </c>
      <c r="N1819" s="10" t="s">
        <v>22</v>
      </c>
      <c r="O1819" s="10" t="s">
        <v>22</v>
      </c>
      <c r="P1819" s="10" t="s">
        <v>22</v>
      </c>
      <c r="Q1819" s="10" t="s">
        <v>22</v>
      </c>
      <c r="R1819" s="10" t="s">
        <v>22</v>
      </c>
      <c r="S1819" s="10" t="s">
        <v>22</v>
      </c>
      <c r="T1819" s="10" t="s">
        <v>22</v>
      </c>
      <c r="U1819" s="10" t="s">
        <v>22</v>
      </c>
      <c r="V1819" s="10" t="s">
        <v>22</v>
      </c>
      <c r="W1819" s="10" t="s">
        <v>22</v>
      </c>
      <c r="X1819" s="10" t="s">
        <v>22</v>
      </c>
      <c r="Y1819" s="10" t="s">
        <v>22</v>
      </c>
      <c r="Z1819" s="10" t="s">
        <v>22</v>
      </c>
    </row>
    <row r="1820" spans="1:26" ht="34" customHeight="1" x14ac:dyDescent="0.2">
      <c r="A1820" s="9" t="s">
        <v>19076</v>
      </c>
      <c r="B1820" s="9" t="s">
        <v>14</v>
      </c>
      <c r="C1820" s="9" t="s">
        <v>8707</v>
      </c>
      <c r="D1820" s="6" t="s">
        <v>8708</v>
      </c>
      <c r="E1820" s="22">
        <v>45076</v>
      </c>
      <c r="F1820" s="22">
        <v>46902</v>
      </c>
      <c r="G1820" s="6" t="s">
        <v>8709</v>
      </c>
      <c r="H1820" s="6" t="s">
        <v>18</v>
      </c>
      <c r="I1820" s="6" t="s">
        <v>19</v>
      </c>
      <c r="J1820" s="6" t="s">
        <v>8710</v>
      </c>
      <c r="K1820" s="9" t="s">
        <v>8711</v>
      </c>
      <c r="L1820" s="10" t="s">
        <v>22</v>
      </c>
      <c r="M1820" s="10" t="s">
        <v>22</v>
      </c>
      <c r="N1820" s="10" t="s">
        <v>22</v>
      </c>
      <c r="O1820" s="10" t="s">
        <v>22</v>
      </c>
      <c r="P1820" s="10" t="s">
        <v>22</v>
      </c>
      <c r="Q1820" s="10" t="s">
        <v>22</v>
      </c>
      <c r="R1820" s="10" t="s">
        <v>22</v>
      </c>
      <c r="S1820" s="10" t="s">
        <v>22</v>
      </c>
      <c r="T1820" s="10" t="s">
        <v>22</v>
      </c>
      <c r="U1820" s="10" t="s">
        <v>22</v>
      </c>
      <c r="V1820" s="10" t="s">
        <v>22</v>
      </c>
      <c r="W1820" s="10" t="s">
        <v>22</v>
      </c>
      <c r="X1820" s="10" t="s">
        <v>22</v>
      </c>
      <c r="Y1820" s="10" t="s">
        <v>22</v>
      </c>
      <c r="Z1820" s="10" t="s">
        <v>22</v>
      </c>
    </row>
    <row r="1821" spans="1:26" ht="24" customHeight="1" x14ac:dyDescent="0.2">
      <c r="A1821" s="9" t="s">
        <v>19077</v>
      </c>
      <c r="B1821" s="9" t="s">
        <v>14</v>
      </c>
      <c r="C1821" s="9" t="s">
        <v>8712</v>
      </c>
      <c r="D1821" s="6" t="s">
        <v>8713</v>
      </c>
      <c r="E1821" s="22">
        <v>45076</v>
      </c>
      <c r="F1821" s="22">
        <v>46902</v>
      </c>
      <c r="G1821" s="6" t="s">
        <v>8714</v>
      </c>
      <c r="H1821" s="6" t="s">
        <v>18</v>
      </c>
      <c r="I1821" s="6" t="s">
        <v>26</v>
      </c>
      <c r="J1821" s="6" t="s">
        <v>8715</v>
      </c>
      <c r="K1821" s="9" t="s">
        <v>8716</v>
      </c>
      <c r="L1821" s="10" t="s">
        <v>22</v>
      </c>
      <c r="M1821" s="10" t="s">
        <v>22</v>
      </c>
      <c r="N1821" s="10" t="s">
        <v>22</v>
      </c>
      <c r="O1821" s="10" t="s">
        <v>22</v>
      </c>
      <c r="P1821" s="10" t="s">
        <v>22</v>
      </c>
      <c r="Q1821" s="10" t="s">
        <v>22</v>
      </c>
      <c r="R1821" s="10" t="s">
        <v>22</v>
      </c>
      <c r="S1821" s="10" t="s">
        <v>22</v>
      </c>
      <c r="T1821" s="10" t="s">
        <v>22</v>
      </c>
      <c r="U1821" s="10" t="s">
        <v>22</v>
      </c>
      <c r="V1821" s="10" t="s">
        <v>22</v>
      </c>
      <c r="W1821" s="10" t="s">
        <v>22</v>
      </c>
      <c r="X1821" s="10" t="s">
        <v>22</v>
      </c>
      <c r="Y1821" s="10" t="s">
        <v>22</v>
      </c>
      <c r="Z1821" s="10" t="s">
        <v>22</v>
      </c>
    </row>
    <row r="1822" spans="1:26" ht="24" customHeight="1" x14ac:dyDescent="0.2">
      <c r="A1822" s="9" t="s">
        <v>19078</v>
      </c>
      <c r="B1822" s="9" t="s">
        <v>14</v>
      </c>
      <c r="C1822" s="9" t="s">
        <v>8717</v>
      </c>
      <c r="D1822" s="6" t="s">
        <v>8718</v>
      </c>
      <c r="E1822" s="22">
        <v>45081</v>
      </c>
      <c r="F1822" s="22">
        <v>46907</v>
      </c>
      <c r="G1822" s="6" t="s">
        <v>8719</v>
      </c>
      <c r="H1822" s="6" t="s">
        <v>202</v>
      </c>
      <c r="I1822" s="6" t="s">
        <v>863</v>
      </c>
      <c r="J1822" s="6" t="s">
        <v>8720</v>
      </c>
      <c r="K1822" s="9" t="s">
        <v>8721</v>
      </c>
      <c r="L1822" s="10" t="s">
        <v>22</v>
      </c>
      <c r="M1822" s="10" t="s">
        <v>22</v>
      </c>
      <c r="N1822" s="10" t="s">
        <v>22</v>
      </c>
      <c r="O1822" s="10" t="s">
        <v>22</v>
      </c>
      <c r="P1822" s="10" t="s">
        <v>22</v>
      </c>
      <c r="Q1822" s="10" t="s">
        <v>22</v>
      </c>
      <c r="R1822" s="10" t="s">
        <v>22</v>
      </c>
      <c r="S1822" s="10" t="s">
        <v>22</v>
      </c>
      <c r="T1822" s="10" t="s">
        <v>22</v>
      </c>
      <c r="U1822" s="10" t="s">
        <v>22</v>
      </c>
      <c r="V1822" s="10" t="s">
        <v>22</v>
      </c>
      <c r="W1822" s="10" t="s">
        <v>22</v>
      </c>
      <c r="X1822" s="10" t="s">
        <v>22</v>
      </c>
      <c r="Y1822" s="10" t="s">
        <v>22</v>
      </c>
      <c r="Z1822" s="10" t="s">
        <v>22</v>
      </c>
    </row>
    <row r="1823" spans="1:26" ht="24" customHeight="1" x14ac:dyDescent="0.2">
      <c r="A1823" s="9" t="s">
        <v>19079</v>
      </c>
      <c r="B1823" s="9" t="s">
        <v>14</v>
      </c>
      <c r="C1823" s="9" t="s">
        <v>8722</v>
      </c>
      <c r="D1823" s="6" t="s">
        <v>8723</v>
      </c>
      <c r="E1823" s="22">
        <v>45082</v>
      </c>
      <c r="F1823" s="22">
        <v>46908</v>
      </c>
      <c r="G1823" s="6" t="s">
        <v>8724</v>
      </c>
      <c r="H1823" s="6" t="s">
        <v>6990</v>
      </c>
      <c r="I1823" s="6" t="s">
        <v>7833</v>
      </c>
      <c r="J1823" s="6" t="s">
        <v>8725</v>
      </c>
      <c r="K1823" s="9" t="s">
        <v>8726</v>
      </c>
      <c r="L1823" s="10" t="s">
        <v>22</v>
      </c>
      <c r="M1823" s="10" t="s">
        <v>22</v>
      </c>
      <c r="N1823" s="10" t="s">
        <v>22</v>
      </c>
      <c r="O1823" s="10" t="s">
        <v>22</v>
      </c>
      <c r="P1823" s="10" t="s">
        <v>22</v>
      </c>
      <c r="Q1823" s="10" t="s">
        <v>22</v>
      </c>
      <c r="R1823" s="10" t="s">
        <v>22</v>
      </c>
      <c r="S1823" s="10" t="s">
        <v>22</v>
      </c>
      <c r="T1823" s="10" t="s">
        <v>22</v>
      </c>
      <c r="U1823" s="10" t="s">
        <v>22</v>
      </c>
      <c r="V1823" s="10" t="s">
        <v>22</v>
      </c>
      <c r="W1823" s="10" t="s">
        <v>22</v>
      </c>
      <c r="X1823" s="10" t="s">
        <v>22</v>
      </c>
      <c r="Y1823" s="10" t="s">
        <v>22</v>
      </c>
      <c r="Z1823" s="10" t="s">
        <v>22</v>
      </c>
    </row>
    <row r="1824" spans="1:26" ht="24" customHeight="1" x14ac:dyDescent="0.2">
      <c r="A1824" s="9" t="s">
        <v>19080</v>
      </c>
      <c r="B1824" s="9" t="s">
        <v>14</v>
      </c>
      <c r="C1824" s="9" t="s">
        <v>8722</v>
      </c>
      <c r="D1824" s="6" t="s">
        <v>8723</v>
      </c>
      <c r="E1824" s="22">
        <v>45082</v>
      </c>
      <c r="F1824" s="22">
        <v>46908</v>
      </c>
      <c r="G1824" s="6" t="s">
        <v>8727</v>
      </c>
      <c r="H1824" s="6" t="s">
        <v>6990</v>
      </c>
      <c r="I1824" s="6" t="s">
        <v>8728</v>
      </c>
      <c r="J1824" s="6" t="s">
        <v>8729</v>
      </c>
      <c r="K1824" s="9" t="s">
        <v>8730</v>
      </c>
      <c r="L1824" s="10" t="s">
        <v>22</v>
      </c>
      <c r="M1824" s="10" t="s">
        <v>22</v>
      </c>
      <c r="N1824" s="10" t="s">
        <v>22</v>
      </c>
      <c r="O1824" s="10" t="s">
        <v>22</v>
      </c>
      <c r="P1824" s="10" t="s">
        <v>22</v>
      </c>
      <c r="Q1824" s="10" t="s">
        <v>22</v>
      </c>
      <c r="R1824" s="10" t="s">
        <v>22</v>
      </c>
      <c r="S1824" s="10" t="s">
        <v>22</v>
      </c>
      <c r="T1824" s="10" t="s">
        <v>22</v>
      </c>
      <c r="U1824" s="10" t="s">
        <v>22</v>
      </c>
      <c r="V1824" s="10" t="s">
        <v>22</v>
      </c>
      <c r="W1824" s="10" t="s">
        <v>22</v>
      </c>
      <c r="X1824" s="10" t="s">
        <v>22</v>
      </c>
      <c r="Y1824" s="10" t="s">
        <v>22</v>
      </c>
      <c r="Z1824" s="10" t="s">
        <v>22</v>
      </c>
    </row>
    <row r="1825" spans="1:26" ht="24" customHeight="1" x14ac:dyDescent="0.2">
      <c r="A1825" s="9" t="s">
        <v>19081</v>
      </c>
      <c r="B1825" s="9" t="s">
        <v>14</v>
      </c>
      <c r="C1825" s="9" t="s">
        <v>8722</v>
      </c>
      <c r="D1825" s="6" t="s">
        <v>8723</v>
      </c>
      <c r="E1825" s="22">
        <v>45082</v>
      </c>
      <c r="F1825" s="22">
        <v>46908</v>
      </c>
      <c r="G1825" s="6" t="s">
        <v>8731</v>
      </c>
      <c r="H1825" s="6" t="s">
        <v>6990</v>
      </c>
      <c r="I1825" s="6" t="s">
        <v>8732</v>
      </c>
      <c r="J1825" s="6" t="s">
        <v>8733</v>
      </c>
      <c r="K1825" s="9" t="s">
        <v>8734</v>
      </c>
      <c r="L1825" s="10" t="s">
        <v>22</v>
      </c>
      <c r="M1825" s="10" t="s">
        <v>22</v>
      </c>
      <c r="N1825" s="10" t="s">
        <v>22</v>
      </c>
      <c r="O1825" s="10" t="s">
        <v>22</v>
      </c>
      <c r="P1825" s="10" t="s">
        <v>22</v>
      </c>
      <c r="Q1825" s="10" t="s">
        <v>22</v>
      </c>
      <c r="R1825" s="10" t="s">
        <v>22</v>
      </c>
      <c r="S1825" s="10" t="s">
        <v>22</v>
      </c>
      <c r="T1825" s="10" t="s">
        <v>22</v>
      </c>
      <c r="U1825" s="10" t="s">
        <v>22</v>
      </c>
      <c r="V1825" s="10" t="s">
        <v>22</v>
      </c>
      <c r="W1825" s="10" t="s">
        <v>22</v>
      </c>
      <c r="X1825" s="10" t="s">
        <v>22</v>
      </c>
      <c r="Y1825" s="10" t="s">
        <v>22</v>
      </c>
      <c r="Z1825" s="10" t="s">
        <v>22</v>
      </c>
    </row>
    <row r="1826" spans="1:26" ht="24" customHeight="1" x14ac:dyDescent="0.2">
      <c r="A1826" s="9" t="s">
        <v>19082</v>
      </c>
      <c r="B1826" s="9" t="s">
        <v>14</v>
      </c>
      <c r="C1826" s="9" t="s">
        <v>8722</v>
      </c>
      <c r="D1826" s="6" t="s">
        <v>8723</v>
      </c>
      <c r="E1826" s="22">
        <v>45082</v>
      </c>
      <c r="F1826" s="22">
        <v>46908</v>
      </c>
      <c r="G1826" s="6" t="s">
        <v>8735</v>
      </c>
      <c r="H1826" s="6" t="s">
        <v>6990</v>
      </c>
      <c r="I1826" s="6" t="s">
        <v>8736</v>
      </c>
      <c r="J1826" s="6" t="s">
        <v>8737</v>
      </c>
      <c r="K1826" s="9" t="s">
        <v>8738</v>
      </c>
      <c r="L1826" s="10" t="s">
        <v>22</v>
      </c>
      <c r="M1826" s="10" t="s">
        <v>22</v>
      </c>
      <c r="N1826" s="10" t="s">
        <v>22</v>
      </c>
      <c r="O1826" s="10" t="s">
        <v>22</v>
      </c>
      <c r="P1826" s="10" t="s">
        <v>22</v>
      </c>
      <c r="Q1826" s="10" t="s">
        <v>22</v>
      </c>
      <c r="R1826" s="10" t="s">
        <v>22</v>
      </c>
      <c r="S1826" s="10" t="s">
        <v>22</v>
      </c>
      <c r="T1826" s="10" t="s">
        <v>22</v>
      </c>
      <c r="U1826" s="10" t="s">
        <v>22</v>
      </c>
      <c r="V1826" s="10" t="s">
        <v>22</v>
      </c>
      <c r="W1826" s="10" t="s">
        <v>22</v>
      </c>
      <c r="X1826" s="10" t="s">
        <v>22</v>
      </c>
      <c r="Y1826" s="10" t="s">
        <v>22</v>
      </c>
      <c r="Z1826" s="10" t="s">
        <v>22</v>
      </c>
    </row>
    <row r="1827" spans="1:26" ht="24" customHeight="1" x14ac:dyDescent="0.2">
      <c r="A1827" s="9" t="s">
        <v>19083</v>
      </c>
      <c r="B1827" s="9" t="s">
        <v>14</v>
      </c>
      <c r="C1827" s="9" t="s">
        <v>8739</v>
      </c>
      <c r="D1827" s="6" t="s">
        <v>8740</v>
      </c>
      <c r="E1827" s="22">
        <v>45084</v>
      </c>
      <c r="F1827" s="22">
        <v>46910</v>
      </c>
      <c r="G1827" s="6" t="s">
        <v>8741</v>
      </c>
      <c r="H1827" s="6" t="s">
        <v>202</v>
      </c>
      <c r="I1827" s="6" t="s">
        <v>8742</v>
      </c>
      <c r="J1827" s="6" t="s">
        <v>8743</v>
      </c>
      <c r="K1827" s="9" t="s">
        <v>8744</v>
      </c>
      <c r="L1827" s="10" t="s">
        <v>22</v>
      </c>
      <c r="M1827" s="10" t="s">
        <v>22</v>
      </c>
      <c r="N1827" s="10" t="s">
        <v>22</v>
      </c>
      <c r="O1827" s="10" t="s">
        <v>22</v>
      </c>
      <c r="P1827" s="10" t="s">
        <v>22</v>
      </c>
      <c r="Q1827" s="10" t="s">
        <v>22</v>
      </c>
      <c r="R1827" s="10" t="s">
        <v>22</v>
      </c>
      <c r="S1827" s="10" t="s">
        <v>22</v>
      </c>
      <c r="T1827" s="10" t="s">
        <v>22</v>
      </c>
      <c r="U1827" s="10" t="s">
        <v>22</v>
      </c>
      <c r="V1827" s="10" t="s">
        <v>22</v>
      </c>
      <c r="W1827" s="10" t="s">
        <v>22</v>
      </c>
      <c r="X1827" s="10" t="s">
        <v>22</v>
      </c>
      <c r="Y1827" s="10" t="s">
        <v>22</v>
      </c>
      <c r="Z1827" s="10" t="s">
        <v>22</v>
      </c>
    </row>
    <row r="1828" spans="1:26" ht="24" customHeight="1" x14ac:dyDescent="0.2">
      <c r="A1828" s="9" t="s">
        <v>19084</v>
      </c>
      <c r="B1828" s="9" t="s">
        <v>14</v>
      </c>
      <c r="C1828" s="9" t="s">
        <v>8745</v>
      </c>
      <c r="D1828" s="6" t="s">
        <v>8746</v>
      </c>
      <c r="E1828" s="22">
        <v>45088</v>
      </c>
      <c r="F1828" s="22">
        <v>46914</v>
      </c>
      <c r="G1828" s="6" t="s">
        <v>8747</v>
      </c>
      <c r="H1828" s="6" t="s">
        <v>62</v>
      </c>
      <c r="I1828" s="6" t="s">
        <v>312</v>
      </c>
      <c r="J1828" s="6" t="s">
        <v>8748</v>
      </c>
      <c r="K1828" s="9" t="s">
        <v>8749</v>
      </c>
      <c r="L1828" s="10" t="s">
        <v>22</v>
      </c>
      <c r="M1828" s="10" t="s">
        <v>22</v>
      </c>
      <c r="N1828" s="10" t="s">
        <v>22</v>
      </c>
      <c r="O1828" s="10" t="s">
        <v>22</v>
      </c>
      <c r="P1828" s="10" t="s">
        <v>22</v>
      </c>
      <c r="Q1828" s="10" t="s">
        <v>22</v>
      </c>
      <c r="S1828" s="10" t="s">
        <v>22</v>
      </c>
      <c r="T1828" s="10" t="s">
        <v>22</v>
      </c>
      <c r="U1828" s="10" t="s">
        <v>22</v>
      </c>
      <c r="V1828" s="10" t="s">
        <v>22</v>
      </c>
      <c r="W1828" s="10" t="s">
        <v>22</v>
      </c>
      <c r="X1828" s="10" t="s">
        <v>22</v>
      </c>
      <c r="Y1828" s="10" t="s">
        <v>22</v>
      </c>
      <c r="Z1828" s="10" t="s">
        <v>22</v>
      </c>
    </row>
    <row r="1829" spans="1:26" ht="24" customHeight="1" x14ac:dyDescent="0.2">
      <c r="A1829" s="9" t="s">
        <v>19085</v>
      </c>
      <c r="B1829" s="9" t="s">
        <v>14</v>
      </c>
      <c r="C1829" s="9" t="s">
        <v>8750</v>
      </c>
      <c r="D1829" s="6" t="s">
        <v>8751</v>
      </c>
      <c r="E1829" s="22">
        <v>45091</v>
      </c>
      <c r="F1829" s="22">
        <v>46917</v>
      </c>
      <c r="G1829" s="6" t="s">
        <v>8752</v>
      </c>
      <c r="H1829" s="6" t="s">
        <v>18</v>
      </c>
      <c r="I1829" s="6" t="s">
        <v>19</v>
      </c>
      <c r="J1829" s="6" t="s">
        <v>8753</v>
      </c>
      <c r="K1829" s="9" t="s">
        <v>8754</v>
      </c>
      <c r="L1829" s="10" t="s">
        <v>22</v>
      </c>
      <c r="M1829" s="10" t="s">
        <v>22</v>
      </c>
      <c r="N1829" s="10" t="s">
        <v>22</v>
      </c>
      <c r="O1829" s="10" t="s">
        <v>22</v>
      </c>
      <c r="P1829" s="10" t="s">
        <v>22</v>
      </c>
      <c r="Q1829" s="10" t="s">
        <v>22</v>
      </c>
      <c r="R1829" s="10" t="s">
        <v>22</v>
      </c>
      <c r="S1829" s="10" t="s">
        <v>22</v>
      </c>
      <c r="T1829" s="10" t="s">
        <v>22</v>
      </c>
      <c r="U1829" s="10" t="s">
        <v>22</v>
      </c>
      <c r="V1829" s="10" t="s">
        <v>22</v>
      </c>
      <c r="W1829" s="10" t="s">
        <v>22</v>
      </c>
      <c r="X1829" s="10" t="s">
        <v>22</v>
      </c>
      <c r="Y1829" s="10" t="s">
        <v>22</v>
      </c>
      <c r="Z1829" s="10" t="s">
        <v>22</v>
      </c>
    </row>
    <row r="1830" spans="1:26" ht="24" customHeight="1" x14ac:dyDescent="0.2">
      <c r="A1830" s="9" t="s">
        <v>19086</v>
      </c>
      <c r="B1830" s="9" t="s">
        <v>14</v>
      </c>
      <c r="C1830" s="9" t="s">
        <v>8755</v>
      </c>
      <c r="D1830" s="6" t="s">
        <v>8756</v>
      </c>
      <c r="E1830" s="22">
        <v>45092</v>
      </c>
      <c r="F1830" s="22">
        <v>46918</v>
      </c>
      <c r="G1830" s="6" t="s">
        <v>8757</v>
      </c>
      <c r="H1830" s="6" t="s">
        <v>6990</v>
      </c>
      <c r="I1830" s="6" t="s">
        <v>8728</v>
      </c>
      <c r="J1830" s="6" t="s">
        <v>8758</v>
      </c>
      <c r="K1830" s="9" t="s">
        <v>8759</v>
      </c>
      <c r="L1830" s="10" t="s">
        <v>22</v>
      </c>
      <c r="M1830" s="10" t="s">
        <v>22</v>
      </c>
      <c r="N1830" s="10" t="s">
        <v>22</v>
      </c>
      <c r="O1830" s="10" t="s">
        <v>22</v>
      </c>
      <c r="P1830" s="10" t="s">
        <v>22</v>
      </c>
      <c r="Q1830" s="10" t="s">
        <v>22</v>
      </c>
      <c r="R1830" s="10" t="s">
        <v>22</v>
      </c>
      <c r="S1830" s="10" t="s">
        <v>22</v>
      </c>
      <c r="T1830" s="10" t="s">
        <v>22</v>
      </c>
      <c r="U1830" s="10" t="s">
        <v>22</v>
      </c>
      <c r="V1830" s="10" t="s">
        <v>22</v>
      </c>
      <c r="W1830" s="10" t="s">
        <v>22</v>
      </c>
      <c r="X1830" s="10" t="s">
        <v>22</v>
      </c>
      <c r="Y1830" s="10" t="s">
        <v>22</v>
      </c>
      <c r="Z1830" s="10" t="s">
        <v>22</v>
      </c>
    </row>
    <row r="1831" spans="1:26" ht="24" customHeight="1" x14ac:dyDescent="0.2">
      <c r="A1831" s="9" t="s">
        <v>19087</v>
      </c>
      <c r="B1831" s="9" t="s">
        <v>14</v>
      </c>
      <c r="C1831" s="9" t="s">
        <v>8760</v>
      </c>
      <c r="D1831" s="6" t="s">
        <v>8761</v>
      </c>
      <c r="E1831" s="22">
        <v>45092</v>
      </c>
      <c r="F1831" s="22">
        <v>46918</v>
      </c>
      <c r="G1831" s="6" t="s">
        <v>8762</v>
      </c>
      <c r="H1831" s="6" t="s">
        <v>18</v>
      </c>
      <c r="I1831" s="6" t="s">
        <v>19</v>
      </c>
      <c r="J1831" s="6" t="s">
        <v>8763</v>
      </c>
      <c r="K1831" s="9" t="s">
        <v>8764</v>
      </c>
      <c r="L1831" s="10" t="s">
        <v>22</v>
      </c>
      <c r="M1831" s="10" t="s">
        <v>22</v>
      </c>
      <c r="N1831" s="10" t="s">
        <v>22</v>
      </c>
      <c r="O1831" s="10" t="s">
        <v>22</v>
      </c>
      <c r="P1831" s="10" t="s">
        <v>22</v>
      </c>
      <c r="Q1831" s="10" t="s">
        <v>22</v>
      </c>
      <c r="R1831" s="10" t="s">
        <v>22</v>
      </c>
      <c r="S1831" s="10" t="s">
        <v>22</v>
      </c>
      <c r="T1831" s="10" t="s">
        <v>22</v>
      </c>
      <c r="U1831" s="10" t="s">
        <v>22</v>
      </c>
      <c r="V1831" s="10" t="s">
        <v>22</v>
      </c>
      <c r="W1831" s="10" t="s">
        <v>22</v>
      </c>
      <c r="X1831" s="10" t="s">
        <v>22</v>
      </c>
      <c r="Y1831" s="10" t="s">
        <v>22</v>
      </c>
      <c r="Z1831" s="10" t="s">
        <v>22</v>
      </c>
    </row>
    <row r="1832" spans="1:26" ht="24" customHeight="1" x14ac:dyDescent="0.2">
      <c r="A1832" s="9" t="s">
        <v>19088</v>
      </c>
      <c r="B1832" s="9" t="s">
        <v>14</v>
      </c>
      <c r="C1832" s="9" t="s">
        <v>8765</v>
      </c>
      <c r="D1832" s="6" t="s">
        <v>8766</v>
      </c>
      <c r="E1832" s="22">
        <v>45098</v>
      </c>
      <c r="F1832" s="22">
        <v>46924</v>
      </c>
      <c r="G1832" s="6" t="s">
        <v>8767</v>
      </c>
      <c r="H1832" s="6" t="s">
        <v>202</v>
      </c>
      <c r="I1832" s="6" t="s">
        <v>1857</v>
      </c>
      <c r="J1832" s="6" t="s">
        <v>8768</v>
      </c>
      <c r="K1832" s="9" t="s">
        <v>8769</v>
      </c>
      <c r="L1832" s="10" t="s">
        <v>22</v>
      </c>
      <c r="M1832" s="10" t="s">
        <v>22</v>
      </c>
      <c r="N1832" s="10" t="s">
        <v>22</v>
      </c>
      <c r="O1832" s="10" t="s">
        <v>22</v>
      </c>
      <c r="P1832" s="10" t="s">
        <v>22</v>
      </c>
      <c r="Q1832" s="10" t="s">
        <v>22</v>
      </c>
      <c r="R1832" s="10" t="s">
        <v>22</v>
      </c>
      <c r="S1832" s="10" t="s">
        <v>22</v>
      </c>
      <c r="T1832" s="10" t="s">
        <v>22</v>
      </c>
      <c r="U1832" s="10" t="s">
        <v>22</v>
      </c>
      <c r="V1832" s="10" t="s">
        <v>22</v>
      </c>
      <c r="W1832" s="10" t="s">
        <v>22</v>
      </c>
      <c r="X1832" s="10" t="s">
        <v>22</v>
      </c>
      <c r="Y1832" s="10" t="s">
        <v>22</v>
      </c>
      <c r="Z1832" s="10" t="s">
        <v>22</v>
      </c>
    </row>
    <row r="1833" spans="1:26" ht="24" customHeight="1" x14ac:dyDescent="0.2">
      <c r="A1833" s="9" t="s">
        <v>19089</v>
      </c>
      <c r="B1833" s="9" t="s">
        <v>14</v>
      </c>
      <c r="C1833" s="9" t="s">
        <v>8770</v>
      </c>
      <c r="D1833" s="6" t="s">
        <v>8771</v>
      </c>
      <c r="E1833" s="22">
        <v>45098</v>
      </c>
      <c r="F1833" s="22">
        <v>46924</v>
      </c>
      <c r="G1833" s="6" t="s">
        <v>8772</v>
      </c>
      <c r="H1833" s="6" t="s">
        <v>18</v>
      </c>
      <c r="I1833" s="6" t="s">
        <v>26</v>
      </c>
      <c r="J1833" s="6" t="s">
        <v>8773</v>
      </c>
      <c r="K1833" s="9" t="s">
        <v>8774</v>
      </c>
      <c r="L1833" s="10" t="s">
        <v>22</v>
      </c>
      <c r="M1833" s="10" t="s">
        <v>22</v>
      </c>
      <c r="N1833" s="10" t="s">
        <v>22</v>
      </c>
      <c r="O1833" s="10" t="s">
        <v>22</v>
      </c>
      <c r="P1833" s="10" t="s">
        <v>22</v>
      </c>
      <c r="Q1833" s="10" t="s">
        <v>22</v>
      </c>
      <c r="R1833" s="10" t="s">
        <v>22</v>
      </c>
      <c r="S1833" s="10" t="s">
        <v>22</v>
      </c>
      <c r="T1833" s="10" t="s">
        <v>22</v>
      </c>
      <c r="U1833" s="10" t="s">
        <v>22</v>
      </c>
      <c r="V1833" s="10" t="s">
        <v>22</v>
      </c>
      <c r="W1833" s="10" t="s">
        <v>22</v>
      </c>
      <c r="X1833" s="10" t="s">
        <v>22</v>
      </c>
      <c r="Y1833" s="10" t="s">
        <v>22</v>
      </c>
      <c r="Z1833" s="10" t="s">
        <v>22</v>
      </c>
    </row>
    <row r="1834" spans="1:26" ht="24" customHeight="1" x14ac:dyDescent="0.2">
      <c r="A1834" s="9" t="s">
        <v>19090</v>
      </c>
      <c r="B1834" s="9" t="s">
        <v>14</v>
      </c>
      <c r="C1834" s="9" t="s">
        <v>8775</v>
      </c>
      <c r="D1834" s="6" t="s">
        <v>8776</v>
      </c>
      <c r="E1834" s="22">
        <v>45103</v>
      </c>
      <c r="F1834" s="22">
        <v>46929</v>
      </c>
      <c r="G1834" s="6" t="s">
        <v>8777</v>
      </c>
      <c r="H1834" s="6" t="s">
        <v>202</v>
      </c>
      <c r="I1834" s="6" t="s">
        <v>567</v>
      </c>
      <c r="J1834" s="6" t="s">
        <v>8778</v>
      </c>
      <c r="K1834" s="9" t="s">
        <v>8779</v>
      </c>
      <c r="L1834" s="10" t="s">
        <v>22</v>
      </c>
      <c r="M1834" s="10" t="s">
        <v>22</v>
      </c>
      <c r="N1834" s="10" t="s">
        <v>22</v>
      </c>
      <c r="O1834" s="10" t="s">
        <v>22</v>
      </c>
      <c r="P1834" s="10" t="s">
        <v>22</v>
      </c>
      <c r="Q1834" s="10" t="s">
        <v>22</v>
      </c>
      <c r="R1834" s="10" t="s">
        <v>22</v>
      </c>
      <c r="S1834" s="10" t="s">
        <v>22</v>
      </c>
      <c r="T1834" s="10" t="s">
        <v>22</v>
      </c>
      <c r="U1834" s="10" t="s">
        <v>22</v>
      </c>
      <c r="V1834" s="10" t="s">
        <v>22</v>
      </c>
      <c r="W1834" s="10" t="s">
        <v>22</v>
      </c>
      <c r="X1834" s="10" t="s">
        <v>22</v>
      </c>
      <c r="Y1834" s="10" t="s">
        <v>22</v>
      </c>
      <c r="Z1834" s="10" t="s">
        <v>22</v>
      </c>
    </row>
    <row r="1835" spans="1:26" ht="24" customHeight="1" x14ac:dyDescent="0.2">
      <c r="A1835" s="9" t="s">
        <v>19091</v>
      </c>
      <c r="B1835" s="9" t="s">
        <v>14</v>
      </c>
      <c r="C1835" s="9" t="s">
        <v>8780</v>
      </c>
      <c r="D1835" s="6" t="s">
        <v>8781</v>
      </c>
      <c r="E1835" s="22">
        <v>45214</v>
      </c>
      <c r="F1835" s="22">
        <v>47040</v>
      </c>
      <c r="G1835" s="6" t="s">
        <v>8782</v>
      </c>
      <c r="H1835" s="6" t="s">
        <v>62</v>
      </c>
      <c r="I1835" s="6" t="s">
        <v>306</v>
      </c>
      <c r="J1835" s="6" t="s">
        <v>8783</v>
      </c>
      <c r="K1835" s="9" t="s">
        <v>8784</v>
      </c>
      <c r="L1835" s="10" t="s">
        <v>22</v>
      </c>
      <c r="M1835" s="10" t="s">
        <v>22</v>
      </c>
      <c r="N1835" s="10" t="s">
        <v>22</v>
      </c>
      <c r="O1835" s="10" t="s">
        <v>22</v>
      </c>
      <c r="P1835" s="10" t="s">
        <v>22</v>
      </c>
      <c r="Q1835" s="10" t="s">
        <v>22</v>
      </c>
      <c r="R1835" s="10" t="s">
        <v>22</v>
      </c>
      <c r="S1835" s="10" t="s">
        <v>22</v>
      </c>
      <c r="T1835" s="10" t="s">
        <v>22</v>
      </c>
      <c r="U1835" s="10" t="s">
        <v>22</v>
      </c>
      <c r="V1835" s="10" t="s">
        <v>22</v>
      </c>
      <c r="W1835" s="10" t="s">
        <v>22</v>
      </c>
      <c r="X1835" s="10" t="s">
        <v>22</v>
      </c>
      <c r="Y1835" s="10" t="s">
        <v>22</v>
      </c>
      <c r="Z1835" s="10" t="s">
        <v>22</v>
      </c>
    </row>
    <row r="1836" spans="1:26" ht="24" customHeight="1" x14ac:dyDescent="0.2">
      <c r="A1836" s="9" t="s">
        <v>19092</v>
      </c>
      <c r="B1836" s="9" t="s">
        <v>14</v>
      </c>
      <c r="C1836" s="9" t="s">
        <v>8785</v>
      </c>
      <c r="D1836" s="6" t="s">
        <v>8786</v>
      </c>
      <c r="E1836" s="22">
        <v>45109</v>
      </c>
      <c r="F1836" s="22">
        <v>46935</v>
      </c>
      <c r="G1836" s="6" t="s">
        <v>8787</v>
      </c>
      <c r="H1836" s="6" t="s">
        <v>62</v>
      </c>
      <c r="I1836" s="6" t="s">
        <v>73</v>
      </c>
      <c r="J1836" s="6" t="s">
        <v>8788</v>
      </c>
      <c r="K1836" s="9" t="s">
        <v>8789</v>
      </c>
      <c r="L1836" s="10" t="s">
        <v>22</v>
      </c>
      <c r="M1836" s="10" t="s">
        <v>22</v>
      </c>
      <c r="N1836" s="10" t="s">
        <v>22</v>
      </c>
      <c r="O1836" s="10" t="s">
        <v>22</v>
      </c>
      <c r="P1836" s="10" t="s">
        <v>22</v>
      </c>
      <c r="Q1836" s="10" t="s">
        <v>22</v>
      </c>
      <c r="R1836" s="10" t="s">
        <v>22</v>
      </c>
      <c r="S1836" s="10" t="s">
        <v>22</v>
      </c>
      <c r="T1836" s="10" t="s">
        <v>22</v>
      </c>
      <c r="U1836" s="10" t="s">
        <v>22</v>
      </c>
      <c r="V1836" s="10" t="s">
        <v>22</v>
      </c>
      <c r="W1836" s="10" t="s">
        <v>22</v>
      </c>
      <c r="X1836" s="10" t="s">
        <v>22</v>
      </c>
      <c r="Y1836" s="10" t="s">
        <v>22</v>
      </c>
      <c r="Z1836" s="10" t="s">
        <v>22</v>
      </c>
    </row>
    <row r="1837" spans="1:26" ht="24" customHeight="1" x14ac:dyDescent="0.2">
      <c r="A1837" s="9" t="s">
        <v>19093</v>
      </c>
      <c r="B1837" s="9" t="s">
        <v>14</v>
      </c>
      <c r="C1837" s="9" t="s">
        <v>8790</v>
      </c>
      <c r="D1837" s="6" t="s">
        <v>8791</v>
      </c>
      <c r="E1837" s="22">
        <v>45120</v>
      </c>
      <c r="F1837" s="22">
        <v>46946</v>
      </c>
      <c r="G1837" s="6" t="s">
        <v>8792</v>
      </c>
      <c r="H1837" s="6" t="s">
        <v>1625</v>
      </c>
      <c r="I1837" s="6" t="s">
        <v>3516</v>
      </c>
      <c r="J1837" s="6" t="s">
        <v>8793</v>
      </c>
      <c r="K1837" s="9" t="s">
        <v>8794</v>
      </c>
      <c r="L1837" s="10" t="s">
        <v>22</v>
      </c>
      <c r="M1837" s="10" t="s">
        <v>22</v>
      </c>
      <c r="N1837" s="10" t="s">
        <v>22</v>
      </c>
      <c r="O1837" s="10" t="s">
        <v>22</v>
      </c>
      <c r="P1837" s="10" t="s">
        <v>22</v>
      </c>
      <c r="Q1837" s="10" t="s">
        <v>22</v>
      </c>
      <c r="R1837" s="10" t="s">
        <v>22</v>
      </c>
      <c r="S1837" s="10" t="s">
        <v>22</v>
      </c>
      <c r="T1837" s="10" t="s">
        <v>22</v>
      </c>
      <c r="U1837" s="10" t="s">
        <v>22</v>
      </c>
      <c r="V1837" s="10" t="s">
        <v>22</v>
      </c>
      <c r="W1837" s="10" t="s">
        <v>22</v>
      </c>
      <c r="X1837" s="10" t="s">
        <v>22</v>
      </c>
      <c r="Y1837" s="10" t="s">
        <v>22</v>
      </c>
      <c r="Z1837" s="10" t="s">
        <v>22</v>
      </c>
    </row>
    <row r="1838" spans="1:26" ht="24" customHeight="1" x14ac:dyDescent="0.2">
      <c r="A1838" s="9" t="s">
        <v>19094</v>
      </c>
      <c r="B1838" s="9" t="s">
        <v>14</v>
      </c>
      <c r="C1838" s="9" t="s">
        <v>8795</v>
      </c>
      <c r="D1838" s="6" t="s">
        <v>8796</v>
      </c>
      <c r="E1838" s="22">
        <v>45120</v>
      </c>
      <c r="F1838" s="22">
        <v>46946</v>
      </c>
      <c r="G1838" s="6" t="s">
        <v>8797</v>
      </c>
      <c r="H1838" s="6" t="s">
        <v>2368</v>
      </c>
      <c r="I1838" s="6" t="s">
        <v>2710</v>
      </c>
      <c r="J1838" s="6" t="s">
        <v>8798</v>
      </c>
      <c r="K1838" s="9" t="s">
        <v>8799</v>
      </c>
      <c r="L1838" s="10" t="s">
        <v>22</v>
      </c>
      <c r="M1838" s="10" t="s">
        <v>22</v>
      </c>
      <c r="N1838" s="10" t="s">
        <v>22</v>
      </c>
      <c r="O1838" s="10" t="s">
        <v>22</v>
      </c>
      <c r="P1838" s="10" t="s">
        <v>22</v>
      </c>
      <c r="Q1838" s="10" t="s">
        <v>22</v>
      </c>
      <c r="R1838" s="10" t="s">
        <v>22</v>
      </c>
      <c r="S1838" s="10" t="s">
        <v>22</v>
      </c>
      <c r="T1838" s="10" t="s">
        <v>22</v>
      </c>
      <c r="U1838" s="10" t="s">
        <v>22</v>
      </c>
      <c r="V1838" s="10" t="s">
        <v>22</v>
      </c>
      <c r="W1838" s="10" t="s">
        <v>22</v>
      </c>
      <c r="X1838" s="10" t="s">
        <v>22</v>
      </c>
      <c r="Y1838" s="10" t="s">
        <v>22</v>
      </c>
      <c r="Z1838" s="10" t="s">
        <v>22</v>
      </c>
    </row>
    <row r="1839" spans="1:26" ht="24" customHeight="1" x14ac:dyDescent="0.2">
      <c r="A1839" s="9" t="s">
        <v>19095</v>
      </c>
      <c r="B1839" s="9" t="s">
        <v>14</v>
      </c>
      <c r="C1839" s="9" t="s">
        <v>8800</v>
      </c>
      <c r="D1839" s="6" t="s">
        <v>8801</v>
      </c>
      <c r="E1839" s="22">
        <v>45127</v>
      </c>
      <c r="F1839" s="22">
        <v>46953</v>
      </c>
      <c r="G1839" s="6" t="s">
        <v>8802</v>
      </c>
      <c r="H1839" s="6" t="s">
        <v>62</v>
      </c>
      <c r="I1839" s="6" t="s">
        <v>493</v>
      </c>
      <c r="J1839" s="6" t="s">
        <v>8803</v>
      </c>
      <c r="K1839" s="9" t="s">
        <v>8804</v>
      </c>
      <c r="L1839" s="10" t="s">
        <v>22</v>
      </c>
      <c r="M1839" s="10" t="s">
        <v>22</v>
      </c>
      <c r="N1839" s="10" t="s">
        <v>22</v>
      </c>
      <c r="O1839" s="10" t="s">
        <v>22</v>
      </c>
      <c r="P1839" s="10" t="s">
        <v>22</v>
      </c>
      <c r="Q1839" s="10" t="s">
        <v>22</v>
      </c>
      <c r="R1839" s="10" t="s">
        <v>22</v>
      </c>
      <c r="S1839" s="10" t="s">
        <v>22</v>
      </c>
      <c r="T1839" s="10" t="s">
        <v>22</v>
      </c>
      <c r="U1839" s="10" t="s">
        <v>22</v>
      </c>
      <c r="V1839" s="10" t="s">
        <v>22</v>
      </c>
      <c r="W1839" s="10" t="s">
        <v>22</v>
      </c>
      <c r="X1839" s="10" t="s">
        <v>22</v>
      </c>
      <c r="Y1839" s="10" t="s">
        <v>22</v>
      </c>
      <c r="Z1839" s="10" t="s">
        <v>22</v>
      </c>
    </row>
    <row r="1840" spans="1:26" ht="24" customHeight="1" x14ac:dyDescent="0.2">
      <c r="A1840" s="9" t="s">
        <v>19096</v>
      </c>
      <c r="B1840" s="9" t="s">
        <v>14</v>
      </c>
      <c r="C1840" s="9" t="s">
        <v>8805</v>
      </c>
      <c r="D1840" s="6" t="s">
        <v>8806</v>
      </c>
      <c r="E1840" s="22">
        <v>45133</v>
      </c>
      <c r="F1840" s="22">
        <v>46959</v>
      </c>
      <c r="G1840" s="6" t="s">
        <v>8807</v>
      </c>
      <c r="H1840" s="6" t="s">
        <v>18</v>
      </c>
      <c r="I1840" s="6" t="s">
        <v>26</v>
      </c>
      <c r="J1840" s="6" t="s">
        <v>8808</v>
      </c>
      <c r="K1840" s="9" t="s">
        <v>8809</v>
      </c>
      <c r="M1840" s="10" t="s">
        <v>22</v>
      </c>
      <c r="N1840" s="10" t="s">
        <v>22</v>
      </c>
      <c r="V1840" s="10" t="s">
        <v>22</v>
      </c>
      <c r="W1840" s="10" t="s">
        <v>22</v>
      </c>
    </row>
    <row r="1841" spans="1:26" ht="24" customHeight="1" x14ac:dyDescent="0.2">
      <c r="A1841" s="9" t="s">
        <v>19097</v>
      </c>
      <c r="B1841" s="9" t="s">
        <v>14</v>
      </c>
      <c r="C1841" s="9" t="s">
        <v>8810</v>
      </c>
      <c r="D1841" s="6" t="s">
        <v>8811</v>
      </c>
      <c r="E1841" s="22">
        <v>45140</v>
      </c>
      <c r="F1841" s="22">
        <v>46966</v>
      </c>
      <c r="G1841" s="6" t="s">
        <v>8812</v>
      </c>
      <c r="H1841" s="6" t="s">
        <v>18</v>
      </c>
      <c r="I1841" s="6" t="s">
        <v>26</v>
      </c>
      <c r="J1841" s="6" t="s">
        <v>8813</v>
      </c>
      <c r="K1841" s="9" t="s">
        <v>8814</v>
      </c>
      <c r="L1841" s="10" t="s">
        <v>22</v>
      </c>
      <c r="M1841" s="10" t="s">
        <v>22</v>
      </c>
      <c r="N1841" s="10" t="s">
        <v>22</v>
      </c>
      <c r="O1841" s="10" t="s">
        <v>22</v>
      </c>
      <c r="P1841" s="10" t="s">
        <v>22</v>
      </c>
      <c r="Q1841" s="10" t="s">
        <v>22</v>
      </c>
      <c r="R1841" s="10" t="s">
        <v>22</v>
      </c>
      <c r="S1841" s="10" t="s">
        <v>22</v>
      </c>
      <c r="T1841" s="10" t="s">
        <v>22</v>
      </c>
      <c r="U1841" s="10" t="s">
        <v>22</v>
      </c>
      <c r="V1841" s="10" t="s">
        <v>22</v>
      </c>
      <c r="W1841" s="10" t="s">
        <v>22</v>
      </c>
      <c r="X1841" s="10" t="s">
        <v>22</v>
      </c>
      <c r="Y1841" s="10" t="s">
        <v>22</v>
      </c>
      <c r="Z1841" s="10" t="s">
        <v>22</v>
      </c>
    </row>
    <row r="1842" spans="1:26" ht="24" customHeight="1" x14ac:dyDescent="0.2">
      <c r="A1842" s="9" t="s">
        <v>19098</v>
      </c>
      <c r="B1842" s="9" t="s">
        <v>14</v>
      </c>
      <c r="C1842" s="9" t="s">
        <v>8815</v>
      </c>
      <c r="D1842" s="6" t="s">
        <v>8816</v>
      </c>
      <c r="E1842" s="22">
        <v>45147</v>
      </c>
      <c r="F1842" s="22">
        <v>46973</v>
      </c>
      <c r="G1842" s="6" t="s">
        <v>8817</v>
      </c>
      <c r="H1842" s="6" t="s">
        <v>202</v>
      </c>
      <c r="I1842" s="6" t="s">
        <v>336</v>
      </c>
      <c r="J1842" s="6" t="s">
        <v>8818</v>
      </c>
      <c r="K1842" s="9" t="s">
        <v>8819</v>
      </c>
      <c r="L1842" s="10" t="s">
        <v>22</v>
      </c>
      <c r="M1842" s="10" t="s">
        <v>22</v>
      </c>
      <c r="N1842" s="10" t="s">
        <v>22</v>
      </c>
      <c r="O1842" s="10" t="s">
        <v>22</v>
      </c>
      <c r="P1842" s="10" t="s">
        <v>22</v>
      </c>
      <c r="Q1842" s="10" t="s">
        <v>22</v>
      </c>
      <c r="R1842" s="10" t="s">
        <v>22</v>
      </c>
      <c r="S1842" s="10" t="s">
        <v>22</v>
      </c>
      <c r="T1842" s="10" t="s">
        <v>22</v>
      </c>
      <c r="U1842" s="10" t="s">
        <v>22</v>
      </c>
      <c r="V1842" s="10" t="s">
        <v>22</v>
      </c>
      <c r="W1842" s="10" t="s">
        <v>22</v>
      </c>
      <c r="X1842" s="10" t="s">
        <v>22</v>
      </c>
      <c r="Y1842" s="10" t="s">
        <v>22</v>
      </c>
      <c r="Z1842" s="10" t="s">
        <v>22</v>
      </c>
    </row>
    <row r="1843" spans="1:26" ht="24" customHeight="1" x14ac:dyDescent="0.2">
      <c r="A1843" s="9" t="s">
        <v>19099</v>
      </c>
      <c r="B1843" s="9" t="s">
        <v>14</v>
      </c>
      <c r="C1843" s="9" t="s">
        <v>8820</v>
      </c>
      <c r="D1843" s="6" t="s">
        <v>8821</v>
      </c>
      <c r="E1843" s="22">
        <v>45153</v>
      </c>
      <c r="F1843" s="22">
        <v>46979</v>
      </c>
      <c r="G1843" s="6" t="s">
        <v>8822</v>
      </c>
      <c r="H1843" s="6" t="s">
        <v>62</v>
      </c>
      <c r="I1843" s="6" t="s">
        <v>352</v>
      </c>
      <c r="J1843" s="6" t="s">
        <v>8823</v>
      </c>
      <c r="K1843" s="9" t="s">
        <v>8824</v>
      </c>
      <c r="L1843" s="10" t="s">
        <v>22</v>
      </c>
      <c r="M1843" s="10" t="s">
        <v>22</v>
      </c>
      <c r="N1843" s="10" t="s">
        <v>22</v>
      </c>
      <c r="O1843" s="10" t="s">
        <v>22</v>
      </c>
      <c r="P1843" s="10" t="s">
        <v>22</v>
      </c>
      <c r="Q1843" s="10" t="s">
        <v>22</v>
      </c>
      <c r="R1843" s="10" t="s">
        <v>22</v>
      </c>
      <c r="S1843" s="10" t="s">
        <v>22</v>
      </c>
      <c r="T1843" s="10" t="s">
        <v>22</v>
      </c>
      <c r="U1843" s="10" t="s">
        <v>22</v>
      </c>
      <c r="V1843" s="10" t="s">
        <v>22</v>
      </c>
      <c r="W1843" s="10" t="s">
        <v>22</v>
      </c>
      <c r="X1843" s="10" t="s">
        <v>22</v>
      </c>
      <c r="Y1843" s="10" t="s">
        <v>22</v>
      </c>
      <c r="Z1843" s="10" t="s">
        <v>22</v>
      </c>
    </row>
    <row r="1844" spans="1:26" ht="24" customHeight="1" x14ac:dyDescent="0.2">
      <c r="A1844" s="9" t="s">
        <v>19100</v>
      </c>
      <c r="B1844" s="9" t="s">
        <v>14</v>
      </c>
      <c r="C1844" s="9" t="s">
        <v>8825</v>
      </c>
      <c r="D1844" s="6" t="s">
        <v>8826</v>
      </c>
      <c r="E1844" s="22">
        <v>45153</v>
      </c>
      <c r="F1844" s="22">
        <v>46979</v>
      </c>
      <c r="G1844" s="6" t="s">
        <v>8827</v>
      </c>
      <c r="H1844" s="6" t="s">
        <v>18</v>
      </c>
      <c r="I1844" s="6" t="s">
        <v>19</v>
      </c>
      <c r="J1844" s="6" t="s">
        <v>8828</v>
      </c>
      <c r="K1844" s="9" t="s">
        <v>8829</v>
      </c>
      <c r="L1844" s="10" t="s">
        <v>22</v>
      </c>
      <c r="M1844" s="10" t="s">
        <v>22</v>
      </c>
      <c r="N1844" s="10" t="s">
        <v>22</v>
      </c>
      <c r="O1844" s="10" t="s">
        <v>22</v>
      </c>
      <c r="P1844" s="10" t="s">
        <v>22</v>
      </c>
      <c r="Q1844" s="10" t="s">
        <v>22</v>
      </c>
      <c r="R1844" s="10" t="s">
        <v>22</v>
      </c>
      <c r="S1844" s="10" t="s">
        <v>22</v>
      </c>
      <c r="T1844" s="10" t="s">
        <v>22</v>
      </c>
      <c r="U1844" s="10" t="s">
        <v>22</v>
      </c>
      <c r="V1844" s="10" t="s">
        <v>22</v>
      </c>
      <c r="W1844" s="10" t="s">
        <v>22</v>
      </c>
      <c r="X1844" s="10" t="s">
        <v>22</v>
      </c>
      <c r="Y1844" s="10" t="s">
        <v>22</v>
      </c>
      <c r="Z1844" s="10" t="s">
        <v>22</v>
      </c>
    </row>
    <row r="1845" spans="1:26" ht="24" customHeight="1" x14ac:dyDescent="0.2">
      <c r="A1845" s="9" t="s">
        <v>19101</v>
      </c>
      <c r="B1845" s="9" t="s">
        <v>14</v>
      </c>
      <c r="C1845" s="9" t="s">
        <v>8830</v>
      </c>
      <c r="D1845" s="6" t="s">
        <v>8831</v>
      </c>
      <c r="E1845" s="22">
        <v>45160</v>
      </c>
      <c r="F1845" s="22">
        <v>46986</v>
      </c>
      <c r="G1845" s="6" t="s">
        <v>8832</v>
      </c>
      <c r="H1845" s="6" t="s">
        <v>62</v>
      </c>
      <c r="I1845" s="6" t="s">
        <v>994</v>
      </c>
      <c r="J1845" s="6" t="s">
        <v>8833</v>
      </c>
      <c r="K1845" s="9" t="s">
        <v>8834</v>
      </c>
      <c r="L1845" s="10" t="s">
        <v>22</v>
      </c>
      <c r="M1845" s="10" t="s">
        <v>22</v>
      </c>
      <c r="N1845" s="10" t="s">
        <v>22</v>
      </c>
      <c r="O1845" s="10" t="s">
        <v>22</v>
      </c>
      <c r="P1845" s="10" t="s">
        <v>22</v>
      </c>
      <c r="Q1845" s="10" t="s">
        <v>22</v>
      </c>
      <c r="R1845" s="10" t="s">
        <v>22</v>
      </c>
      <c r="S1845" s="10" t="s">
        <v>22</v>
      </c>
      <c r="T1845" s="10" t="s">
        <v>22</v>
      </c>
      <c r="U1845" s="10" t="s">
        <v>22</v>
      </c>
      <c r="V1845" s="10" t="s">
        <v>22</v>
      </c>
      <c r="W1845" s="10" t="s">
        <v>22</v>
      </c>
      <c r="X1845" s="10" t="s">
        <v>22</v>
      </c>
      <c r="Y1845" s="10" t="s">
        <v>22</v>
      </c>
      <c r="Z1845" s="10" t="s">
        <v>22</v>
      </c>
    </row>
    <row r="1846" spans="1:26" ht="24" customHeight="1" x14ac:dyDescent="0.2">
      <c r="A1846" s="9" t="s">
        <v>19102</v>
      </c>
      <c r="B1846" s="9" t="s">
        <v>14</v>
      </c>
      <c r="C1846" s="9" t="s">
        <v>8835</v>
      </c>
      <c r="D1846" s="6" t="s">
        <v>8836</v>
      </c>
      <c r="E1846" s="22">
        <v>45165</v>
      </c>
      <c r="F1846" s="22">
        <v>46991</v>
      </c>
      <c r="G1846" s="6" t="s">
        <v>8837</v>
      </c>
      <c r="H1846" s="6" t="s">
        <v>202</v>
      </c>
      <c r="I1846" s="6" t="s">
        <v>873</v>
      </c>
      <c r="J1846" s="6" t="s">
        <v>8838</v>
      </c>
      <c r="K1846" s="9" t="s">
        <v>8839</v>
      </c>
      <c r="M1846" s="10" t="s">
        <v>22</v>
      </c>
      <c r="N1846" s="10" t="s">
        <v>22</v>
      </c>
      <c r="P1846" s="10" t="s">
        <v>22</v>
      </c>
      <c r="Q1846" s="10" t="s">
        <v>22</v>
      </c>
      <c r="S1846" s="10" t="s">
        <v>22</v>
      </c>
      <c r="T1846" s="10" t="s">
        <v>22</v>
      </c>
      <c r="V1846" s="10" t="s">
        <v>22</v>
      </c>
      <c r="W1846" s="10" t="s">
        <v>22</v>
      </c>
      <c r="Y1846" s="10" t="s">
        <v>22</v>
      </c>
      <c r="Z1846" s="10" t="s">
        <v>22</v>
      </c>
    </row>
    <row r="1847" spans="1:26" ht="24" customHeight="1" x14ac:dyDescent="0.2">
      <c r="A1847" s="9" t="s">
        <v>19103</v>
      </c>
      <c r="B1847" s="9" t="s">
        <v>14</v>
      </c>
      <c r="C1847" s="9" t="s">
        <v>8840</v>
      </c>
      <c r="D1847" s="6" t="s">
        <v>8841</v>
      </c>
      <c r="E1847" s="22">
        <v>45165</v>
      </c>
      <c r="F1847" s="22">
        <v>46991</v>
      </c>
      <c r="G1847" s="6" t="s">
        <v>8842</v>
      </c>
      <c r="H1847" s="6" t="s">
        <v>1047</v>
      </c>
      <c r="I1847" s="6" t="s">
        <v>1048</v>
      </c>
      <c r="J1847" s="6" t="s">
        <v>8843</v>
      </c>
      <c r="K1847" s="9" t="s">
        <v>8844</v>
      </c>
      <c r="L1847" s="10" t="s">
        <v>22</v>
      </c>
      <c r="M1847" s="10" t="s">
        <v>22</v>
      </c>
      <c r="N1847" s="10" t="s">
        <v>22</v>
      </c>
      <c r="O1847" s="10" t="s">
        <v>22</v>
      </c>
      <c r="P1847" s="10" t="s">
        <v>22</v>
      </c>
      <c r="Q1847" s="10" t="s">
        <v>22</v>
      </c>
      <c r="R1847" s="10" t="s">
        <v>22</v>
      </c>
      <c r="S1847" s="10" t="s">
        <v>22</v>
      </c>
      <c r="T1847" s="10" t="s">
        <v>22</v>
      </c>
      <c r="U1847" s="10" t="s">
        <v>22</v>
      </c>
      <c r="V1847" s="10" t="s">
        <v>22</v>
      </c>
      <c r="W1847" s="10" t="s">
        <v>22</v>
      </c>
      <c r="X1847" s="10" t="s">
        <v>22</v>
      </c>
      <c r="Y1847" s="10" t="s">
        <v>22</v>
      </c>
      <c r="Z1847" s="10" t="s">
        <v>22</v>
      </c>
    </row>
    <row r="1848" spans="1:26" ht="24" customHeight="1" x14ac:dyDescent="0.2">
      <c r="A1848" s="9" t="s">
        <v>19104</v>
      </c>
      <c r="B1848" s="9" t="s">
        <v>14</v>
      </c>
      <c r="C1848" s="9" t="s">
        <v>8845</v>
      </c>
      <c r="D1848" s="6" t="s">
        <v>8846</v>
      </c>
      <c r="E1848" s="22">
        <v>45173</v>
      </c>
      <c r="F1848" s="22">
        <v>46999</v>
      </c>
      <c r="G1848" s="6" t="s">
        <v>8847</v>
      </c>
      <c r="H1848" s="6" t="s">
        <v>18</v>
      </c>
      <c r="I1848" s="6" t="s">
        <v>26</v>
      </c>
      <c r="J1848" s="6" t="s">
        <v>8848</v>
      </c>
      <c r="K1848" s="9" t="s">
        <v>8849</v>
      </c>
      <c r="L1848" s="10" t="s">
        <v>22</v>
      </c>
      <c r="M1848" s="10" t="s">
        <v>22</v>
      </c>
      <c r="N1848" s="10" t="s">
        <v>22</v>
      </c>
      <c r="U1848" s="10" t="s">
        <v>22</v>
      </c>
      <c r="V1848" s="10" t="s">
        <v>22</v>
      </c>
      <c r="W1848" s="10" t="s">
        <v>22</v>
      </c>
    </row>
    <row r="1849" spans="1:26" ht="24" customHeight="1" x14ac:dyDescent="0.2">
      <c r="A1849" s="9" t="s">
        <v>19105</v>
      </c>
      <c r="B1849" s="9" t="s">
        <v>14</v>
      </c>
      <c r="C1849" s="9" t="s">
        <v>8850</v>
      </c>
      <c r="D1849" s="6" t="s">
        <v>8851</v>
      </c>
      <c r="E1849" s="22">
        <v>45189</v>
      </c>
      <c r="F1849" s="22">
        <v>47015</v>
      </c>
      <c r="G1849" s="6" t="s">
        <v>8852</v>
      </c>
      <c r="H1849" s="6" t="s">
        <v>229</v>
      </c>
      <c r="I1849" s="6" t="s">
        <v>324</v>
      </c>
      <c r="J1849" s="6" t="s">
        <v>8853</v>
      </c>
      <c r="K1849" s="9" t="s">
        <v>8854</v>
      </c>
      <c r="L1849" s="10" t="s">
        <v>22</v>
      </c>
      <c r="M1849" s="10" t="s">
        <v>22</v>
      </c>
      <c r="N1849" s="10" t="s">
        <v>22</v>
      </c>
      <c r="O1849" s="10" t="s">
        <v>22</v>
      </c>
      <c r="P1849" s="10" t="s">
        <v>22</v>
      </c>
      <c r="Q1849" s="10" t="s">
        <v>22</v>
      </c>
      <c r="R1849" s="10" t="s">
        <v>22</v>
      </c>
      <c r="S1849" s="10" t="s">
        <v>22</v>
      </c>
      <c r="T1849" s="10" t="s">
        <v>22</v>
      </c>
    </row>
    <row r="1850" spans="1:26" ht="24" customHeight="1" x14ac:dyDescent="0.2">
      <c r="A1850" s="9" t="s">
        <v>19106</v>
      </c>
      <c r="B1850" s="9" t="s">
        <v>14</v>
      </c>
      <c r="C1850" s="9" t="s">
        <v>8855</v>
      </c>
      <c r="D1850" s="6" t="s">
        <v>8856</v>
      </c>
      <c r="E1850" s="22">
        <v>45173</v>
      </c>
      <c r="F1850" s="22">
        <v>46999</v>
      </c>
      <c r="G1850" s="6" t="s">
        <v>8857</v>
      </c>
      <c r="H1850" s="6" t="s">
        <v>202</v>
      </c>
      <c r="I1850" s="6" t="s">
        <v>5138</v>
      </c>
      <c r="J1850" s="6" t="s">
        <v>8858</v>
      </c>
      <c r="K1850" s="9" t="s">
        <v>8859</v>
      </c>
      <c r="L1850" s="10" t="s">
        <v>22</v>
      </c>
      <c r="M1850" s="10" t="s">
        <v>22</v>
      </c>
      <c r="N1850" s="10" t="s">
        <v>22</v>
      </c>
      <c r="O1850" s="10" t="s">
        <v>22</v>
      </c>
      <c r="P1850" s="10" t="s">
        <v>22</v>
      </c>
      <c r="Q1850" s="10" t="s">
        <v>22</v>
      </c>
      <c r="R1850" s="10" t="s">
        <v>22</v>
      </c>
      <c r="S1850" s="10" t="s">
        <v>22</v>
      </c>
      <c r="T1850" s="10" t="s">
        <v>22</v>
      </c>
      <c r="U1850" s="10" t="s">
        <v>22</v>
      </c>
      <c r="V1850" s="10" t="s">
        <v>22</v>
      </c>
      <c r="W1850" s="10" t="s">
        <v>22</v>
      </c>
      <c r="X1850" s="10" t="s">
        <v>22</v>
      </c>
      <c r="Y1850" s="10" t="s">
        <v>22</v>
      </c>
      <c r="Z1850" s="10" t="s">
        <v>22</v>
      </c>
    </row>
    <row r="1851" spans="1:26" ht="24" customHeight="1" x14ac:dyDescent="0.2">
      <c r="A1851" s="9" t="s">
        <v>19107</v>
      </c>
      <c r="B1851" s="9" t="s">
        <v>14</v>
      </c>
      <c r="C1851" s="9" t="s">
        <v>8860</v>
      </c>
      <c r="D1851" s="6" t="s">
        <v>8861</v>
      </c>
      <c r="E1851" s="22">
        <v>45175</v>
      </c>
      <c r="F1851" s="22">
        <v>47001</v>
      </c>
      <c r="G1851" s="6" t="s">
        <v>8861</v>
      </c>
      <c r="H1851" s="6" t="s">
        <v>3275</v>
      </c>
      <c r="I1851" s="6" t="s">
        <v>8862</v>
      </c>
      <c r="J1851" s="6" t="s">
        <v>8863</v>
      </c>
      <c r="K1851" s="9" t="s">
        <v>8864</v>
      </c>
      <c r="L1851" s="10" t="s">
        <v>22</v>
      </c>
      <c r="M1851" s="10" t="s">
        <v>22</v>
      </c>
      <c r="N1851" s="10" t="s">
        <v>22</v>
      </c>
      <c r="O1851" s="10" t="s">
        <v>22</v>
      </c>
      <c r="P1851" s="10" t="s">
        <v>22</v>
      </c>
      <c r="Q1851" s="10" t="s">
        <v>22</v>
      </c>
      <c r="U1851" s="10" t="s">
        <v>22</v>
      </c>
      <c r="V1851" s="10" t="s">
        <v>22</v>
      </c>
      <c r="W1851" s="10" t="s">
        <v>22</v>
      </c>
      <c r="X1851" s="10" t="s">
        <v>22</v>
      </c>
      <c r="Y1851" s="10" t="s">
        <v>22</v>
      </c>
      <c r="Z1851" s="10" t="s">
        <v>22</v>
      </c>
    </row>
    <row r="1852" spans="1:26" ht="24" customHeight="1" x14ac:dyDescent="0.2">
      <c r="A1852" s="9" t="s">
        <v>19108</v>
      </c>
      <c r="B1852" s="9" t="s">
        <v>14</v>
      </c>
      <c r="C1852" s="9" t="s">
        <v>8865</v>
      </c>
      <c r="D1852" s="6" t="s">
        <v>8866</v>
      </c>
      <c r="E1852" s="22">
        <v>45179</v>
      </c>
      <c r="F1852" s="22">
        <v>47005</v>
      </c>
      <c r="G1852" s="6" t="s">
        <v>8867</v>
      </c>
      <c r="H1852" s="6" t="s">
        <v>18</v>
      </c>
      <c r="I1852" s="6" t="s">
        <v>19</v>
      </c>
      <c r="J1852" s="6" t="s">
        <v>8868</v>
      </c>
      <c r="K1852" s="9" t="s">
        <v>8869</v>
      </c>
      <c r="L1852" s="10" t="s">
        <v>22</v>
      </c>
      <c r="M1852" s="10" t="s">
        <v>22</v>
      </c>
      <c r="N1852" s="10" t="s">
        <v>22</v>
      </c>
      <c r="O1852" s="10" t="s">
        <v>22</v>
      </c>
      <c r="P1852" s="10" t="s">
        <v>22</v>
      </c>
      <c r="Q1852" s="10" t="s">
        <v>22</v>
      </c>
      <c r="R1852" s="10" t="s">
        <v>22</v>
      </c>
      <c r="S1852" s="10" t="s">
        <v>22</v>
      </c>
      <c r="T1852" s="10" t="s">
        <v>22</v>
      </c>
      <c r="U1852" s="10" t="s">
        <v>22</v>
      </c>
      <c r="V1852" s="10" t="s">
        <v>22</v>
      </c>
      <c r="W1852" s="10" t="s">
        <v>22</v>
      </c>
      <c r="X1852" s="10" t="s">
        <v>22</v>
      </c>
      <c r="Y1852" s="10" t="s">
        <v>22</v>
      </c>
      <c r="Z1852" s="10" t="s">
        <v>22</v>
      </c>
    </row>
    <row r="1853" spans="1:26" ht="24" customHeight="1" x14ac:dyDescent="0.2">
      <c r="A1853" s="9" t="s">
        <v>19109</v>
      </c>
      <c r="B1853" s="9" t="s">
        <v>14</v>
      </c>
      <c r="C1853" s="9" t="s">
        <v>8870</v>
      </c>
      <c r="D1853" s="6" t="s">
        <v>8871</v>
      </c>
      <c r="E1853" s="22">
        <v>45182</v>
      </c>
      <c r="F1853" s="22">
        <v>47008</v>
      </c>
      <c r="G1853" s="6" t="s">
        <v>8872</v>
      </c>
      <c r="H1853" s="6" t="s">
        <v>62</v>
      </c>
      <c r="I1853" s="6" t="s">
        <v>994</v>
      </c>
      <c r="J1853" s="6" t="s">
        <v>8873</v>
      </c>
      <c r="K1853" s="9" t="s">
        <v>8874</v>
      </c>
      <c r="M1853" s="10" t="s">
        <v>22</v>
      </c>
      <c r="N1853" s="10" t="s">
        <v>22</v>
      </c>
      <c r="P1853" s="10" t="s">
        <v>22</v>
      </c>
      <c r="Q1853" s="10" t="s">
        <v>22</v>
      </c>
      <c r="S1853" s="10" t="s">
        <v>22</v>
      </c>
      <c r="T1853" s="10" t="s">
        <v>22</v>
      </c>
      <c r="V1853" s="10" t="s">
        <v>22</v>
      </c>
      <c r="W1853" s="10" t="s">
        <v>22</v>
      </c>
      <c r="Y1853" s="10" t="s">
        <v>22</v>
      </c>
      <c r="Z1853" s="10" t="s">
        <v>22</v>
      </c>
    </row>
    <row r="1854" spans="1:26" ht="24" customHeight="1" x14ac:dyDescent="0.2">
      <c r="A1854" s="9" t="s">
        <v>19110</v>
      </c>
      <c r="B1854" s="9" t="s">
        <v>14</v>
      </c>
      <c r="C1854" s="9" t="s">
        <v>8875</v>
      </c>
      <c r="D1854" s="6" t="s">
        <v>8876</v>
      </c>
      <c r="E1854" s="22">
        <v>45188</v>
      </c>
      <c r="F1854" s="22">
        <v>47014</v>
      </c>
      <c r="G1854" s="6" t="s">
        <v>8877</v>
      </c>
      <c r="H1854" s="6" t="s">
        <v>202</v>
      </c>
      <c r="I1854" s="6" t="s">
        <v>863</v>
      </c>
      <c r="J1854" s="6" t="s">
        <v>8878</v>
      </c>
      <c r="K1854" s="9" t="s">
        <v>8879</v>
      </c>
      <c r="L1854" s="10" t="s">
        <v>22</v>
      </c>
      <c r="M1854" s="10" t="s">
        <v>22</v>
      </c>
      <c r="N1854" s="10" t="s">
        <v>22</v>
      </c>
      <c r="O1854" s="10" t="s">
        <v>22</v>
      </c>
      <c r="P1854" s="10" t="s">
        <v>22</v>
      </c>
      <c r="Q1854" s="10" t="s">
        <v>22</v>
      </c>
      <c r="R1854" s="10" t="s">
        <v>22</v>
      </c>
      <c r="S1854" s="10" t="s">
        <v>22</v>
      </c>
      <c r="T1854" s="10" t="s">
        <v>22</v>
      </c>
      <c r="U1854" s="10" t="s">
        <v>22</v>
      </c>
      <c r="V1854" s="10" t="s">
        <v>22</v>
      </c>
      <c r="W1854" s="10" t="s">
        <v>22</v>
      </c>
      <c r="X1854" s="10" t="s">
        <v>22</v>
      </c>
      <c r="Y1854" s="10" t="s">
        <v>22</v>
      </c>
      <c r="Z1854" s="10" t="s">
        <v>22</v>
      </c>
    </row>
    <row r="1855" spans="1:26" ht="24" customHeight="1" x14ac:dyDescent="0.2">
      <c r="A1855" s="9" t="s">
        <v>19111</v>
      </c>
      <c r="B1855" s="9" t="s">
        <v>14</v>
      </c>
      <c r="C1855" s="9" t="s">
        <v>8880</v>
      </c>
      <c r="D1855" s="6" t="s">
        <v>8881</v>
      </c>
      <c r="E1855" s="22">
        <v>45188</v>
      </c>
      <c r="F1855" s="22">
        <v>47014</v>
      </c>
      <c r="G1855" s="6" t="s">
        <v>8882</v>
      </c>
      <c r="H1855" s="6" t="s">
        <v>62</v>
      </c>
      <c r="I1855" s="6" t="s">
        <v>312</v>
      </c>
      <c r="J1855" s="6" t="s">
        <v>8883</v>
      </c>
      <c r="K1855" s="9" t="s">
        <v>8884</v>
      </c>
      <c r="L1855" s="10" t="s">
        <v>22</v>
      </c>
      <c r="M1855" s="10" t="s">
        <v>22</v>
      </c>
      <c r="N1855" s="10" t="s">
        <v>22</v>
      </c>
      <c r="O1855" s="10" t="s">
        <v>22</v>
      </c>
      <c r="P1855" s="10" t="s">
        <v>22</v>
      </c>
      <c r="Q1855" s="10" t="s">
        <v>22</v>
      </c>
      <c r="R1855" s="10" t="s">
        <v>22</v>
      </c>
      <c r="S1855" s="10" t="s">
        <v>22</v>
      </c>
      <c r="T1855" s="10" t="s">
        <v>22</v>
      </c>
      <c r="U1855" s="10" t="s">
        <v>22</v>
      </c>
      <c r="V1855" s="10" t="s">
        <v>22</v>
      </c>
      <c r="W1855" s="10" t="s">
        <v>22</v>
      </c>
      <c r="X1855" s="10" t="s">
        <v>22</v>
      </c>
      <c r="Y1855" s="10" t="s">
        <v>22</v>
      </c>
      <c r="Z1855" s="10" t="s">
        <v>22</v>
      </c>
    </row>
    <row r="1856" spans="1:26" ht="24" customHeight="1" x14ac:dyDescent="0.2">
      <c r="A1856" s="9" t="s">
        <v>19112</v>
      </c>
      <c r="B1856" s="9" t="s">
        <v>14</v>
      </c>
      <c r="C1856" s="9" t="s">
        <v>8885</v>
      </c>
      <c r="D1856" s="6" t="s">
        <v>8886</v>
      </c>
      <c r="E1856" s="22">
        <v>45200</v>
      </c>
      <c r="F1856" s="22">
        <v>47026</v>
      </c>
      <c r="G1856" s="6" t="s">
        <v>8887</v>
      </c>
      <c r="H1856" s="6" t="s">
        <v>363</v>
      </c>
      <c r="I1856" s="6" t="s">
        <v>597</v>
      </c>
      <c r="J1856" s="6" t="s">
        <v>8888</v>
      </c>
      <c r="K1856" s="9" t="s">
        <v>8889</v>
      </c>
      <c r="L1856" s="10" t="s">
        <v>22</v>
      </c>
      <c r="M1856" s="10" t="s">
        <v>22</v>
      </c>
      <c r="N1856" s="10" t="s">
        <v>22</v>
      </c>
      <c r="O1856" s="10" t="s">
        <v>22</v>
      </c>
      <c r="P1856" s="10" t="s">
        <v>22</v>
      </c>
      <c r="Q1856" s="10" t="s">
        <v>22</v>
      </c>
      <c r="R1856" s="10" t="s">
        <v>22</v>
      </c>
      <c r="S1856" s="10" t="s">
        <v>22</v>
      </c>
      <c r="T1856" s="10" t="s">
        <v>22</v>
      </c>
      <c r="U1856" s="10" t="s">
        <v>22</v>
      </c>
      <c r="V1856" s="10" t="s">
        <v>22</v>
      </c>
      <c r="W1856" s="10" t="s">
        <v>22</v>
      </c>
      <c r="X1856" s="10" t="s">
        <v>22</v>
      </c>
      <c r="Y1856" s="10" t="s">
        <v>22</v>
      </c>
      <c r="Z1856" s="10" t="s">
        <v>22</v>
      </c>
    </row>
    <row r="1857" spans="1:26" ht="24" customHeight="1" x14ac:dyDescent="0.2">
      <c r="A1857" s="9" t="s">
        <v>19113</v>
      </c>
      <c r="B1857" s="9" t="s">
        <v>14</v>
      </c>
      <c r="C1857" s="9" t="s">
        <v>8885</v>
      </c>
      <c r="D1857" s="6" t="s">
        <v>8886</v>
      </c>
      <c r="E1857" s="22">
        <v>45200</v>
      </c>
      <c r="F1857" s="22">
        <v>47026</v>
      </c>
      <c r="G1857" s="6" t="s">
        <v>8890</v>
      </c>
      <c r="H1857" s="6" t="s">
        <v>363</v>
      </c>
      <c r="I1857" s="6" t="s">
        <v>597</v>
      </c>
      <c r="J1857" s="6" t="s">
        <v>8891</v>
      </c>
      <c r="K1857" s="9" t="s">
        <v>8892</v>
      </c>
      <c r="L1857" s="10" t="s">
        <v>22</v>
      </c>
      <c r="M1857" s="10" t="s">
        <v>22</v>
      </c>
      <c r="N1857" s="10" t="s">
        <v>22</v>
      </c>
      <c r="O1857" s="10" t="s">
        <v>22</v>
      </c>
      <c r="P1857" s="10" t="s">
        <v>22</v>
      </c>
      <c r="Q1857" s="10" t="s">
        <v>22</v>
      </c>
      <c r="R1857" s="10" t="s">
        <v>22</v>
      </c>
      <c r="S1857" s="10" t="s">
        <v>22</v>
      </c>
      <c r="T1857" s="10" t="s">
        <v>22</v>
      </c>
      <c r="U1857" s="10" t="s">
        <v>22</v>
      </c>
      <c r="V1857" s="10" t="s">
        <v>22</v>
      </c>
      <c r="W1857" s="10" t="s">
        <v>22</v>
      </c>
      <c r="X1857" s="10" t="s">
        <v>22</v>
      </c>
      <c r="Y1857" s="10" t="s">
        <v>22</v>
      </c>
      <c r="Z1857" s="10" t="s">
        <v>22</v>
      </c>
    </row>
    <row r="1858" spans="1:26" ht="24" customHeight="1" x14ac:dyDescent="0.2">
      <c r="A1858" s="9" t="s">
        <v>19114</v>
      </c>
      <c r="B1858" s="9" t="s">
        <v>14</v>
      </c>
      <c r="C1858" s="9" t="s">
        <v>8893</v>
      </c>
      <c r="D1858" s="6" t="s">
        <v>8894</v>
      </c>
      <c r="E1858" s="22">
        <v>45197</v>
      </c>
      <c r="F1858" s="22">
        <v>47023</v>
      </c>
      <c r="G1858" s="6" t="s">
        <v>8895</v>
      </c>
      <c r="H1858" s="6" t="s">
        <v>229</v>
      </c>
      <c r="I1858" s="6" t="s">
        <v>835</v>
      </c>
      <c r="J1858" s="6" t="s">
        <v>8896</v>
      </c>
      <c r="K1858" s="9" t="s">
        <v>8897</v>
      </c>
      <c r="L1858" s="10" t="s">
        <v>22</v>
      </c>
      <c r="M1858" s="10" t="s">
        <v>22</v>
      </c>
      <c r="N1858" s="10" t="s">
        <v>22</v>
      </c>
      <c r="O1858" s="10" t="s">
        <v>22</v>
      </c>
      <c r="P1858" s="10" t="s">
        <v>22</v>
      </c>
      <c r="Q1858" s="10" t="s">
        <v>22</v>
      </c>
    </row>
    <row r="1859" spans="1:26" ht="24" customHeight="1" x14ac:dyDescent="0.2">
      <c r="A1859" s="9" t="s">
        <v>19115</v>
      </c>
      <c r="B1859" s="9" t="s">
        <v>14</v>
      </c>
      <c r="C1859" s="9" t="s">
        <v>8898</v>
      </c>
      <c r="D1859" s="6" t="s">
        <v>8899</v>
      </c>
      <c r="E1859" s="22">
        <v>45200</v>
      </c>
      <c r="F1859" s="22">
        <v>47026</v>
      </c>
      <c r="G1859" s="6" t="s">
        <v>8900</v>
      </c>
      <c r="H1859" s="6" t="s">
        <v>562</v>
      </c>
      <c r="I1859" s="6" t="s">
        <v>8901</v>
      </c>
      <c r="J1859" s="6" t="s">
        <v>8902</v>
      </c>
      <c r="K1859" s="9" t="s">
        <v>8903</v>
      </c>
      <c r="L1859" s="10" t="s">
        <v>22</v>
      </c>
      <c r="M1859" s="10" t="s">
        <v>22</v>
      </c>
      <c r="N1859" s="10" t="s">
        <v>22</v>
      </c>
      <c r="O1859" s="10" t="s">
        <v>22</v>
      </c>
      <c r="P1859" s="10" t="s">
        <v>22</v>
      </c>
      <c r="Q1859" s="10" t="s">
        <v>22</v>
      </c>
      <c r="U1859" s="10" t="s">
        <v>22</v>
      </c>
      <c r="V1859" s="10" t="s">
        <v>22</v>
      </c>
      <c r="W1859" s="10" t="s">
        <v>22</v>
      </c>
      <c r="X1859" s="10" t="s">
        <v>22</v>
      </c>
      <c r="Y1859" s="10" t="s">
        <v>22</v>
      </c>
      <c r="Z1859" s="10" t="s">
        <v>22</v>
      </c>
    </row>
    <row r="1860" spans="1:26" ht="24" customHeight="1" x14ac:dyDescent="0.2">
      <c r="A1860" s="9" t="s">
        <v>19116</v>
      </c>
      <c r="B1860" s="9" t="s">
        <v>14</v>
      </c>
      <c r="C1860" s="9" t="s">
        <v>8904</v>
      </c>
      <c r="D1860" s="6" t="s">
        <v>8905</v>
      </c>
      <c r="E1860" s="22">
        <v>45272</v>
      </c>
      <c r="F1860" s="22">
        <v>47098</v>
      </c>
      <c r="G1860" s="6" t="s">
        <v>8906</v>
      </c>
      <c r="H1860" s="6" t="s">
        <v>2368</v>
      </c>
      <c r="I1860" s="6" t="s">
        <v>2369</v>
      </c>
      <c r="J1860" s="6" t="s">
        <v>8907</v>
      </c>
      <c r="K1860" s="9" t="s">
        <v>8908</v>
      </c>
      <c r="L1860" s="10" t="s">
        <v>22</v>
      </c>
      <c r="M1860" s="10" t="s">
        <v>22</v>
      </c>
      <c r="N1860" s="10" t="s">
        <v>22</v>
      </c>
      <c r="O1860" s="10" t="s">
        <v>22</v>
      </c>
      <c r="P1860" s="10" t="s">
        <v>22</v>
      </c>
      <c r="Q1860" s="10" t="s">
        <v>22</v>
      </c>
      <c r="R1860" s="10" t="s">
        <v>22</v>
      </c>
      <c r="S1860" s="10" t="s">
        <v>22</v>
      </c>
      <c r="T1860" s="10" t="s">
        <v>22</v>
      </c>
      <c r="U1860" s="10" t="s">
        <v>22</v>
      </c>
      <c r="V1860" s="10" t="s">
        <v>22</v>
      </c>
      <c r="W1860" s="10" t="s">
        <v>22</v>
      </c>
      <c r="X1860" s="10" t="s">
        <v>22</v>
      </c>
      <c r="Y1860" s="10" t="s">
        <v>22</v>
      </c>
      <c r="Z1860" s="10" t="s">
        <v>22</v>
      </c>
    </row>
    <row r="1861" spans="1:26" ht="24" customHeight="1" x14ac:dyDescent="0.2">
      <c r="A1861" s="9" t="s">
        <v>19117</v>
      </c>
      <c r="B1861" s="9" t="s">
        <v>14</v>
      </c>
      <c r="C1861" s="9" t="s">
        <v>8909</v>
      </c>
      <c r="D1861" s="6" t="s">
        <v>8910</v>
      </c>
      <c r="E1861" s="22">
        <v>45203</v>
      </c>
      <c r="F1861" s="22">
        <v>47029</v>
      </c>
      <c r="G1861" s="6" t="s">
        <v>8911</v>
      </c>
      <c r="H1861" s="6" t="s">
        <v>62</v>
      </c>
      <c r="I1861" s="6" t="s">
        <v>6704</v>
      </c>
      <c r="J1861" s="6" t="s">
        <v>8912</v>
      </c>
      <c r="K1861" s="9" t="s">
        <v>8913</v>
      </c>
      <c r="L1861" s="10" t="s">
        <v>22</v>
      </c>
      <c r="M1861" s="10" t="s">
        <v>22</v>
      </c>
      <c r="N1861" s="10" t="s">
        <v>22</v>
      </c>
      <c r="O1861" s="10" t="s">
        <v>22</v>
      </c>
      <c r="P1861" s="10" t="s">
        <v>22</v>
      </c>
      <c r="Q1861" s="10" t="s">
        <v>22</v>
      </c>
      <c r="R1861" s="10" t="s">
        <v>22</v>
      </c>
      <c r="S1861" s="10" t="s">
        <v>22</v>
      </c>
      <c r="T1861" s="10" t="s">
        <v>22</v>
      </c>
      <c r="U1861" s="10" t="s">
        <v>22</v>
      </c>
      <c r="V1861" s="10" t="s">
        <v>22</v>
      </c>
      <c r="W1861" s="10" t="s">
        <v>22</v>
      </c>
      <c r="X1861" s="10" t="s">
        <v>22</v>
      </c>
      <c r="Y1861" s="10" t="s">
        <v>22</v>
      </c>
      <c r="Z1861" s="10" t="s">
        <v>22</v>
      </c>
    </row>
    <row r="1862" spans="1:26" ht="24" customHeight="1" x14ac:dyDescent="0.2">
      <c r="A1862" s="9" t="s">
        <v>19118</v>
      </c>
      <c r="B1862" s="9" t="s">
        <v>14</v>
      </c>
      <c r="C1862" s="9" t="s">
        <v>8914</v>
      </c>
      <c r="D1862" s="6" t="s">
        <v>8915</v>
      </c>
      <c r="E1862" s="22">
        <v>45203</v>
      </c>
      <c r="F1862" s="22">
        <v>47029</v>
      </c>
      <c r="G1862" s="6" t="s">
        <v>8916</v>
      </c>
      <c r="H1862" s="6" t="s">
        <v>2368</v>
      </c>
      <c r="I1862" s="6" t="s">
        <v>2369</v>
      </c>
      <c r="J1862" s="6" t="s">
        <v>8917</v>
      </c>
      <c r="K1862" s="9" t="s">
        <v>8918</v>
      </c>
      <c r="L1862" s="10" t="s">
        <v>22</v>
      </c>
      <c r="M1862" s="10" t="s">
        <v>22</v>
      </c>
      <c r="N1862" s="10" t="s">
        <v>22</v>
      </c>
      <c r="O1862" s="10" t="s">
        <v>22</v>
      </c>
      <c r="P1862" s="10" t="s">
        <v>22</v>
      </c>
      <c r="Q1862" s="10" t="s">
        <v>22</v>
      </c>
      <c r="R1862" s="10" t="s">
        <v>22</v>
      </c>
      <c r="S1862" s="10" t="s">
        <v>22</v>
      </c>
      <c r="T1862" s="10" t="s">
        <v>22</v>
      </c>
      <c r="V1862" s="10" t="s">
        <v>22</v>
      </c>
      <c r="W1862" s="10" t="s">
        <v>22</v>
      </c>
      <c r="Y1862" s="10" t="s">
        <v>22</v>
      </c>
      <c r="Z1862" s="10" t="s">
        <v>22</v>
      </c>
    </row>
    <row r="1863" spans="1:26" ht="24" customHeight="1" x14ac:dyDescent="0.2">
      <c r="A1863" s="9" t="s">
        <v>19119</v>
      </c>
      <c r="B1863" s="9" t="s">
        <v>14</v>
      </c>
      <c r="C1863" s="9" t="s">
        <v>8919</v>
      </c>
      <c r="D1863" s="6" t="s">
        <v>8920</v>
      </c>
      <c r="E1863" s="22">
        <v>45208</v>
      </c>
      <c r="F1863" s="22">
        <v>47034</v>
      </c>
      <c r="G1863" s="6" t="s">
        <v>8921</v>
      </c>
      <c r="H1863" s="6" t="s">
        <v>202</v>
      </c>
      <c r="I1863" s="6" t="s">
        <v>5138</v>
      </c>
      <c r="J1863" s="6" t="s">
        <v>8922</v>
      </c>
      <c r="K1863" s="9" t="s">
        <v>8923</v>
      </c>
      <c r="L1863" s="10" t="s">
        <v>22</v>
      </c>
      <c r="M1863" s="10" t="s">
        <v>22</v>
      </c>
      <c r="N1863" s="10" t="s">
        <v>22</v>
      </c>
      <c r="O1863" s="10" t="s">
        <v>22</v>
      </c>
      <c r="P1863" s="10" t="s">
        <v>22</v>
      </c>
      <c r="Q1863" s="10" t="s">
        <v>22</v>
      </c>
      <c r="R1863" s="10" t="s">
        <v>22</v>
      </c>
      <c r="S1863" s="10" t="s">
        <v>22</v>
      </c>
      <c r="T1863" s="10" t="s">
        <v>22</v>
      </c>
      <c r="U1863" s="10" t="s">
        <v>22</v>
      </c>
      <c r="V1863" s="10" t="s">
        <v>22</v>
      </c>
      <c r="W1863" s="10" t="s">
        <v>22</v>
      </c>
      <c r="X1863" s="10" t="s">
        <v>22</v>
      </c>
      <c r="Y1863" s="10" t="s">
        <v>22</v>
      </c>
      <c r="Z1863" s="10" t="s">
        <v>22</v>
      </c>
    </row>
    <row r="1864" spans="1:26" ht="24" customHeight="1" x14ac:dyDescent="0.2">
      <c r="A1864" s="9" t="s">
        <v>19120</v>
      </c>
      <c r="B1864" s="9" t="s">
        <v>14</v>
      </c>
      <c r="C1864" s="9" t="s">
        <v>8924</v>
      </c>
      <c r="D1864" s="6" t="s">
        <v>8925</v>
      </c>
      <c r="E1864" s="22">
        <v>45208</v>
      </c>
      <c r="F1864" s="22">
        <v>47034</v>
      </c>
      <c r="G1864" s="6" t="s">
        <v>8926</v>
      </c>
      <c r="H1864" s="6" t="s">
        <v>62</v>
      </c>
      <c r="I1864" s="6" t="s">
        <v>1141</v>
      </c>
      <c r="J1864" s="6" t="s">
        <v>8927</v>
      </c>
      <c r="K1864" s="9" t="s">
        <v>8928</v>
      </c>
      <c r="L1864" s="10" t="s">
        <v>22</v>
      </c>
      <c r="M1864" s="10" t="s">
        <v>22</v>
      </c>
      <c r="N1864" s="10" t="s">
        <v>22</v>
      </c>
      <c r="O1864" s="10" t="s">
        <v>22</v>
      </c>
      <c r="P1864" s="10" t="s">
        <v>22</v>
      </c>
      <c r="Q1864" s="10" t="s">
        <v>22</v>
      </c>
      <c r="R1864" s="10" t="s">
        <v>22</v>
      </c>
      <c r="S1864" s="10" t="s">
        <v>22</v>
      </c>
      <c r="T1864" s="10" t="s">
        <v>22</v>
      </c>
      <c r="U1864" s="10" t="s">
        <v>22</v>
      </c>
      <c r="V1864" s="10" t="s">
        <v>22</v>
      </c>
      <c r="W1864" s="10" t="s">
        <v>22</v>
      </c>
      <c r="X1864" s="10" t="s">
        <v>22</v>
      </c>
      <c r="Y1864" s="10" t="s">
        <v>22</v>
      </c>
      <c r="Z1864" s="10" t="s">
        <v>22</v>
      </c>
    </row>
    <row r="1865" spans="1:26" ht="24" customHeight="1" x14ac:dyDescent="0.2">
      <c r="A1865" s="9" t="s">
        <v>19121</v>
      </c>
      <c r="B1865" s="9" t="s">
        <v>14</v>
      </c>
      <c r="C1865" s="9" t="s">
        <v>8929</v>
      </c>
      <c r="D1865" s="6" t="s">
        <v>8930</v>
      </c>
      <c r="E1865" s="22">
        <v>45208</v>
      </c>
      <c r="F1865" s="22">
        <v>47034</v>
      </c>
      <c r="G1865" s="6" t="s">
        <v>8931</v>
      </c>
      <c r="H1865" s="6" t="s">
        <v>202</v>
      </c>
      <c r="I1865" s="6" t="s">
        <v>2835</v>
      </c>
      <c r="J1865" s="6" t="s">
        <v>8932</v>
      </c>
      <c r="K1865" s="9" t="s">
        <v>8933</v>
      </c>
      <c r="L1865" s="10" t="s">
        <v>22</v>
      </c>
      <c r="M1865" s="10" t="s">
        <v>22</v>
      </c>
      <c r="N1865" s="10" t="s">
        <v>22</v>
      </c>
      <c r="O1865" s="10" t="s">
        <v>22</v>
      </c>
      <c r="P1865" s="10" t="s">
        <v>22</v>
      </c>
      <c r="Q1865" s="10" t="s">
        <v>22</v>
      </c>
      <c r="R1865" s="10" t="s">
        <v>22</v>
      </c>
      <c r="S1865" s="10" t="s">
        <v>22</v>
      </c>
      <c r="T1865" s="10" t="s">
        <v>22</v>
      </c>
      <c r="U1865" s="10" t="s">
        <v>22</v>
      </c>
      <c r="V1865" s="10" t="s">
        <v>22</v>
      </c>
      <c r="W1865" s="10" t="s">
        <v>22</v>
      </c>
      <c r="X1865" s="10" t="s">
        <v>22</v>
      </c>
      <c r="Y1865" s="10" t="s">
        <v>22</v>
      </c>
      <c r="Z1865" s="10" t="s">
        <v>22</v>
      </c>
    </row>
    <row r="1866" spans="1:26" ht="24" customHeight="1" x14ac:dyDescent="0.2">
      <c r="A1866" s="9" t="s">
        <v>19122</v>
      </c>
      <c r="B1866" s="9" t="s">
        <v>14</v>
      </c>
      <c r="C1866" s="9" t="s">
        <v>8934</v>
      </c>
      <c r="D1866" s="6" t="s">
        <v>8935</v>
      </c>
      <c r="E1866" s="22">
        <v>45208</v>
      </c>
      <c r="F1866" s="22">
        <v>47034</v>
      </c>
      <c r="G1866" s="6" t="s">
        <v>8936</v>
      </c>
      <c r="H1866" s="6" t="s">
        <v>18</v>
      </c>
      <c r="I1866" s="6" t="s">
        <v>19</v>
      </c>
      <c r="J1866" s="6" t="s">
        <v>8937</v>
      </c>
      <c r="K1866" s="9" t="s">
        <v>8938</v>
      </c>
      <c r="O1866" s="10" t="s">
        <v>22</v>
      </c>
      <c r="P1866" s="10" t="s">
        <v>22</v>
      </c>
      <c r="Q1866" s="10" t="s">
        <v>22</v>
      </c>
      <c r="X1866" s="10" t="s">
        <v>22</v>
      </c>
      <c r="Y1866" s="10" t="s">
        <v>22</v>
      </c>
      <c r="Z1866" s="10" t="s">
        <v>22</v>
      </c>
    </row>
    <row r="1867" spans="1:26" ht="24" customHeight="1" x14ac:dyDescent="0.2">
      <c r="A1867" s="9" t="s">
        <v>19123</v>
      </c>
      <c r="B1867" s="9" t="s">
        <v>14</v>
      </c>
      <c r="C1867" s="9" t="s">
        <v>8939</v>
      </c>
      <c r="D1867" s="6" t="s">
        <v>8940</v>
      </c>
      <c r="E1867" s="22">
        <v>45208</v>
      </c>
      <c r="F1867" s="22">
        <v>47034</v>
      </c>
      <c r="G1867" s="6" t="s">
        <v>8941</v>
      </c>
      <c r="H1867" s="6" t="s">
        <v>62</v>
      </c>
      <c r="I1867" s="6" t="s">
        <v>306</v>
      </c>
      <c r="J1867" s="6" t="s">
        <v>8942</v>
      </c>
      <c r="L1867" s="10" t="s">
        <v>22</v>
      </c>
      <c r="M1867" s="10" t="s">
        <v>22</v>
      </c>
      <c r="N1867" s="10" t="s">
        <v>22</v>
      </c>
      <c r="O1867" s="10" t="s">
        <v>22</v>
      </c>
      <c r="P1867" s="10" t="s">
        <v>22</v>
      </c>
      <c r="Q1867" s="10" t="s">
        <v>22</v>
      </c>
      <c r="R1867" s="10" t="s">
        <v>22</v>
      </c>
      <c r="S1867" s="10" t="s">
        <v>22</v>
      </c>
      <c r="T1867" s="10" t="s">
        <v>22</v>
      </c>
      <c r="U1867" s="10" t="s">
        <v>22</v>
      </c>
      <c r="V1867" s="10" t="s">
        <v>22</v>
      </c>
      <c r="W1867" s="10" t="s">
        <v>22</v>
      </c>
      <c r="X1867" s="10" t="s">
        <v>22</v>
      </c>
      <c r="Y1867" s="10" t="s">
        <v>22</v>
      </c>
      <c r="Z1867" s="10" t="s">
        <v>22</v>
      </c>
    </row>
    <row r="1868" spans="1:26" ht="24" customHeight="1" x14ac:dyDescent="0.2">
      <c r="A1868" s="9" t="s">
        <v>19124</v>
      </c>
      <c r="B1868" s="9" t="s">
        <v>14</v>
      </c>
      <c r="C1868" s="9" t="s">
        <v>8943</v>
      </c>
      <c r="D1868" s="6" t="s">
        <v>8944</v>
      </c>
      <c r="E1868" s="22">
        <v>45208</v>
      </c>
      <c r="F1868" s="22">
        <v>47034</v>
      </c>
      <c r="G1868" s="6" t="s">
        <v>8945</v>
      </c>
      <c r="H1868" s="6" t="s">
        <v>229</v>
      </c>
      <c r="I1868" s="6" t="s">
        <v>1885</v>
      </c>
      <c r="J1868" s="6" t="s">
        <v>8946</v>
      </c>
      <c r="K1868" s="9" t="s">
        <v>8947</v>
      </c>
      <c r="L1868" s="10" t="s">
        <v>22</v>
      </c>
      <c r="M1868" s="10" t="s">
        <v>22</v>
      </c>
      <c r="N1868" s="10" t="s">
        <v>22</v>
      </c>
      <c r="O1868" s="10" t="s">
        <v>22</v>
      </c>
      <c r="P1868" s="10" t="s">
        <v>22</v>
      </c>
      <c r="Q1868" s="10" t="s">
        <v>22</v>
      </c>
      <c r="U1868" s="10" t="s">
        <v>22</v>
      </c>
      <c r="V1868" s="10" t="s">
        <v>22</v>
      </c>
      <c r="W1868" s="10" t="s">
        <v>22</v>
      </c>
      <c r="X1868" s="10" t="s">
        <v>22</v>
      </c>
      <c r="Y1868" s="10" t="s">
        <v>22</v>
      </c>
      <c r="Z1868" s="10" t="s">
        <v>22</v>
      </c>
    </row>
    <row r="1869" spans="1:26" ht="24" customHeight="1" x14ac:dyDescent="0.2">
      <c r="A1869" s="9" t="s">
        <v>19125</v>
      </c>
      <c r="B1869" s="9" t="s">
        <v>14</v>
      </c>
      <c r="C1869" s="9" t="s">
        <v>8948</v>
      </c>
      <c r="D1869" s="6" t="s">
        <v>8949</v>
      </c>
      <c r="E1869" s="22">
        <v>45210</v>
      </c>
      <c r="F1869" s="22">
        <v>47036</v>
      </c>
      <c r="G1869" s="6" t="s">
        <v>8950</v>
      </c>
      <c r="H1869" s="6" t="s">
        <v>18</v>
      </c>
      <c r="I1869" s="6" t="s">
        <v>19</v>
      </c>
      <c r="J1869" s="6" t="s">
        <v>8951</v>
      </c>
      <c r="L1869" s="10" t="s">
        <v>22</v>
      </c>
      <c r="M1869" s="10" t="s">
        <v>22</v>
      </c>
      <c r="N1869" s="10" t="s">
        <v>22</v>
      </c>
      <c r="O1869" s="10" t="s">
        <v>22</v>
      </c>
      <c r="P1869" s="10" t="s">
        <v>22</v>
      </c>
      <c r="Q1869" s="10" t="s">
        <v>22</v>
      </c>
      <c r="R1869" s="10" t="s">
        <v>22</v>
      </c>
      <c r="S1869" s="10" t="s">
        <v>22</v>
      </c>
      <c r="T1869" s="10" t="s">
        <v>22</v>
      </c>
      <c r="U1869" s="10" t="s">
        <v>22</v>
      </c>
      <c r="V1869" s="10" t="s">
        <v>22</v>
      </c>
      <c r="W1869" s="10" t="s">
        <v>22</v>
      </c>
      <c r="X1869" s="10" t="s">
        <v>22</v>
      </c>
      <c r="Y1869" s="10" t="s">
        <v>22</v>
      </c>
      <c r="Z1869" s="10" t="s">
        <v>22</v>
      </c>
    </row>
    <row r="1870" spans="1:26" ht="24" customHeight="1" x14ac:dyDescent="0.2">
      <c r="A1870" s="9" t="s">
        <v>19126</v>
      </c>
      <c r="B1870" s="9" t="s">
        <v>14</v>
      </c>
      <c r="C1870" s="9" t="s">
        <v>8952</v>
      </c>
      <c r="D1870" s="6" t="s">
        <v>8953</v>
      </c>
      <c r="E1870" s="22">
        <v>45215</v>
      </c>
      <c r="F1870" s="22">
        <v>47041</v>
      </c>
      <c r="G1870" s="6" t="s">
        <v>8953</v>
      </c>
      <c r="H1870" s="6" t="s">
        <v>62</v>
      </c>
      <c r="I1870" s="6" t="s">
        <v>1141</v>
      </c>
      <c r="J1870" s="6" t="s">
        <v>8954</v>
      </c>
      <c r="L1870" s="10" t="s">
        <v>22</v>
      </c>
      <c r="M1870" s="10" t="s">
        <v>22</v>
      </c>
      <c r="N1870" s="10" t="s">
        <v>22</v>
      </c>
      <c r="O1870" s="10" t="s">
        <v>22</v>
      </c>
      <c r="P1870" s="10" t="s">
        <v>22</v>
      </c>
      <c r="Q1870" s="10" t="s">
        <v>22</v>
      </c>
      <c r="R1870" s="10" t="s">
        <v>22</v>
      </c>
      <c r="S1870" s="10" t="s">
        <v>22</v>
      </c>
      <c r="T1870" s="10" t="s">
        <v>22</v>
      </c>
      <c r="U1870" s="10" t="s">
        <v>22</v>
      </c>
      <c r="V1870" s="10" t="s">
        <v>22</v>
      </c>
      <c r="W1870" s="10" t="s">
        <v>22</v>
      </c>
      <c r="X1870" s="10" t="s">
        <v>22</v>
      </c>
      <c r="Y1870" s="10" t="s">
        <v>22</v>
      </c>
      <c r="Z1870" s="10" t="s">
        <v>22</v>
      </c>
    </row>
    <row r="1871" spans="1:26" ht="24" customHeight="1" x14ac:dyDescent="0.2">
      <c r="A1871" s="9" t="s">
        <v>19127</v>
      </c>
      <c r="B1871" s="9" t="s">
        <v>14</v>
      </c>
      <c r="C1871" s="9" t="s">
        <v>8955</v>
      </c>
      <c r="D1871" s="6" t="s">
        <v>8956</v>
      </c>
      <c r="E1871" s="22">
        <v>45217</v>
      </c>
      <c r="F1871" s="22">
        <v>47043</v>
      </c>
      <c r="G1871" s="6" t="s">
        <v>8957</v>
      </c>
      <c r="H1871" s="6" t="s">
        <v>202</v>
      </c>
      <c r="I1871" s="6" t="s">
        <v>441</v>
      </c>
      <c r="J1871" s="6" t="s">
        <v>16234</v>
      </c>
      <c r="K1871" s="9" t="s">
        <v>16235</v>
      </c>
      <c r="L1871" s="10" t="s">
        <v>22</v>
      </c>
      <c r="M1871" s="10" t="s">
        <v>22</v>
      </c>
      <c r="N1871" s="10" t="s">
        <v>22</v>
      </c>
      <c r="O1871" s="10" t="s">
        <v>22</v>
      </c>
      <c r="P1871" s="10" t="s">
        <v>22</v>
      </c>
      <c r="Q1871" s="10" t="s">
        <v>22</v>
      </c>
      <c r="R1871" s="10" t="s">
        <v>22</v>
      </c>
      <c r="S1871" s="10" t="s">
        <v>22</v>
      </c>
      <c r="T1871" s="10" t="s">
        <v>22</v>
      </c>
      <c r="U1871" s="10" t="s">
        <v>22</v>
      </c>
      <c r="V1871" s="10" t="s">
        <v>22</v>
      </c>
      <c r="W1871" s="10" t="s">
        <v>22</v>
      </c>
      <c r="X1871" s="10" t="s">
        <v>22</v>
      </c>
      <c r="Y1871" s="10" t="s">
        <v>22</v>
      </c>
      <c r="Z1871" s="10" t="s">
        <v>22</v>
      </c>
    </row>
    <row r="1872" spans="1:26" ht="24" customHeight="1" x14ac:dyDescent="0.2">
      <c r="A1872" s="9" t="s">
        <v>19128</v>
      </c>
      <c r="B1872" s="9" t="s">
        <v>14</v>
      </c>
      <c r="C1872" s="9" t="s">
        <v>8958</v>
      </c>
      <c r="D1872" s="6" t="s">
        <v>8959</v>
      </c>
      <c r="E1872" s="22">
        <v>45222</v>
      </c>
      <c r="F1872" s="22">
        <v>47048</v>
      </c>
      <c r="G1872" s="6" t="s">
        <v>8960</v>
      </c>
      <c r="H1872" s="6" t="s">
        <v>62</v>
      </c>
      <c r="I1872" s="6" t="s">
        <v>306</v>
      </c>
      <c r="J1872" s="6" t="s">
        <v>8961</v>
      </c>
      <c r="K1872" s="9" t="s">
        <v>8962</v>
      </c>
      <c r="L1872" s="10" t="s">
        <v>22</v>
      </c>
      <c r="M1872" s="10" t="s">
        <v>22</v>
      </c>
      <c r="N1872" s="10" t="s">
        <v>22</v>
      </c>
      <c r="O1872" s="10" t="s">
        <v>22</v>
      </c>
      <c r="P1872" s="10" t="s">
        <v>22</v>
      </c>
      <c r="Q1872" s="10" t="s">
        <v>22</v>
      </c>
      <c r="R1872" s="10" t="s">
        <v>22</v>
      </c>
      <c r="S1872" s="10" t="s">
        <v>22</v>
      </c>
      <c r="T1872" s="10" t="s">
        <v>22</v>
      </c>
      <c r="U1872" s="10" t="s">
        <v>22</v>
      </c>
      <c r="V1872" s="10" t="s">
        <v>22</v>
      </c>
      <c r="W1872" s="10" t="s">
        <v>22</v>
      </c>
      <c r="X1872" s="10" t="s">
        <v>22</v>
      </c>
      <c r="Y1872" s="10" t="s">
        <v>22</v>
      </c>
      <c r="Z1872" s="10" t="s">
        <v>22</v>
      </c>
    </row>
    <row r="1873" spans="1:26" ht="24" customHeight="1" x14ac:dyDescent="0.2">
      <c r="A1873" s="9" t="s">
        <v>19129</v>
      </c>
      <c r="B1873" s="9" t="s">
        <v>14</v>
      </c>
      <c r="C1873" s="9" t="s">
        <v>8963</v>
      </c>
      <c r="D1873" s="6" t="s">
        <v>8964</v>
      </c>
      <c r="E1873" s="22">
        <v>45222</v>
      </c>
      <c r="F1873" s="22">
        <v>47048</v>
      </c>
      <c r="G1873" s="6" t="s">
        <v>8965</v>
      </c>
      <c r="H1873" s="6" t="s">
        <v>62</v>
      </c>
      <c r="I1873" s="6" t="s">
        <v>63</v>
      </c>
      <c r="J1873" s="6" t="s">
        <v>8966</v>
      </c>
      <c r="L1873" s="10" t="s">
        <v>22</v>
      </c>
      <c r="M1873" s="10" t="s">
        <v>22</v>
      </c>
      <c r="N1873" s="10" t="s">
        <v>22</v>
      </c>
      <c r="O1873" s="10" t="s">
        <v>22</v>
      </c>
      <c r="P1873" s="10" t="s">
        <v>22</v>
      </c>
      <c r="Q1873" s="10" t="s">
        <v>22</v>
      </c>
      <c r="R1873" s="10" t="s">
        <v>22</v>
      </c>
      <c r="S1873" s="10" t="s">
        <v>22</v>
      </c>
      <c r="T1873" s="10" t="s">
        <v>22</v>
      </c>
      <c r="U1873" s="10" t="s">
        <v>22</v>
      </c>
      <c r="V1873" s="10" t="s">
        <v>22</v>
      </c>
      <c r="W1873" s="10" t="s">
        <v>22</v>
      </c>
      <c r="X1873" s="10" t="s">
        <v>22</v>
      </c>
      <c r="Y1873" s="10" t="s">
        <v>22</v>
      </c>
      <c r="Z1873" s="10" t="s">
        <v>22</v>
      </c>
    </row>
    <row r="1874" spans="1:26" ht="24" customHeight="1" x14ac:dyDescent="0.2">
      <c r="A1874" s="9" t="s">
        <v>19130</v>
      </c>
      <c r="B1874" s="9" t="s">
        <v>14</v>
      </c>
      <c r="C1874" s="9" t="s">
        <v>8967</v>
      </c>
      <c r="D1874" s="6" t="s">
        <v>8968</v>
      </c>
      <c r="E1874" s="22">
        <v>45231</v>
      </c>
      <c r="F1874" s="22">
        <v>47057</v>
      </c>
      <c r="G1874" s="6" t="s">
        <v>8969</v>
      </c>
      <c r="H1874" s="6" t="s">
        <v>202</v>
      </c>
      <c r="I1874" s="6" t="s">
        <v>954</v>
      </c>
      <c r="J1874" s="6" t="s">
        <v>8970</v>
      </c>
      <c r="K1874" s="9" t="s">
        <v>8971</v>
      </c>
      <c r="L1874" s="10" t="s">
        <v>22</v>
      </c>
      <c r="M1874" s="10" t="s">
        <v>22</v>
      </c>
      <c r="N1874" s="10" t="s">
        <v>22</v>
      </c>
      <c r="O1874" s="10" t="s">
        <v>22</v>
      </c>
      <c r="P1874" s="10" t="s">
        <v>22</v>
      </c>
      <c r="Q1874" s="10" t="s">
        <v>22</v>
      </c>
      <c r="R1874" s="10" t="s">
        <v>22</v>
      </c>
      <c r="S1874" s="10" t="s">
        <v>22</v>
      </c>
      <c r="T1874" s="10" t="s">
        <v>22</v>
      </c>
      <c r="U1874" s="10" t="s">
        <v>22</v>
      </c>
      <c r="V1874" s="10" t="s">
        <v>22</v>
      </c>
      <c r="W1874" s="10" t="s">
        <v>22</v>
      </c>
      <c r="X1874" s="10" t="s">
        <v>22</v>
      </c>
      <c r="Y1874" s="10" t="s">
        <v>22</v>
      </c>
      <c r="Z1874" s="10" t="s">
        <v>22</v>
      </c>
    </row>
    <row r="1875" spans="1:26" ht="24" customHeight="1" x14ac:dyDescent="0.2">
      <c r="A1875" s="9" t="s">
        <v>19131</v>
      </c>
      <c r="B1875" s="9" t="s">
        <v>14</v>
      </c>
      <c r="C1875" s="9" t="s">
        <v>8972</v>
      </c>
      <c r="D1875" s="6" t="s">
        <v>8973</v>
      </c>
      <c r="E1875" s="22">
        <v>45232</v>
      </c>
      <c r="F1875" s="22">
        <v>47058</v>
      </c>
      <c r="G1875" s="6" t="s">
        <v>8974</v>
      </c>
      <c r="H1875" s="6" t="s">
        <v>202</v>
      </c>
      <c r="I1875" s="6" t="s">
        <v>1707</v>
      </c>
      <c r="J1875" s="6" t="s">
        <v>8975</v>
      </c>
      <c r="K1875" s="9" t="s">
        <v>8976</v>
      </c>
      <c r="L1875" s="10" t="s">
        <v>22</v>
      </c>
      <c r="M1875" s="10" t="s">
        <v>22</v>
      </c>
      <c r="N1875" s="10" t="s">
        <v>22</v>
      </c>
      <c r="O1875" s="10" t="s">
        <v>22</v>
      </c>
      <c r="P1875" s="10" t="s">
        <v>22</v>
      </c>
      <c r="Q1875" s="10" t="s">
        <v>22</v>
      </c>
    </row>
    <row r="1876" spans="1:26" ht="24" customHeight="1" x14ac:dyDescent="0.2">
      <c r="A1876" s="9" t="s">
        <v>19132</v>
      </c>
      <c r="B1876" s="9" t="s">
        <v>14</v>
      </c>
      <c r="C1876" s="9" t="s">
        <v>8977</v>
      </c>
      <c r="D1876" s="6" t="s">
        <v>8978</v>
      </c>
      <c r="E1876" s="22">
        <v>45236</v>
      </c>
      <c r="F1876" s="22">
        <v>47062</v>
      </c>
      <c r="G1876" s="6" t="s">
        <v>8979</v>
      </c>
      <c r="H1876" s="6" t="s">
        <v>18</v>
      </c>
      <c r="I1876" s="6" t="s">
        <v>19</v>
      </c>
      <c r="J1876" s="6" t="s">
        <v>8980</v>
      </c>
      <c r="K1876" s="9" t="s">
        <v>8981</v>
      </c>
      <c r="L1876" s="10" t="s">
        <v>22</v>
      </c>
      <c r="M1876" s="10" t="s">
        <v>22</v>
      </c>
      <c r="N1876" s="10" t="s">
        <v>22</v>
      </c>
      <c r="O1876" s="10" t="s">
        <v>22</v>
      </c>
      <c r="P1876" s="10" t="s">
        <v>22</v>
      </c>
      <c r="Q1876" s="10" t="s">
        <v>22</v>
      </c>
      <c r="U1876" s="10" t="s">
        <v>22</v>
      </c>
      <c r="V1876" s="10" t="s">
        <v>22</v>
      </c>
      <c r="W1876" s="10" t="s">
        <v>22</v>
      </c>
      <c r="X1876" s="10" t="s">
        <v>22</v>
      </c>
      <c r="Y1876" s="10" t="s">
        <v>22</v>
      </c>
      <c r="Z1876" s="10" t="s">
        <v>22</v>
      </c>
    </row>
    <row r="1877" spans="1:26" ht="24" customHeight="1" x14ac:dyDescent="0.2">
      <c r="A1877" s="9" t="s">
        <v>19133</v>
      </c>
      <c r="B1877" s="9" t="s">
        <v>14</v>
      </c>
      <c r="C1877" s="9" t="s">
        <v>8982</v>
      </c>
      <c r="D1877" s="6" t="s">
        <v>8983</v>
      </c>
      <c r="E1877" s="22">
        <v>45236</v>
      </c>
      <c r="F1877" s="22">
        <v>47062</v>
      </c>
      <c r="G1877" s="6" t="s">
        <v>8984</v>
      </c>
      <c r="H1877" s="6" t="s">
        <v>229</v>
      </c>
      <c r="I1877" s="6" t="s">
        <v>230</v>
      </c>
      <c r="J1877" s="6" t="s">
        <v>8985</v>
      </c>
      <c r="K1877" s="9" t="s">
        <v>8986</v>
      </c>
      <c r="L1877" s="10" t="s">
        <v>22</v>
      </c>
      <c r="M1877" s="10" t="s">
        <v>22</v>
      </c>
      <c r="N1877" s="10" t="s">
        <v>22</v>
      </c>
      <c r="O1877" s="10" t="s">
        <v>22</v>
      </c>
      <c r="P1877" s="10" t="s">
        <v>22</v>
      </c>
      <c r="Q1877" s="10" t="s">
        <v>22</v>
      </c>
      <c r="R1877" s="10" t="s">
        <v>22</v>
      </c>
      <c r="S1877" s="10" t="s">
        <v>22</v>
      </c>
      <c r="T1877" s="10" t="s">
        <v>22</v>
      </c>
      <c r="U1877" s="10" t="s">
        <v>22</v>
      </c>
      <c r="V1877" s="10" t="s">
        <v>22</v>
      </c>
      <c r="W1877" s="10" t="s">
        <v>22</v>
      </c>
      <c r="X1877" s="10" t="s">
        <v>22</v>
      </c>
      <c r="Y1877" s="10" t="s">
        <v>22</v>
      </c>
      <c r="Z1877" s="10" t="s">
        <v>22</v>
      </c>
    </row>
    <row r="1878" spans="1:26" ht="24" customHeight="1" x14ac:dyDescent="0.2">
      <c r="A1878" s="9" t="s">
        <v>19134</v>
      </c>
      <c r="B1878" s="9" t="s">
        <v>14</v>
      </c>
      <c r="C1878" s="9" t="s">
        <v>8987</v>
      </c>
      <c r="D1878" s="6" t="s">
        <v>8988</v>
      </c>
      <c r="E1878" s="22">
        <v>45246</v>
      </c>
      <c r="F1878" s="22">
        <v>47072</v>
      </c>
      <c r="G1878" s="6" t="s">
        <v>8989</v>
      </c>
      <c r="H1878" s="6" t="s">
        <v>62</v>
      </c>
      <c r="I1878" s="6" t="s">
        <v>1141</v>
      </c>
      <c r="J1878" s="6" t="s">
        <v>8990</v>
      </c>
      <c r="K1878" s="9" t="s">
        <v>8991</v>
      </c>
      <c r="L1878" s="10" t="s">
        <v>22</v>
      </c>
      <c r="M1878" s="10" t="s">
        <v>22</v>
      </c>
      <c r="N1878" s="10" t="s">
        <v>22</v>
      </c>
      <c r="O1878" s="10" t="s">
        <v>22</v>
      </c>
      <c r="P1878" s="10" t="s">
        <v>22</v>
      </c>
      <c r="Q1878" s="10" t="s">
        <v>22</v>
      </c>
      <c r="R1878" s="10" t="s">
        <v>22</v>
      </c>
      <c r="S1878" s="10" t="s">
        <v>22</v>
      </c>
      <c r="T1878" s="10" t="s">
        <v>22</v>
      </c>
      <c r="U1878" s="10" t="s">
        <v>22</v>
      </c>
      <c r="V1878" s="10" t="s">
        <v>22</v>
      </c>
      <c r="W1878" s="10" t="s">
        <v>22</v>
      </c>
      <c r="X1878" s="10" t="s">
        <v>22</v>
      </c>
      <c r="Y1878" s="10" t="s">
        <v>22</v>
      </c>
      <c r="Z1878" s="10" t="s">
        <v>22</v>
      </c>
    </row>
    <row r="1879" spans="1:26" ht="24" customHeight="1" x14ac:dyDescent="0.2">
      <c r="A1879" s="9" t="s">
        <v>19135</v>
      </c>
      <c r="B1879" s="9" t="s">
        <v>14</v>
      </c>
      <c r="C1879" s="9" t="s">
        <v>8992</v>
      </c>
      <c r="D1879" s="6" t="s">
        <v>8993</v>
      </c>
      <c r="E1879" s="22">
        <v>45250</v>
      </c>
      <c r="F1879" s="22">
        <v>47076</v>
      </c>
      <c r="G1879" s="6" t="s">
        <v>8994</v>
      </c>
      <c r="H1879" s="6" t="s">
        <v>2029</v>
      </c>
      <c r="I1879" s="6" t="s">
        <v>4983</v>
      </c>
      <c r="J1879" s="6" t="s">
        <v>8995</v>
      </c>
      <c r="K1879" s="9" t="s">
        <v>8996</v>
      </c>
      <c r="L1879" s="10" t="s">
        <v>22</v>
      </c>
      <c r="M1879" s="10" t="s">
        <v>22</v>
      </c>
      <c r="N1879" s="10" t="s">
        <v>22</v>
      </c>
      <c r="O1879" s="10" t="s">
        <v>22</v>
      </c>
      <c r="P1879" s="10" t="s">
        <v>22</v>
      </c>
      <c r="Q1879" s="10" t="s">
        <v>22</v>
      </c>
      <c r="R1879" s="10" t="s">
        <v>22</v>
      </c>
      <c r="S1879" s="10" t="s">
        <v>22</v>
      </c>
      <c r="T1879" s="10" t="s">
        <v>22</v>
      </c>
      <c r="U1879" s="10" t="s">
        <v>22</v>
      </c>
      <c r="V1879" s="10" t="s">
        <v>22</v>
      </c>
      <c r="W1879" s="10" t="s">
        <v>22</v>
      </c>
      <c r="X1879" s="10" t="s">
        <v>22</v>
      </c>
      <c r="Y1879" s="10" t="s">
        <v>22</v>
      </c>
      <c r="Z1879" s="10" t="s">
        <v>22</v>
      </c>
    </row>
    <row r="1880" spans="1:26" ht="24" customHeight="1" x14ac:dyDescent="0.2">
      <c r="A1880" s="9" t="s">
        <v>19136</v>
      </c>
      <c r="B1880" s="9" t="s">
        <v>14</v>
      </c>
      <c r="C1880" s="9" t="s">
        <v>8997</v>
      </c>
      <c r="D1880" s="6" t="s">
        <v>8998</v>
      </c>
      <c r="E1880" s="22">
        <v>45250</v>
      </c>
      <c r="F1880" s="22">
        <v>47076</v>
      </c>
      <c r="G1880" s="6" t="s">
        <v>8999</v>
      </c>
      <c r="H1880" s="6" t="s">
        <v>62</v>
      </c>
      <c r="I1880" s="6" t="s">
        <v>379</v>
      </c>
      <c r="J1880" s="6" t="s">
        <v>16236</v>
      </c>
      <c r="L1880" s="10" t="s">
        <v>22</v>
      </c>
      <c r="M1880" s="10" t="s">
        <v>22</v>
      </c>
      <c r="N1880" s="10" t="s">
        <v>22</v>
      </c>
      <c r="O1880" s="10" t="s">
        <v>22</v>
      </c>
      <c r="P1880" s="10" t="s">
        <v>22</v>
      </c>
      <c r="Q1880" s="10" t="s">
        <v>22</v>
      </c>
      <c r="U1880" s="10" t="s">
        <v>22</v>
      </c>
      <c r="V1880" s="10" t="s">
        <v>22</v>
      </c>
      <c r="W1880" s="10" t="s">
        <v>22</v>
      </c>
      <c r="X1880" s="10" t="s">
        <v>22</v>
      </c>
      <c r="Y1880" s="10" t="s">
        <v>22</v>
      </c>
      <c r="Z1880" s="10" t="s">
        <v>22</v>
      </c>
    </row>
    <row r="1881" spans="1:26" ht="24" customHeight="1" x14ac:dyDescent="0.2">
      <c r="A1881" s="9" t="s">
        <v>19137</v>
      </c>
      <c r="B1881" s="9" t="s">
        <v>14</v>
      </c>
      <c r="C1881" s="9" t="s">
        <v>9000</v>
      </c>
      <c r="D1881" s="6" t="s">
        <v>9001</v>
      </c>
      <c r="E1881" s="22">
        <v>45257</v>
      </c>
      <c r="F1881" s="22">
        <v>47083</v>
      </c>
      <c r="G1881" s="6" t="s">
        <v>9002</v>
      </c>
      <c r="H1881" s="6" t="s">
        <v>2029</v>
      </c>
      <c r="I1881" s="6" t="s">
        <v>2874</v>
      </c>
      <c r="J1881" s="6" t="s">
        <v>9003</v>
      </c>
      <c r="K1881" s="9" t="s">
        <v>9004</v>
      </c>
      <c r="L1881" s="10" t="s">
        <v>22</v>
      </c>
      <c r="M1881" s="10" t="s">
        <v>22</v>
      </c>
      <c r="N1881" s="10" t="s">
        <v>22</v>
      </c>
      <c r="O1881" s="10" t="s">
        <v>22</v>
      </c>
      <c r="P1881" s="10" t="s">
        <v>22</v>
      </c>
      <c r="Q1881" s="10" t="s">
        <v>22</v>
      </c>
      <c r="R1881" s="10" t="s">
        <v>22</v>
      </c>
      <c r="S1881" s="10" t="s">
        <v>22</v>
      </c>
      <c r="T1881" s="10" t="s">
        <v>22</v>
      </c>
      <c r="U1881" s="10" t="s">
        <v>22</v>
      </c>
      <c r="V1881" s="10" t="s">
        <v>22</v>
      </c>
      <c r="W1881" s="10" t="s">
        <v>22</v>
      </c>
      <c r="X1881" s="10" t="s">
        <v>22</v>
      </c>
      <c r="Y1881" s="10" t="s">
        <v>22</v>
      </c>
      <c r="Z1881" s="10" t="s">
        <v>22</v>
      </c>
    </row>
    <row r="1882" spans="1:26" ht="24" customHeight="1" x14ac:dyDescent="0.2">
      <c r="A1882" s="9" t="s">
        <v>19138</v>
      </c>
      <c r="B1882" s="9" t="s">
        <v>14</v>
      </c>
      <c r="C1882" s="9" t="s">
        <v>9005</v>
      </c>
      <c r="D1882" s="6" t="s">
        <v>9006</v>
      </c>
      <c r="E1882" s="22">
        <v>45257</v>
      </c>
      <c r="F1882" s="22">
        <v>47083</v>
      </c>
      <c r="G1882" s="6" t="s">
        <v>9007</v>
      </c>
      <c r="H1882" s="6" t="s">
        <v>202</v>
      </c>
      <c r="I1882" s="6" t="s">
        <v>879</v>
      </c>
      <c r="J1882" s="6" t="s">
        <v>9008</v>
      </c>
      <c r="K1882" s="9" t="s">
        <v>9009</v>
      </c>
      <c r="L1882" s="10" t="s">
        <v>22</v>
      </c>
      <c r="M1882" s="10" t="s">
        <v>22</v>
      </c>
      <c r="N1882" s="10" t="s">
        <v>22</v>
      </c>
      <c r="O1882" s="10" t="s">
        <v>22</v>
      </c>
      <c r="P1882" s="10" t="s">
        <v>22</v>
      </c>
      <c r="Q1882" s="10" t="s">
        <v>22</v>
      </c>
      <c r="R1882" s="10" t="s">
        <v>22</v>
      </c>
      <c r="S1882" s="10" t="s">
        <v>22</v>
      </c>
      <c r="T1882" s="10" t="s">
        <v>22</v>
      </c>
      <c r="U1882" s="10" t="s">
        <v>22</v>
      </c>
      <c r="V1882" s="10" t="s">
        <v>22</v>
      </c>
      <c r="W1882" s="10" t="s">
        <v>22</v>
      </c>
      <c r="X1882" s="10" t="s">
        <v>22</v>
      </c>
      <c r="Y1882" s="10" t="s">
        <v>22</v>
      </c>
      <c r="Z1882" s="10" t="s">
        <v>22</v>
      </c>
    </row>
    <row r="1883" spans="1:26" ht="24" customHeight="1" x14ac:dyDescent="0.2">
      <c r="A1883" s="9" t="s">
        <v>19139</v>
      </c>
      <c r="B1883" s="9" t="s">
        <v>14</v>
      </c>
      <c r="C1883" s="9" t="s">
        <v>9010</v>
      </c>
      <c r="D1883" s="6" t="s">
        <v>9011</v>
      </c>
      <c r="E1883" s="22">
        <v>45252</v>
      </c>
      <c r="F1883" s="22">
        <v>47078</v>
      </c>
      <c r="G1883" s="6" t="s">
        <v>9012</v>
      </c>
      <c r="H1883" s="6" t="s">
        <v>62</v>
      </c>
      <c r="I1883" s="6" t="s">
        <v>493</v>
      </c>
      <c r="J1883" s="6" t="s">
        <v>9013</v>
      </c>
      <c r="K1883" s="9" t="s">
        <v>9014</v>
      </c>
      <c r="L1883" s="10" t="s">
        <v>22</v>
      </c>
      <c r="M1883" s="10" t="s">
        <v>22</v>
      </c>
      <c r="N1883" s="10" t="s">
        <v>22</v>
      </c>
      <c r="O1883" s="10" t="s">
        <v>22</v>
      </c>
      <c r="P1883" s="10" t="s">
        <v>22</v>
      </c>
      <c r="Q1883" s="10" t="s">
        <v>22</v>
      </c>
      <c r="R1883" s="10" t="s">
        <v>22</v>
      </c>
      <c r="S1883" s="10" t="s">
        <v>22</v>
      </c>
      <c r="T1883" s="10" t="s">
        <v>22</v>
      </c>
      <c r="U1883" s="10" t="s">
        <v>22</v>
      </c>
      <c r="V1883" s="10" t="s">
        <v>22</v>
      </c>
      <c r="W1883" s="10" t="s">
        <v>22</v>
      </c>
      <c r="X1883" s="10" t="s">
        <v>22</v>
      </c>
      <c r="Y1883" s="10" t="s">
        <v>22</v>
      </c>
      <c r="Z1883" s="10" t="s">
        <v>22</v>
      </c>
    </row>
    <row r="1884" spans="1:26" ht="24" customHeight="1" x14ac:dyDescent="0.2">
      <c r="A1884" s="9" t="s">
        <v>19140</v>
      </c>
      <c r="B1884" s="9" t="s">
        <v>14</v>
      </c>
      <c r="C1884" s="9" t="s">
        <v>9015</v>
      </c>
      <c r="D1884" s="6" t="s">
        <v>9016</v>
      </c>
      <c r="E1884" s="22">
        <v>45257</v>
      </c>
      <c r="F1884" s="22">
        <v>47083</v>
      </c>
      <c r="G1884" s="6" t="s">
        <v>9017</v>
      </c>
      <c r="H1884" s="6" t="s">
        <v>701</v>
      </c>
      <c r="I1884" s="6" t="s">
        <v>3293</v>
      </c>
      <c r="J1884" s="6" t="s">
        <v>9018</v>
      </c>
      <c r="K1884" s="9" t="s">
        <v>9019</v>
      </c>
      <c r="L1884" s="10" t="s">
        <v>22</v>
      </c>
      <c r="M1884" s="10" t="s">
        <v>22</v>
      </c>
      <c r="N1884" s="10" t="s">
        <v>22</v>
      </c>
      <c r="O1884" s="10" t="s">
        <v>22</v>
      </c>
      <c r="P1884" s="10" t="s">
        <v>22</v>
      </c>
      <c r="Q1884" s="10" t="s">
        <v>22</v>
      </c>
      <c r="U1884" s="10" t="s">
        <v>22</v>
      </c>
      <c r="V1884" s="10" t="s">
        <v>22</v>
      </c>
      <c r="W1884" s="10" t="s">
        <v>22</v>
      </c>
      <c r="X1884" s="10" t="s">
        <v>22</v>
      </c>
      <c r="Y1884" s="10" t="s">
        <v>22</v>
      </c>
      <c r="Z1884" s="10" t="s">
        <v>22</v>
      </c>
    </row>
    <row r="1885" spans="1:26" ht="24" customHeight="1" x14ac:dyDescent="0.2">
      <c r="A1885" s="9" t="s">
        <v>19141</v>
      </c>
      <c r="B1885" s="9" t="s">
        <v>14</v>
      </c>
      <c r="C1885" s="9" t="s">
        <v>9020</v>
      </c>
      <c r="D1885" s="6" t="s">
        <v>9021</v>
      </c>
      <c r="E1885" s="22">
        <v>45265</v>
      </c>
      <c r="F1885" s="22">
        <v>47091</v>
      </c>
      <c r="G1885" s="6" t="s">
        <v>9022</v>
      </c>
      <c r="H1885" s="6" t="s">
        <v>2029</v>
      </c>
      <c r="I1885" s="6" t="s">
        <v>4983</v>
      </c>
      <c r="J1885" s="6" t="s">
        <v>9023</v>
      </c>
      <c r="K1885" s="9" t="s">
        <v>9024</v>
      </c>
      <c r="L1885" s="10" t="s">
        <v>22</v>
      </c>
      <c r="M1885" s="10" t="s">
        <v>22</v>
      </c>
      <c r="N1885" s="10" t="s">
        <v>22</v>
      </c>
      <c r="O1885" s="10" t="s">
        <v>22</v>
      </c>
      <c r="P1885" s="10" t="s">
        <v>22</v>
      </c>
      <c r="Q1885" s="10" t="s">
        <v>22</v>
      </c>
      <c r="R1885" s="10" t="s">
        <v>22</v>
      </c>
      <c r="S1885" s="10" t="s">
        <v>22</v>
      </c>
      <c r="T1885" s="10" t="s">
        <v>22</v>
      </c>
      <c r="U1885" s="10" t="s">
        <v>22</v>
      </c>
      <c r="V1885" s="10" t="s">
        <v>22</v>
      </c>
      <c r="W1885" s="10" t="s">
        <v>22</v>
      </c>
      <c r="X1885" s="10" t="s">
        <v>22</v>
      </c>
      <c r="Y1885" s="10" t="s">
        <v>22</v>
      </c>
      <c r="Z1885" s="10" t="s">
        <v>22</v>
      </c>
    </row>
    <row r="1886" spans="1:26" ht="24" customHeight="1" x14ac:dyDescent="0.2">
      <c r="A1886" s="9" t="s">
        <v>19142</v>
      </c>
      <c r="B1886" s="9" t="s">
        <v>14</v>
      </c>
      <c r="C1886" s="9" t="s">
        <v>9025</v>
      </c>
      <c r="D1886" s="6" t="s">
        <v>9026</v>
      </c>
      <c r="E1886" s="22">
        <v>45265</v>
      </c>
      <c r="F1886" s="22">
        <v>47091</v>
      </c>
      <c r="G1886" s="6" t="s">
        <v>9027</v>
      </c>
      <c r="H1886" s="6" t="s">
        <v>62</v>
      </c>
      <c r="I1886" s="6" t="s">
        <v>236</v>
      </c>
      <c r="J1886" s="6" t="s">
        <v>9028</v>
      </c>
      <c r="K1886" s="9" t="s">
        <v>9029</v>
      </c>
      <c r="L1886" s="10" t="s">
        <v>22</v>
      </c>
      <c r="M1886" s="10" t="s">
        <v>22</v>
      </c>
      <c r="N1886" s="10" t="s">
        <v>22</v>
      </c>
      <c r="O1886" s="10" t="s">
        <v>22</v>
      </c>
      <c r="P1886" s="10" t="s">
        <v>22</v>
      </c>
      <c r="Q1886" s="10" t="s">
        <v>22</v>
      </c>
      <c r="R1886" s="10" t="s">
        <v>22</v>
      </c>
      <c r="S1886" s="10" t="s">
        <v>22</v>
      </c>
      <c r="T1886" s="10" t="s">
        <v>22</v>
      </c>
      <c r="U1886" s="10" t="s">
        <v>22</v>
      </c>
      <c r="V1886" s="10" t="s">
        <v>22</v>
      </c>
      <c r="W1886" s="10" t="s">
        <v>22</v>
      </c>
      <c r="X1886" s="10" t="s">
        <v>22</v>
      </c>
      <c r="Y1886" s="10" t="s">
        <v>22</v>
      </c>
      <c r="Z1886" s="10" t="s">
        <v>22</v>
      </c>
    </row>
    <row r="1887" spans="1:26" ht="24" customHeight="1" x14ac:dyDescent="0.2">
      <c r="A1887" s="9" t="s">
        <v>19143</v>
      </c>
      <c r="B1887" s="9" t="s">
        <v>14</v>
      </c>
      <c r="C1887" s="9" t="s">
        <v>9030</v>
      </c>
      <c r="D1887" s="6" t="s">
        <v>9031</v>
      </c>
      <c r="E1887" s="22">
        <v>45270</v>
      </c>
      <c r="F1887" s="22">
        <v>47096</v>
      </c>
      <c r="G1887" s="6" t="s">
        <v>9032</v>
      </c>
      <c r="H1887" s="6" t="s">
        <v>62</v>
      </c>
      <c r="I1887" s="6" t="s">
        <v>258</v>
      </c>
      <c r="J1887" s="6" t="s">
        <v>9033</v>
      </c>
      <c r="K1887" s="9" t="s">
        <v>9034</v>
      </c>
      <c r="O1887" s="10" t="s">
        <v>22</v>
      </c>
      <c r="P1887" s="10" t="s">
        <v>22</v>
      </c>
      <c r="Q1887" s="10" t="s">
        <v>22</v>
      </c>
      <c r="X1887" s="10" t="s">
        <v>22</v>
      </c>
      <c r="Y1887" s="10" t="s">
        <v>22</v>
      </c>
      <c r="Z1887" s="10" t="s">
        <v>22</v>
      </c>
    </row>
    <row r="1888" spans="1:26" ht="24" customHeight="1" x14ac:dyDescent="0.2">
      <c r="A1888" s="9" t="s">
        <v>19144</v>
      </c>
      <c r="B1888" s="9" t="s">
        <v>14</v>
      </c>
      <c r="C1888" s="9" t="s">
        <v>9035</v>
      </c>
      <c r="D1888" s="6" t="s">
        <v>9036</v>
      </c>
      <c r="E1888" s="22">
        <v>45270</v>
      </c>
      <c r="F1888" s="22">
        <v>47096</v>
      </c>
      <c r="G1888" s="6" t="s">
        <v>9037</v>
      </c>
      <c r="H1888" s="6" t="s">
        <v>363</v>
      </c>
      <c r="I1888" s="6" t="s">
        <v>2113</v>
      </c>
      <c r="J1888" s="6" t="s">
        <v>9038</v>
      </c>
      <c r="K1888" s="9" t="s">
        <v>9039</v>
      </c>
      <c r="L1888" s="10" t="s">
        <v>22</v>
      </c>
      <c r="M1888" s="10" t="s">
        <v>22</v>
      </c>
      <c r="N1888" s="10" t="s">
        <v>22</v>
      </c>
      <c r="O1888" s="10" t="s">
        <v>22</v>
      </c>
      <c r="P1888" s="10" t="s">
        <v>22</v>
      </c>
      <c r="Q1888" s="10" t="s">
        <v>22</v>
      </c>
      <c r="R1888" s="10" t="s">
        <v>22</v>
      </c>
      <c r="S1888" s="10" t="s">
        <v>22</v>
      </c>
      <c r="T1888" s="10" t="s">
        <v>22</v>
      </c>
    </row>
    <row r="1889" spans="1:26" ht="24" customHeight="1" x14ac:dyDescent="0.2">
      <c r="A1889" s="9" t="s">
        <v>19145</v>
      </c>
      <c r="B1889" s="9" t="s">
        <v>14</v>
      </c>
      <c r="C1889" s="9" t="s">
        <v>9040</v>
      </c>
      <c r="D1889" s="6" t="s">
        <v>9041</v>
      </c>
      <c r="E1889" s="22">
        <v>45270</v>
      </c>
      <c r="F1889" s="22">
        <v>47096</v>
      </c>
      <c r="G1889" s="6" t="s">
        <v>9042</v>
      </c>
      <c r="H1889" s="6" t="s">
        <v>62</v>
      </c>
      <c r="I1889" s="6" t="s">
        <v>264</v>
      </c>
      <c r="J1889" s="6" t="s">
        <v>9043</v>
      </c>
      <c r="K1889" s="9" t="s">
        <v>9044</v>
      </c>
      <c r="L1889" s="10" t="s">
        <v>22</v>
      </c>
      <c r="M1889" s="10" t="s">
        <v>22</v>
      </c>
      <c r="N1889" s="10" t="s">
        <v>22</v>
      </c>
      <c r="O1889" s="10" t="s">
        <v>22</v>
      </c>
      <c r="P1889" s="10" t="s">
        <v>22</v>
      </c>
      <c r="Q1889" s="10" t="s">
        <v>22</v>
      </c>
      <c r="R1889" s="10" t="s">
        <v>22</v>
      </c>
      <c r="S1889" s="10" t="s">
        <v>22</v>
      </c>
      <c r="T1889" s="10" t="s">
        <v>22</v>
      </c>
      <c r="U1889" s="10" t="s">
        <v>22</v>
      </c>
      <c r="V1889" s="10" t="s">
        <v>22</v>
      </c>
      <c r="W1889" s="10" t="s">
        <v>22</v>
      </c>
      <c r="X1889" s="10" t="s">
        <v>22</v>
      </c>
      <c r="Y1889" s="10" t="s">
        <v>22</v>
      </c>
      <c r="Z1889" s="10" t="s">
        <v>22</v>
      </c>
    </row>
    <row r="1890" spans="1:26" ht="24" customHeight="1" x14ac:dyDescent="0.2">
      <c r="A1890" s="9" t="s">
        <v>19146</v>
      </c>
      <c r="B1890" s="9" t="s">
        <v>14</v>
      </c>
      <c r="C1890" s="9" t="s">
        <v>9045</v>
      </c>
      <c r="D1890" s="6" t="s">
        <v>9046</v>
      </c>
      <c r="E1890" s="22">
        <v>45272</v>
      </c>
      <c r="F1890" s="22">
        <v>47098</v>
      </c>
      <c r="G1890" s="6" t="s">
        <v>9047</v>
      </c>
      <c r="H1890" s="6" t="s">
        <v>1625</v>
      </c>
      <c r="I1890" s="6" t="s">
        <v>3160</v>
      </c>
      <c r="J1890" s="6" t="s">
        <v>9048</v>
      </c>
      <c r="K1890" s="9" t="s">
        <v>9049</v>
      </c>
      <c r="P1890" s="10" t="s">
        <v>22</v>
      </c>
      <c r="Q1890" s="10" t="s">
        <v>22</v>
      </c>
      <c r="Y1890" s="10" t="s">
        <v>22</v>
      </c>
      <c r="Z1890" s="10" t="s">
        <v>22</v>
      </c>
    </row>
    <row r="1891" spans="1:26" ht="24" customHeight="1" x14ac:dyDescent="0.2">
      <c r="A1891" s="9" t="s">
        <v>19147</v>
      </c>
      <c r="B1891" s="9" t="s">
        <v>14</v>
      </c>
      <c r="C1891" s="9" t="s">
        <v>9050</v>
      </c>
      <c r="D1891" s="6" t="s">
        <v>9051</v>
      </c>
      <c r="E1891" s="22">
        <v>45279</v>
      </c>
      <c r="F1891" s="22">
        <v>47105</v>
      </c>
      <c r="G1891" s="6" t="s">
        <v>9052</v>
      </c>
      <c r="H1891" s="6" t="s">
        <v>18</v>
      </c>
      <c r="I1891" s="6" t="s">
        <v>19</v>
      </c>
      <c r="J1891" s="6" t="s">
        <v>9053</v>
      </c>
      <c r="K1891" s="9" t="s">
        <v>9054</v>
      </c>
      <c r="L1891" s="10" t="s">
        <v>22</v>
      </c>
      <c r="M1891" s="10" t="s">
        <v>22</v>
      </c>
      <c r="N1891" s="10" t="s">
        <v>22</v>
      </c>
      <c r="O1891" s="10" t="s">
        <v>22</v>
      </c>
      <c r="P1891" s="10" t="s">
        <v>22</v>
      </c>
      <c r="Q1891" s="10" t="s">
        <v>22</v>
      </c>
      <c r="R1891" s="10" t="s">
        <v>22</v>
      </c>
      <c r="S1891" s="10" t="s">
        <v>22</v>
      </c>
      <c r="T1891" s="10" t="s">
        <v>22</v>
      </c>
      <c r="U1891" s="10" t="s">
        <v>22</v>
      </c>
      <c r="V1891" s="10" t="s">
        <v>22</v>
      </c>
      <c r="W1891" s="10" t="s">
        <v>22</v>
      </c>
      <c r="X1891" s="10" t="s">
        <v>22</v>
      </c>
      <c r="Y1891" s="10" t="s">
        <v>22</v>
      </c>
      <c r="Z1891" s="10" t="s">
        <v>22</v>
      </c>
    </row>
    <row r="1892" spans="1:26" ht="24" customHeight="1" x14ac:dyDescent="0.2">
      <c r="A1892" s="9" t="s">
        <v>19148</v>
      </c>
      <c r="B1892" s="9" t="s">
        <v>14</v>
      </c>
      <c r="C1892" s="9" t="s">
        <v>9055</v>
      </c>
      <c r="D1892" s="6" t="s">
        <v>9056</v>
      </c>
      <c r="E1892" s="22">
        <v>45277</v>
      </c>
      <c r="F1892" s="22">
        <v>47103</v>
      </c>
      <c r="G1892" s="6" t="s">
        <v>9057</v>
      </c>
      <c r="H1892" s="6" t="s">
        <v>62</v>
      </c>
      <c r="I1892" s="6" t="s">
        <v>1816</v>
      </c>
      <c r="J1892" s="6" t="s">
        <v>9058</v>
      </c>
      <c r="K1892" s="9" t="s">
        <v>9059</v>
      </c>
      <c r="L1892" s="10" t="s">
        <v>22</v>
      </c>
      <c r="M1892" s="10" t="s">
        <v>22</v>
      </c>
      <c r="N1892" s="10" t="s">
        <v>22</v>
      </c>
      <c r="O1892" s="10" t="s">
        <v>22</v>
      </c>
      <c r="P1892" s="10" t="s">
        <v>22</v>
      </c>
      <c r="Q1892" s="10" t="s">
        <v>22</v>
      </c>
      <c r="R1892" s="10" t="s">
        <v>22</v>
      </c>
      <c r="S1892" s="10" t="s">
        <v>22</v>
      </c>
      <c r="T1892" s="10" t="s">
        <v>22</v>
      </c>
      <c r="U1892" s="10" t="s">
        <v>22</v>
      </c>
      <c r="V1892" s="10" t="s">
        <v>22</v>
      </c>
      <c r="W1892" s="10" t="s">
        <v>22</v>
      </c>
      <c r="X1892" s="10" t="s">
        <v>22</v>
      </c>
      <c r="Y1892" s="10" t="s">
        <v>22</v>
      </c>
      <c r="Z1892" s="10" t="s">
        <v>22</v>
      </c>
    </row>
    <row r="1893" spans="1:26" ht="24" customHeight="1" x14ac:dyDescent="0.2">
      <c r="A1893" s="9" t="s">
        <v>19149</v>
      </c>
      <c r="B1893" s="9" t="s">
        <v>14</v>
      </c>
      <c r="C1893" s="9" t="s">
        <v>9060</v>
      </c>
      <c r="D1893" s="6" t="s">
        <v>9061</v>
      </c>
      <c r="E1893" s="22">
        <v>45279</v>
      </c>
      <c r="F1893" s="22">
        <v>47105</v>
      </c>
      <c r="G1893" s="6" t="s">
        <v>9062</v>
      </c>
      <c r="H1893" s="6" t="s">
        <v>62</v>
      </c>
      <c r="I1893" s="6" t="s">
        <v>842</v>
      </c>
      <c r="J1893" s="6" t="s">
        <v>9063</v>
      </c>
      <c r="K1893" s="9" t="s">
        <v>9064</v>
      </c>
      <c r="L1893" s="10" t="s">
        <v>22</v>
      </c>
      <c r="M1893" s="10" t="s">
        <v>22</v>
      </c>
      <c r="N1893" s="10" t="s">
        <v>22</v>
      </c>
      <c r="O1893" s="10" t="s">
        <v>22</v>
      </c>
      <c r="P1893" s="10" t="s">
        <v>22</v>
      </c>
      <c r="Q1893" s="10" t="s">
        <v>22</v>
      </c>
      <c r="R1893" s="10" t="s">
        <v>22</v>
      </c>
      <c r="S1893" s="10" t="s">
        <v>22</v>
      </c>
      <c r="T1893" s="10" t="s">
        <v>22</v>
      </c>
      <c r="U1893" s="10" t="s">
        <v>22</v>
      </c>
      <c r="V1893" s="10" t="s">
        <v>22</v>
      </c>
      <c r="W1893" s="10" t="s">
        <v>22</v>
      </c>
      <c r="X1893" s="10" t="s">
        <v>22</v>
      </c>
      <c r="Y1893" s="10" t="s">
        <v>22</v>
      </c>
      <c r="Z1893" s="10" t="s">
        <v>22</v>
      </c>
    </row>
    <row r="1894" spans="1:26" ht="36" customHeight="1" x14ac:dyDescent="0.2">
      <c r="A1894" s="9" t="s">
        <v>19150</v>
      </c>
      <c r="B1894" s="9" t="s">
        <v>14</v>
      </c>
      <c r="C1894" s="9" t="s">
        <v>9065</v>
      </c>
      <c r="D1894" s="6" t="s">
        <v>9066</v>
      </c>
      <c r="E1894" s="22">
        <v>45279</v>
      </c>
      <c r="F1894" s="22">
        <v>47105</v>
      </c>
      <c r="G1894" s="6" t="s">
        <v>9067</v>
      </c>
      <c r="H1894" s="6" t="s">
        <v>229</v>
      </c>
      <c r="I1894" s="6" t="s">
        <v>1885</v>
      </c>
      <c r="J1894" s="6" t="s">
        <v>9068</v>
      </c>
      <c r="K1894" s="9" t="s">
        <v>9069</v>
      </c>
      <c r="P1894" s="10" t="s">
        <v>22</v>
      </c>
      <c r="Q1894" s="10" t="s">
        <v>22</v>
      </c>
      <c r="Y1894" s="10" t="s">
        <v>22</v>
      </c>
      <c r="Z1894" s="10" t="s">
        <v>22</v>
      </c>
    </row>
    <row r="1895" spans="1:26" ht="24" customHeight="1" x14ac:dyDescent="0.2">
      <c r="A1895" s="9" t="s">
        <v>19151</v>
      </c>
      <c r="B1895" s="9" t="s">
        <v>14</v>
      </c>
      <c r="C1895" s="9" t="s">
        <v>9070</v>
      </c>
      <c r="D1895" s="6" t="s">
        <v>9071</v>
      </c>
      <c r="E1895" s="22">
        <v>45288</v>
      </c>
      <c r="F1895" s="22">
        <v>47114</v>
      </c>
      <c r="G1895" s="6" t="s">
        <v>9072</v>
      </c>
      <c r="H1895" s="6" t="s">
        <v>229</v>
      </c>
      <c r="I1895" s="6" t="s">
        <v>324</v>
      </c>
      <c r="J1895" s="6" t="s">
        <v>9073</v>
      </c>
      <c r="K1895" s="9" t="s">
        <v>9074</v>
      </c>
      <c r="L1895" s="10" t="s">
        <v>22</v>
      </c>
      <c r="M1895" s="10" t="s">
        <v>22</v>
      </c>
      <c r="N1895" s="10" t="s">
        <v>22</v>
      </c>
      <c r="O1895" s="10" t="s">
        <v>22</v>
      </c>
      <c r="P1895" s="10" t="s">
        <v>22</v>
      </c>
      <c r="Q1895" s="10" t="s">
        <v>22</v>
      </c>
      <c r="R1895" s="10" t="s">
        <v>22</v>
      </c>
      <c r="S1895" s="10" t="s">
        <v>22</v>
      </c>
      <c r="T1895" s="10" t="s">
        <v>22</v>
      </c>
      <c r="U1895" s="10" t="s">
        <v>22</v>
      </c>
      <c r="V1895" s="10" t="s">
        <v>22</v>
      </c>
      <c r="W1895" s="10" t="s">
        <v>22</v>
      </c>
      <c r="X1895" s="10" t="s">
        <v>22</v>
      </c>
      <c r="Y1895" s="10" t="s">
        <v>22</v>
      </c>
      <c r="Z1895" s="10" t="s">
        <v>22</v>
      </c>
    </row>
    <row r="1896" spans="1:26" ht="24" customHeight="1" x14ac:dyDescent="0.2">
      <c r="A1896" s="9" t="s">
        <v>19152</v>
      </c>
      <c r="B1896" s="9" t="s">
        <v>14</v>
      </c>
      <c r="C1896" s="9" t="s">
        <v>9075</v>
      </c>
      <c r="D1896" s="6" t="s">
        <v>9076</v>
      </c>
      <c r="E1896" s="22">
        <v>45308</v>
      </c>
      <c r="F1896" s="22">
        <v>47134</v>
      </c>
      <c r="G1896" s="6" t="s">
        <v>9077</v>
      </c>
      <c r="H1896" s="6" t="s">
        <v>18</v>
      </c>
      <c r="I1896" s="6" t="s">
        <v>19</v>
      </c>
      <c r="J1896" s="6" t="s">
        <v>9078</v>
      </c>
      <c r="K1896" s="9" t="s">
        <v>9079</v>
      </c>
      <c r="M1896" s="10" t="s">
        <v>22</v>
      </c>
      <c r="N1896" s="10" t="s">
        <v>22</v>
      </c>
      <c r="V1896" s="10" t="s">
        <v>22</v>
      </c>
      <c r="W1896" s="10" t="s">
        <v>22</v>
      </c>
    </row>
    <row r="1897" spans="1:26" ht="24" customHeight="1" x14ac:dyDescent="0.2">
      <c r="A1897" s="9" t="s">
        <v>19153</v>
      </c>
      <c r="B1897" s="9" t="s">
        <v>14</v>
      </c>
      <c r="C1897" s="9" t="s">
        <v>9080</v>
      </c>
      <c r="D1897" s="6" t="s">
        <v>9081</v>
      </c>
      <c r="E1897" s="22">
        <v>45314</v>
      </c>
      <c r="F1897" s="22">
        <v>47140</v>
      </c>
      <c r="G1897" s="6" t="s">
        <v>9082</v>
      </c>
      <c r="H1897" s="6" t="s">
        <v>18</v>
      </c>
      <c r="I1897" s="6" t="s">
        <v>19</v>
      </c>
      <c r="J1897" s="6" t="s">
        <v>9083</v>
      </c>
      <c r="K1897" s="9" t="s">
        <v>9084</v>
      </c>
      <c r="L1897" s="10" t="s">
        <v>22</v>
      </c>
      <c r="M1897" s="10" t="s">
        <v>22</v>
      </c>
      <c r="N1897" s="10" t="s">
        <v>22</v>
      </c>
      <c r="O1897" s="10" t="s">
        <v>22</v>
      </c>
      <c r="P1897" s="10" t="s">
        <v>22</v>
      </c>
      <c r="Q1897" s="10" t="s">
        <v>22</v>
      </c>
      <c r="U1897" s="10" t="s">
        <v>22</v>
      </c>
      <c r="V1897" s="10" t="s">
        <v>22</v>
      </c>
      <c r="W1897" s="10" t="s">
        <v>22</v>
      </c>
      <c r="X1897" s="10" t="s">
        <v>22</v>
      </c>
      <c r="Y1897" s="10" t="s">
        <v>22</v>
      </c>
      <c r="Z1897" s="10" t="s">
        <v>22</v>
      </c>
    </row>
    <row r="1898" spans="1:26" ht="24" customHeight="1" x14ac:dyDescent="0.2">
      <c r="A1898" s="9" t="s">
        <v>19154</v>
      </c>
      <c r="B1898" s="9" t="s">
        <v>14</v>
      </c>
      <c r="C1898" s="9" t="s">
        <v>9085</v>
      </c>
      <c r="D1898" s="6" t="s">
        <v>9086</v>
      </c>
      <c r="E1898" s="22">
        <v>45319</v>
      </c>
      <c r="F1898" s="22">
        <v>47145</v>
      </c>
      <c r="G1898" s="6" t="s">
        <v>9087</v>
      </c>
      <c r="H1898" s="6" t="s">
        <v>18</v>
      </c>
      <c r="I1898" s="6" t="s">
        <v>26</v>
      </c>
      <c r="J1898" s="6" t="s">
        <v>9088</v>
      </c>
      <c r="L1898" s="10" t="s">
        <v>22</v>
      </c>
      <c r="M1898" s="10" t="s">
        <v>22</v>
      </c>
      <c r="N1898" s="10" t="s">
        <v>22</v>
      </c>
      <c r="O1898" s="10" t="s">
        <v>22</v>
      </c>
      <c r="P1898" s="10" t="s">
        <v>22</v>
      </c>
      <c r="Q1898" s="10" t="s">
        <v>22</v>
      </c>
      <c r="R1898" s="10" t="s">
        <v>22</v>
      </c>
      <c r="S1898" s="10" t="s">
        <v>22</v>
      </c>
      <c r="T1898" s="10" t="s">
        <v>22</v>
      </c>
      <c r="U1898" s="10" t="s">
        <v>22</v>
      </c>
      <c r="V1898" s="10" t="s">
        <v>22</v>
      </c>
      <c r="W1898" s="10" t="s">
        <v>22</v>
      </c>
      <c r="X1898" s="10" t="s">
        <v>22</v>
      </c>
      <c r="Y1898" s="10" t="s">
        <v>22</v>
      </c>
      <c r="Z1898" s="10" t="s">
        <v>22</v>
      </c>
    </row>
    <row r="1899" spans="1:26" ht="24" customHeight="1" x14ac:dyDescent="0.2">
      <c r="A1899" s="9" t="s">
        <v>19155</v>
      </c>
      <c r="B1899" s="9" t="s">
        <v>14</v>
      </c>
      <c r="C1899" s="9" t="s">
        <v>9089</v>
      </c>
      <c r="D1899" s="6" t="s">
        <v>9090</v>
      </c>
      <c r="E1899" s="22">
        <v>45321</v>
      </c>
      <c r="F1899" s="22">
        <v>47147</v>
      </c>
      <c r="G1899" s="6" t="s">
        <v>9091</v>
      </c>
      <c r="H1899" s="6" t="s">
        <v>18</v>
      </c>
      <c r="I1899" s="6" t="s">
        <v>19</v>
      </c>
      <c r="J1899" s="6" t="s">
        <v>526</v>
      </c>
      <c r="K1899" s="9" t="s">
        <v>9092</v>
      </c>
      <c r="L1899" s="10" t="s">
        <v>22</v>
      </c>
      <c r="M1899" s="10" t="s">
        <v>22</v>
      </c>
      <c r="N1899" s="10" t="s">
        <v>22</v>
      </c>
      <c r="O1899" s="10" t="s">
        <v>22</v>
      </c>
      <c r="P1899" s="10" t="s">
        <v>22</v>
      </c>
      <c r="Q1899" s="10" t="s">
        <v>22</v>
      </c>
      <c r="R1899" s="10" t="s">
        <v>22</v>
      </c>
      <c r="S1899" s="10" t="s">
        <v>22</v>
      </c>
      <c r="T1899" s="10" t="s">
        <v>22</v>
      </c>
      <c r="U1899" s="10" t="s">
        <v>22</v>
      </c>
      <c r="V1899" s="10" t="s">
        <v>22</v>
      </c>
      <c r="W1899" s="10" t="s">
        <v>22</v>
      </c>
      <c r="X1899" s="10" t="s">
        <v>22</v>
      </c>
      <c r="Y1899" s="10" t="s">
        <v>22</v>
      </c>
      <c r="Z1899" s="10" t="s">
        <v>22</v>
      </c>
    </row>
    <row r="1900" spans="1:26" ht="24" customHeight="1" x14ac:dyDescent="0.2">
      <c r="A1900" s="9" t="s">
        <v>19156</v>
      </c>
      <c r="B1900" s="9" t="s">
        <v>14</v>
      </c>
      <c r="C1900" s="9" t="s">
        <v>9093</v>
      </c>
      <c r="D1900" s="6" t="s">
        <v>9094</v>
      </c>
      <c r="E1900" s="22">
        <v>45322</v>
      </c>
      <c r="F1900" s="22">
        <v>47148</v>
      </c>
      <c r="G1900" s="6" t="s">
        <v>9095</v>
      </c>
      <c r="H1900" s="6" t="s">
        <v>1625</v>
      </c>
      <c r="I1900" s="6" t="s">
        <v>3160</v>
      </c>
      <c r="J1900" s="6" t="s">
        <v>9096</v>
      </c>
      <c r="K1900" s="9" t="s">
        <v>9097</v>
      </c>
      <c r="L1900" s="10" t="s">
        <v>22</v>
      </c>
      <c r="M1900" s="10" t="s">
        <v>22</v>
      </c>
      <c r="N1900" s="10" t="s">
        <v>22</v>
      </c>
      <c r="O1900" s="10" t="s">
        <v>22</v>
      </c>
      <c r="P1900" s="10" t="s">
        <v>22</v>
      </c>
      <c r="Q1900" s="10" t="s">
        <v>22</v>
      </c>
      <c r="R1900" s="10" t="s">
        <v>22</v>
      </c>
      <c r="S1900" s="10" t="s">
        <v>22</v>
      </c>
      <c r="T1900" s="10" t="s">
        <v>22</v>
      </c>
      <c r="U1900" s="10" t="s">
        <v>22</v>
      </c>
      <c r="V1900" s="10" t="s">
        <v>22</v>
      </c>
      <c r="W1900" s="10" t="s">
        <v>22</v>
      </c>
      <c r="X1900" s="10" t="s">
        <v>22</v>
      </c>
      <c r="Y1900" s="10" t="s">
        <v>22</v>
      </c>
      <c r="Z1900" s="10" t="s">
        <v>22</v>
      </c>
    </row>
    <row r="1901" spans="1:26" ht="24" customHeight="1" x14ac:dyDescent="0.2">
      <c r="A1901" s="9" t="s">
        <v>19157</v>
      </c>
      <c r="B1901" s="9" t="s">
        <v>14</v>
      </c>
      <c r="C1901" s="9" t="s">
        <v>9098</v>
      </c>
      <c r="D1901" s="6" t="s">
        <v>9099</v>
      </c>
      <c r="E1901" s="22">
        <v>45323</v>
      </c>
      <c r="F1901" s="22">
        <v>47149</v>
      </c>
      <c r="G1901" s="6" t="s">
        <v>9100</v>
      </c>
      <c r="H1901" s="6" t="s">
        <v>363</v>
      </c>
      <c r="I1901" s="6" t="s">
        <v>597</v>
      </c>
      <c r="J1901" s="6" t="s">
        <v>9101</v>
      </c>
      <c r="K1901" s="9" t="s">
        <v>9102</v>
      </c>
      <c r="L1901" s="10" t="s">
        <v>22</v>
      </c>
      <c r="M1901" s="10" t="s">
        <v>22</v>
      </c>
      <c r="N1901" s="10" t="s">
        <v>22</v>
      </c>
      <c r="O1901" s="10" t="s">
        <v>22</v>
      </c>
      <c r="P1901" s="10" t="s">
        <v>22</v>
      </c>
      <c r="Q1901" s="10" t="s">
        <v>22</v>
      </c>
      <c r="R1901" s="10" t="s">
        <v>22</v>
      </c>
      <c r="S1901" s="10" t="s">
        <v>22</v>
      </c>
      <c r="T1901" s="10" t="s">
        <v>22</v>
      </c>
    </row>
    <row r="1902" spans="1:26" ht="24" customHeight="1" x14ac:dyDescent="0.2">
      <c r="A1902" s="9" t="s">
        <v>19158</v>
      </c>
      <c r="B1902" s="9" t="s">
        <v>14</v>
      </c>
      <c r="C1902" s="9" t="s">
        <v>9103</v>
      </c>
      <c r="D1902" s="6" t="s">
        <v>9104</v>
      </c>
      <c r="E1902" s="22">
        <v>45323</v>
      </c>
      <c r="F1902" s="22">
        <v>47149</v>
      </c>
      <c r="G1902" s="6" t="s">
        <v>9105</v>
      </c>
      <c r="H1902" s="6" t="s">
        <v>18</v>
      </c>
      <c r="I1902" s="6" t="s">
        <v>26</v>
      </c>
      <c r="J1902" s="6" t="s">
        <v>9106</v>
      </c>
      <c r="K1902" s="9" t="s">
        <v>9107</v>
      </c>
      <c r="L1902" s="10" t="s">
        <v>22</v>
      </c>
      <c r="M1902" s="10" t="s">
        <v>22</v>
      </c>
      <c r="N1902" s="10" t="s">
        <v>22</v>
      </c>
      <c r="O1902" s="10" t="s">
        <v>22</v>
      </c>
      <c r="P1902" s="10" t="s">
        <v>22</v>
      </c>
      <c r="Q1902" s="10" t="s">
        <v>22</v>
      </c>
      <c r="R1902" s="10" t="s">
        <v>22</v>
      </c>
      <c r="S1902" s="10" t="s">
        <v>22</v>
      </c>
      <c r="T1902" s="10" t="s">
        <v>22</v>
      </c>
      <c r="U1902" s="10" t="s">
        <v>22</v>
      </c>
      <c r="V1902" s="10" t="s">
        <v>22</v>
      </c>
      <c r="W1902" s="10" t="s">
        <v>22</v>
      </c>
      <c r="X1902" s="10" t="s">
        <v>22</v>
      </c>
      <c r="Y1902" s="10" t="s">
        <v>22</v>
      </c>
      <c r="Z1902" s="10" t="s">
        <v>22</v>
      </c>
    </row>
    <row r="1903" spans="1:26" ht="24" customHeight="1" x14ac:dyDescent="0.2">
      <c r="A1903" s="9" t="s">
        <v>19159</v>
      </c>
      <c r="B1903" s="9" t="s">
        <v>14</v>
      </c>
      <c r="C1903" s="9" t="s">
        <v>9108</v>
      </c>
      <c r="D1903" s="6" t="s">
        <v>9109</v>
      </c>
      <c r="E1903" s="22">
        <v>45328</v>
      </c>
      <c r="F1903" s="22">
        <v>47154</v>
      </c>
      <c r="G1903" s="6" t="s">
        <v>9110</v>
      </c>
      <c r="H1903" s="6" t="s">
        <v>2029</v>
      </c>
      <c r="I1903" s="6" t="s">
        <v>5613</v>
      </c>
      <c r="J1903" s="6" t="s">
        <v>9111</v>
      </c>
      <c r="K1903" s="9" t="s">
        <v>9112</v>
      </c>
      <c r="L1903" s="10" t="s">
        <v>22</v>
      </c>
      <c r="M1903" s="10" t="s">
        <v>22</v>
      </c>
      <c r="N1903" s="10" t="s">
        <v>22</v>
      </c>
      <c r="O1903" s="10" t="s">
        <v>22</v>
      </c>
      <c r="P1903" s="10" t="s">
        <v>22</v>
      </c>
      <c r="Q1903" s="10" t="s">
        <v>22</v>
      </c>
      <c r="R1903" s="10" t="s">
        <v>22</v>
      </c>
      <c r="S1903" s="10" t="s">
        <v>22</v>
      </c>
      <c r="T1903" s="10" t="s">
        <v>22</v>
      </c>
      <c r="U1903" s="10" t="s">
        <v>22</v>
      </c>
      <c r="V1903" s="10" t="s">
        <v>22</v>
      </c>
      <c r="W1903" s="10" t="s">
        <v>22</v>
      </c>
      <c r="X1903" s="10" t="s">
        <v>22</v>
      </c>
      <c r="Y1903" s="10" t="s">
        <v>22</v>
      </c>
      <c r="Z1903" s="10" t="s">
        <v>22</v>
      </c>
    </row>
    <row r="1904" spans="1:26" ht="24" customHeight="1" x14ac:dyDescent="0.2">
      <c r="A1904" s="9" t="s">
        <v>19160</v>
      </c>
      <c r="B1904" s="9" t="s">
        <v>14</v>
      </c>
      <c r="C1904" s="9" t="s">
        <v>9113</v>
      </c>
      <c r="D1904" s="6" t="s">
        <v>9114</v>
      </c>
      <c r="E1904" s="22">
        <v>45328</v>
      </c>
      <c r="F1904" s="22">
        <v>47154</v>
      </c>
      <c r="G1904" s="6" t="s">
        <v>9115</v>
      </c>
      <c r="H1904" s="6" t="s">
        <v>363</v>
      </c>
      <c r="I1904" s="6" t="s">
        <v>5865</v>
      </c>
      <c r="J1904" s="6" t="s">
        <v>9116</v>
      </c>
      <c r="K1904" s="9" t="s">
        <v>9117</v>
      </c>
      <c r="L1904" s="10" t="s">
        <v>22</v>
      </c>
      <c r="M1904" s="10" t="s">
        <v>22</v>
      </c>
      <c r="N1904" s="10" t="s">
        <v>22</v>
      </c>
      <c r="O1904" s="10" t="s">
        <v>22</v>
      </c>
      <c r="P1904" s="10" t="s">
        <v>22</v>
      </c>
      <c r="Q1904" s="10" t="s">
        <v>22</v>
      </c>
      <c r="R1904" s="10" t="s">
        <v>22</v>
      </c>
      <c r="S1904" s="10" t="s">
        <v>22</v>
      </c>
      <c r="T1904" s="10" t="s">
        <v>22</v>
      </c>
      <c r="U1904" s="10" t="s">
        <v>22</v>
      </c>
      <c r="V1904" s="10" t="s">
        <v>22</v>
      </c>
      <c r="W1904" s="10" t="s">
        <v>22</v>
      </c>
      <c r="X1904" s="10" t="s">
        <v>22</v>
      </c>
      <c r="Y1904" s="10" t="s">
        <v>22</v>
      </c>
      <c r="Z1904" s="10" t="s">
        <v>22</v>
      </c>
    </row>
    <row r="1905" spans="1:26" ht="24" customHeight="1" x14ac:dyDescent="0.2">
      <c r="A1905" s="9" t="s">
        <v>19161</v>
      </c>
      <c r="B1905" s="9" t="s">
        <v>14</v>
      </c>
      <c r="C1905" s="9" t="s">
        <v>9118</v>
      </c>
      <c r="D1905" s="6" t="s">
        <v>9119</v>
      </c>
      <c r="E1905" s="22">
        <v>45330</v>
      </c>
      <c r="F1905" s="22">
        <v>47156</v>
      </c>
      <c r="G1905" s="6" t="s">
        <v>9120</v>
      </c>
      <c r="H1905" s="6" t="s">
        <v>2368</v>
      </c>
      <c r="I1905" s="6" t="s">
        <v>6227</v>
      </c>
      <c r="J1905" s="6" t="s">
        <v>9121</v>
      </c>
      <c r="K1905" s="9" t="s">
        <v>9122</v>
      </c>
      <c r="L1905" s="10" t="s">
        <v>22</v>
      </c>
      <c r="M1905" s="10" t="s">
        <v>22</v>
      </c>
      <c r="N1905" s="10" t="s">
        <v>22</v>
      </c>
      <c r="O1905" s="10" t="s">
        <v>22</v>
      </c>
      <c r="P1905" s="10" t="s">
        <v>22</v>
      </c>
      <c r="Q1905" s="10" t="s">
        <v>22</v>
      </c>
      <c r="R1905" s="10" t="s">
        <v>22</v>
      </c>
      <c r="S1905" s="10" t="s">
        <v>22</v>
      </c>
      <c r="T1905" s="10" t="s">
        <v>22</v>
      </c>
      <c r="U1905" s="10" t="s">
        <v>22</v>
      </c>
      <c r="V1905" s="10" t="s">
        <v>22</v>
      </c>
      <c r="W1905" s="10" t="s">
        <v>22</v>
      </c>
      <c r="X1905" s="10" t="s">
        <v>22</v>
      </c>
      <c r="Y1905" s="10" t="s">
        <v>22</v>
      </c>
      <c r="Z1905" s="10" t="s">
        <v>22</v>
      </c>
    </row>
    <row r="1906" spans="1:26" ht="24" customHeight="1" x14ac:dyDescent="0.2">
      <c r="A1906" s="9" t="s">
        <v>19162</v>
      </c>
      <c r="B1906" s="9" t="s">
        <v>14</v>
      </c>
      <c r="C1906" s="9" t="s">
        <v>9123</v>
      </c>
      <c r="D1906" s="6" t="s">
        <v>9124</v>
      </c>
      <c r="E1906" s="22">
        <v>45343</v>
      </c>
      <c r="F1906" s="22">
        <v>47169</v>
      </c>
      <c r="G1906" s="6" t="s">
        <v>9125</v>
      </c>
      <c r="H1906" s="6" t="s">
        <v>18</v>
      </c>
      <c r="I1906" s="6" t="s">
        <v>19</v>
      </c>
      <c r="J1906" s="6" t="s">
        <v>9126</v>
      </c>
      <c r="K1906" s="9" t="s">
        <v>9127</v>
      </c>
      <c r="L1906" s="10" t="s">
        <v>22</v>
      </c>
      <c r="M1906" s="10" t="s">
        <v>22</v>
      </c>
      <c r="N1906" s="10" t="s">
        <v>22</v>
      </c>
      <c r="O1906" s="10" t="s">
        <v>22</v>
      </c>
      <c r="P1906" s="10" t="s">
        <v>22</v>
      </c>
      <c r="Q1906" s="10" t="s">
        <v>22</v>
      </c>
      <c r="R1906" s="10" t="s">
        <v>22</v>
      </c>
      <c r="S1906" s="10" t="s">
        <v>22</v>
      </c>
      <c r="T1906" s="10" t="s">
        <v>22</v>
      </c>
      <c r="U1906" s="10" t="s">
        <v>22</v>
      </c>
      <c r="V1906" s="10" t="s">
        <v>22</v>
      </c>
      <c r="W1906" s="10" t="s">
        <v>22</v>
      </c>
      <c r="X1906" s="10" t="s">
        <v>22</v>
      </c>
      <c r="Y1906" s="10" t="s">
        <v>22</v>
      </c>
      <c r="Z1906" s="10" t="s">
        <v>22</v>
      </c>
    </row>
    <row r="1907" spans="1:26" ht="24" customHeight="1" x14ac:dyDescent="0.2">
      <c r="A1907" s="9" t="s">
        <v>19163</v>
      </c>
      <c r="B1907" s="9" t="s">
        <v>14</v>
      </c>
      <c r="C1907" s="9" t="s">
        <v>9128</v>
      </c>
      <c r="D1907" s="6" t="s">
        <v>9129</v>
      </c>
      <c r="E1907" s="22">
        <v>45350</v>
      </c>
      <c r="F1907" s="22">
        <v>47176</v>
      </c>
      <c r="G1907" s="6" t="s">
        <v>9130</v>
      </c>
      <c r="H1907" s="6" t="s">
        <v>18</v>
      </c>
      <c r="I1907" s="6" t="s">
        <v>19</v>
      </c>
      <c r="J1907" s="6" t="s">
        <v>9131</v>
      </c>
      <c r="K1907" s="9" t="s">
        <v>9132</v>
      </c>
      <c r="L1907" s="10" t="s">
        <v>22</v>
      </c>
      <c r="M1907" s="10" t="s">
        <v>22</v>
      </c>
      <c r="N1907" s="10" t="s">
        <v>22</v>
      </c>
      <c r="O1907" s="10" t="s">
        <v>22</v>
      </c>
      <c r="P1907" s="10" t="s">
        <v>22</v>
      </c>
      <c r="Q1907" s="10" t="s">
        <v>22</v>
      </c>
      <c r="R1907" s="10" t="s">
        <v>22</v>
      </c>
      <c r="S1907" s="10" t="s">
        <v>22</v>
      </c>
      <c r="T1907" s="10" t="s">
        <v>22</v>
      </c>
      <c r="U1907" s="10" t="s">
        <v>22</v>
      </c>
      <c r="V1907" s="10" t="s">
        <v>22</v>
      </c>
      <c r="W1907" s="10" t="s">
        <v>22</v>
      </c>
      <c r="X1907" s="10" t="s">
        <v>22</v>
      </c>
      <c r="Y1907" s="10" t="s">
        <v>22</v>
      </c>
      <c r="Z1907" s="10" t="s">
        <v>22</v>
      </c>
    </row>
    <row r="1908" spans="1:26" ht="24" customHeight="1" x14ac:dyDescent="0.2">
      <c r="A1908" s="9" t="s">
        <v>19164</v>
      </c>
      <c r="B1908" s="9" t="s">
        <v>14</v>
      </c>
      <c r="C1908" s="9" t="s">
        <v>9133</v>
      </c>
      <c r="D1908" s="6" t="s">
        <v>9134</v>
      </c>
      <c r="E1908" s="22">
        <v>45350</v>
      </c>
      <c r="F1908" s="22">
        <v>47176</v>
      </c>
      <c r="G1908" s="6" t="s">
        <v>9135</v>
      </c>
      <c r="H1908" s="6" t="s">
        <v>62</v>
      </c>
      <c r="I1908" s="6" t="s">
        <v>73</v>
      </c>
      <c r="J1908" s="6" t="s">
        <v>9136</v>
      </c>
      <c r="L1908" s="10" t="s">
        <v>22</v>
      </c>
      <c r="M1908" s="10" t="s">
        <v>22</v>
      </c>
      <c r="N1908" s="10" t="s">
        <v>22</v>
      </c>
      <c r="O1908" s="10" t="s">
        <v>22</v>
      </c>
      <c r="P1908" s="10" t="s">
        <v>22</v>
      </c>
      <c r="Q1908" s="10" t="s">
        <v>22</v>
      </c>
      <c r="U1908" s="10" t="s">
        <v>22</v>
      </c>
      <c r="V1908" s="10" t="s">
        <v>22</v>
      </c>
      <c r="W1908" s="10" t="s">
        <v>22</v>
      </c>
      <c r="X1908" s="10" t="s">
        <v>22</v>
      </c>
      <c r="Y1908" s="10" t="s">
        <v>22</v>
      </c>
      <c r="Z1908" s="10" t="s">
        <v>22</v>
      </c>
    </row>
    <row r="1909" spans="1:26" ht="24" customHeight="1" x14ac:dyDescent="0.2">
      <c r="A1909" s="9" t="s">
        <v>19165</v>
      </c>
      <c r="B1909" s="9" t="s">
        <v>14</v>
      </c>
      <c r="C1909" s="9" t="s">
        <v>9137</v>
      </c>
      <c r="D1909" s="6" t="s">
        <v>9138</v>
      </c>
      <c r="E1909" s="22">
        <v>45355</v>
      </c>
      <c r="F1909" s="22">
        <v>47180</v>
      </c>
      <c r="G1909" s="6" t="s">
        <v>9139</v>
      </c>
      <c r="H1909" s="6" t="s">
        <v>18</v>
      </c>
      <c r="I1909" s="6" t="s">
        <v>19</v>
      </c>
      <c r="J1909" s="6" t="s">
        <v>9140</v>
      </c>
      <c r="K1909" s="9" t="s">
        <v>9141</v>
      </c>
      <c r="L1909" s="10" t="s">
        <v>22</v>
      </c>
      <c r="M1909" s="10" t="s">
        <v>22</v>
      </c>
      <c r="N1909" s="10" t="s">
        <v>22</v>
      </c>
      <c r="O1909" s="10" t="s">
        <v>22</v>
      </c>
      <c r="P1909" s="10" t="s">
        <v>22</v>
      </c>
      <c r="Q1909" s="10" t="s">
        <v>22</v>
      </c>
      <c r="R1909" s="10" t="s">
        <v>22</v>
      </c>
      <c r="S1909" s="10" t="s">
        <v>22</v>
      </c>
      <c r="T1909" s="10" t="s">
        <v>22</v>
      </c>
      <c r="U1909" s="10" t="s">
        <v>22</v>
      </c>
      <c r="V1909" s="10" t="s">
        <v>22</v>
      </c>
      <c r="W1909" s="10" t="s">
        <v>22</v>
      </c>
      <c r="X1909" s="10" t="s">
        <v>22</v>
      </c>
      <c r="Y1909" s="10" t="s">
        <v>22</v>
      </c>
      <c r="Z1909" s="10" t="s">
        <v>22</v>
      </c>
    </row>
    <row r="1910" spans="1:26" ht="24" customHeight="1" x14ac:dyDescent="0.2">
      <c r="A1910" s="9" t="s">
        <v>19166</v>
      </c>
      <c r="B1910" s="9" t="s">
        <v>14</v>
      </c>
      <c r="C1910" s="9" t="s">
        <v>9142</v>
      </c>
      <c r="D1910" s="6" t="s">
        <v>9143</v>
      </c>
      <c r="E1910" s="22">
        <v>45357</v>
      </c>
      <c r="F1910" s="22">
        <v>47182</v>
      </c>
      <c r="G1910" s="6" t="s">
        <v>9144</v>
      </c>
      <c r="H1910" s="6" t="s">
        <v>202</v>
      </c>
      <c r="I1910" s="6" t="s">
        <v>863</v>
      </c>
      <c r="J1910" s="6" t="s">
        <v>9145</v>
      </c>
      <c r="K1910" s="9" t="s">
        <v>9146</v>
      </c>
      <c r="L1910" s="10" t="s">
        <v>22</v>
      </c>
      <c r="M1910" s="10" t="s">
        <v>22</v>
      </c>
      <c r="N1910" s="10" t="s">
        <v>22</v>
      </c>
      <c r="O1910" s="10" t="s">
        <v>22</v>
      </c>
      <c r="P1910" s="10" t="s">
        <v>22</v>
      </c>
      <c r="Q1910" s="10" t="s">
        <v>22</v>
      </c>
      <c r="R1910" s="10" t="s">
        <v>22</v>
      </c>
      <c r="S1910" s="10" t="s">
        <v>22</v>
      </c>
      <c r="T1910" s="10" t="s">
        <v>22</v>
      </c>
      <c r="U1910" s="10" t="s">
        <v>22</v>
      </c>
      <c r="V1910" s="10" t="s">
        <v>22</v>
      </c>
      <c r="W1910" s="10" t="s">
        <v>22</v>
      </c>
      <c r="X1910" s="10" t="s">
        <v>22</v>
      </c>
      <c r="Y1910" s="10" t="s">
        <v>22</v>
      </c>
      <c r="Z1910" s="10" t="s">
        <v>22</v>
      </c>
    </row>
    <row r="1911" spans="1:26" ht="24" customHeight="1" x14ac:dyDescent="0.2">
      <c r="A1911" s="9" t="s">
        <v>19167</v>
      </c>
      <c r="B1911" s="9" t="s">
        <v>14</v>
      </c>
      <c r="C1911" s="9" t="s">
        <v>9147</v>
      </c>
      <c r="D1911" s="6" t="s">
        <v>9148</v>
      </c>
      <c r="E1911" s="22">
        <v>45365</v>
      </c>
      <c r="F1911" s="22">
        <v>47190</v>
      </c>
      <c r="G1911" s="6" t="s">
        <v>9149</v>
      </c>
      <c r="H1911" s="6" t="s">
        <v>2029</v>
      </c>
      <c r="I1911" s="6" t="s">
        <v>7530</v>
      </c>
      <c r="J1911" s="6" t="s">
        <v>9150</v>
      </c>
      <c r="L1911" s="10" t="s">
        <v>22</v>
      </c>
      <c r="M1911" s="10" t="s">
        <v>22</v>
      </c>
      <c r="N1911" s="10" t="s">
        <v>22</v>
      </c>
      <c r="O1911" s="10" t="s">
        <v>22</v>
      </c>
      <c r="P1911" s="10" t="s">
        <v>22</v>
      </c>
      <c r="Q1911" s="10" t="s">
        <v>22</v>
      </c>
      <c r="R1911" s="10" t="s">
        <v>22</v>
      </c>
      <c r="S1911" s="10" t="s">
        <v>22</v>
      </c>
      <c r="T1911" s="10" t="s">
        <v>22</v>
      </c>
      <c r="U1911" s="10" t="s">
        <v>22</v>
      </c>
      <c r="V1911" s="10" t="s">
        <v>22</v>
      </c>
      <c r="W1911" s="10" t="s">
        <v>22</v>
      </c>
      <c r="X1911" s="10" t="s">
        <v>22</v>
      </c>
      <c r="Y1911" s="10" t="s">
        <v>22</v>
      </c>
      <c r="Z1911" s="10" t="s">
        <v>22</v>
      </c>
    </row>
    <row r="1912" spans="1:26" ht="24" customHeight="1" x14ac:dyDescent="0.2">
      <c r="A1912" s="9" t="s">
        <v>19168</v>
      </c>
      <c r="B1912" s="9" t="s">
        <v>14</v>
      </c>
      <c r="C1912" s="9" t="s">
        <v>9151</v>
      </c>
      <c r="D1912" s="6" t="s">
        <v>9152</v>
      </c>
      <c r="E1912" s="22">
        <v>45366</v>
      </c>
      <c r="F1912" s="22">
        <v>47191</v>
      </c>
      <c r="G1912" s="6" t="s">
        <v>9153</v>
      </c>
      <c r="H1912" s="6" t="s">
        <v>62</v>
      </c>
      <c r="I1912" s="6" t="s">
        <v>379</v>
      </c>
      <c r="J1912" s="6" t="s">
        <v>9154</v>
      </c>
      <c r="K1912" s="9" t="s">
        <v>9155</v>
      </c>
      <c r="L1912" s="10" t="s">
        <v>22</v>
      </c>
      <c r="M1912" s="10" t="s">
        <v>22</v>
      </c>
      <c r="N1912" s="10" t="s">
        <v>22</v>
      </c>
      <c r="O1912" s="10" t="s">
        <v>22</v>
      </c>
      <c r="P1912" s="10" t="s">
        <v>22</v>
      </c>
      <c r="Q1912" s="10" t="s">
        <v>22</v>
      </c>
    </row>
    <row r="1913" spans="1:26" ht="24" customHeight="1" x14ac:dyDescent="0.2">
      <c r="A1913" s="9" t="s">
        <v>19169</v>
      </c>
      <c r="B1913" s="9" t="s">
        <v>14</v>
      </c>
      <c r="C1913" s="9" t="s">
        <v>9156</v>
      </c>
      <c r="D1913" s="6" t="s">
        <v>9157</v>
      </c>
      <c r="E1913" s="22">
        <v>45373</v>
      </c>
      <c r="F1913" s="22">
        <v>47198</v>
      </c>
      <c r="G1913" s="6" t="s">
        <v>9158</v>
      </c>
      <c r="H1913" s="6" t="s">
        <v>363</v>
      </c>
      <c r="I1913" s="6" t="s">
        <v>1966</v>
      </c>
      <c r="J1913" s="6" t="s">
        <v>9159</v>
      </c>
      <c r="K1913" s="9" t="s">
        <v>9160</v>
      </c>
      <c r="L1913" s="10" t="s">
        <v>22</v>
      </c>
      <c r="M1913" s="10" t="s">
        <v>22</v>
      </c>
      <c r="N1913" s="10" t="s">
        <v>22</v>
      </c>
      <c r="O1913" s="10" t="s">
        <v>22</v>
      </c>
      <c r="P1913" s="10" t="s">
        <v>22</v>
      </c>
      <c r="Q1913" s="10" t="s">
        <v>22</v>
      </c>
      <c r="R1913" s="10" t="s">
        <v>22</v>
      </c>
      <c r="S1913" s="10" t="s">
        <v>22</v>
      </c>
      <c r="T1913" s="10" t="s">
        <v>22</v>
      </c>
      <c r="U1913" s="10" t="s">
        <v>22</v>
      </c>
      <c r="V1913" s="10" t="s">
        <v>22</v>
      </c>
      <c r="W1913" s="10" t="s">
        <v>22</v>
      </c>
      <c r="X1913" s="10" t="s">
        <v>22</v>
      </c>
      <c r="Y1913" s="10" t="s">
        <v>22</v>
      </c>
      <c r="Z1913" s="10" t="s">
        <v>22</v>
      </c>
    </row>
    <row r="1914" spans="1:26" ht="24" customHeight="1" x14ac:dyDescent="0.2">
      <c r="A1914" s="9" t="s">
        <v>19170</v>
      </c>
      <c r="B1914" s="9" t="s">
        <v>14</v>
      </c>
      <c r="C1914" s="9" t="s">
        <v>9161</v>
      </c>
      <c r="D1914" s="6" t="s">
        <v>9162</v>
      </c>
      <c r="E1914" s="22">
        <v>45378</v>
      </c>
      <c r="F1914" s="22">
        <v>47203</v>
      </c>
      <c r="G1914" s="6" t="s">
        <v>9163</v>
      </c>
      <c r="H1914" s="6" t="s">
        <v>62</v>
      </c>
      <c r="I1914" s="6" t="s">
        <v>318</v>
      </c>
      <c r="J1914" s="6" t="s">
        <v>9164</v>
      </c>
      <c r="K1914" s="9" t="s">
        <v>9165</v>
      </c>
      <c r="L1914" s="10" t="s">
        <v>22</v>
      </c>
      <c r="M1914" s="10" t="s">
        <v>22</v>
      </c>
      <c r="N1914" s="10" t="s">
        <v>22</v>
      </c>
      <c r="O1914" s="10" t="s">
        <v>22</v>
      </c>
      <c r="P1914" s="10" t="s">
        <v>22</v>
      </c>
      <c r="Q1914" s="10" t="s">
        <v>22</v>
      </c>
      <c r="U1914" s="10" t="s">
        <v>22</v>
      </c>
      <c r="V1914" s="10" t="s">
        <v>22</v>
      </c>
      <c r="W1914" s="10" t="s">
        <v>22</v>
      </c>
      <c r="X1914" s="10" t="s">
        <v>22</v>
      </c>
      <c r="Y1914" s="10" t="s">
        <v>22</v>
      </c>
      <c r="Z1914" s="10" t="s">
        <v>22</v>
      </c>
    </row>
    <row r="1915" spans="1:26" ht="24" customHeight="1" x14ac:dyDescent="0.2">
      <c r="A1915" s="9" t="s">
        <v>19171</v>
      </c>
      <c r="B1915" s="9" t="s">
        <v>14</v>
      </c>
      <c r="C1915" s="9" t="s">
        <v>9166</v>
      </c>
      <c r="D1915" s="6" t="s">
        <v>9167</v>
      </c>
      <c r="E1915" s="22">
        <v>45383</v>
      </c>
      <c r="F1915" s="22">
        <v>47208</v>
      </c>
      <c r="G1915" s="6" t="s">
        <v>9168</v>
      </c>
      <c r="H1915" s="6" t="s">
        <v>62</v>
      </c>
      <c r="I1915" s="6" t="s">
        <v>252</v>
      </c>
      <c r="J1915" s="6" t="s">
        <v>9169</v>
      </c>
      <c r="K1915" s="9" t="s">
        <v>9170</v>
      </c>
      <c r="L1915" s="10" t="s">
        <v>22</v>
      </c>
      <c r="M1915" s="10" t="s">
        <v>22</v>
      </c>
      <c r="N1915" s="10" t="s">
        <v>22</v>
      </c>
      <c r="O1915" s="10" t="s">
        <v>22</v>
      </c>
      <c r="P1915" s="10" t="s">
        <v>22</v>
      </c>
      <c r="Q1915" s="10" t="s">
        <v>22</v>
      </c>
      <c r="R1915" s="10" t="s">
        <v>22</v>
      </c>
      <c r="S1915" s="10" t="s">
        <v>22</v>
      </c>
      <c r="T1915" s="10" t="s">
        <v>22</v>
      </c>
      <c r="U1915" s="10" t="s">
        <v>22</v>
      </c>
      <c r="V1915" s="10" t="s">
        <v>22</v>
      </c>
      <c r="W1915" s="10" t="s">
        <v>22</v>
      </c>
      <c r="X1915" s="10" t="s">
        <v>22</v>
      </c>
      <c r="Y1915" s="10" t="s">
        <v>22</v>
      </c>
      <c r="Z1915" s="10" t="s">
        <v>22</v>
      </c>
    </row>
    <row r="1916" spans="1:26" ht="24" customHeight="1" x14ac:dyDescent="0.2">
      <c r="A1916" s="9" t="s">
        <v>19172</v>
      </c>
      <c r="B1916" s="9" t="s">
        <v>14</v>
      </c>
      <c r="C1916" s="9" t="s">
        <v>9171</v>
      </c>
      <c r="D1916" s="6" t="s">
        <v>9172</v>
      </c>
      <c r="E1916" s="22">
        <v>45384</v>
      </c>
      <c r="F1916" s="22">
        <v>47209</v>
      </c>
      <c r="G1916" s="6" t="s">
        <v>9173</v>
      </c>
      <c r="H1916" s="6" t="s">
        <v>62</v>
      </c>
      <c r="I1916" s="6" t="s">
        <v>551</v>
      </c>
      <c r="J1916" s="6" t="s">
        <v>9174</v>
      </c>
      <c r="K1916" s="9" t="s">
        <v>9175</v>
      </c>
      <c r="L1916" s="10" t="s">
        <v>22</v>
      </c>
      <c r="M1916" s="10" t="s">
        <v>22</v>
      </c>
      <c r="N1916" s="10" t="s">
        <v>22</v>
      </c>
      <c r="O1916" s="10" t="s">
        <v>22</v>
      </c>
      <c r="P1916" s="10" t="s">
        <v>22</v>
      </c>
      <c r="Q1916" s="10" t="s">
        <v>22</v>
      </c>
      <c r="R1916" s="10" t="s">
        <v>22</v>
      </c>
      <c r="S1916" s="10" t="s">
        <v>22</v>
      </c>
      <c r="T1916" s="10" t="s">
        <v>22</v>
      </c>
      <c r="U1916" s="10" t="s">
        <v>22</v>
      </c>
      <c r="V1916" s="10" t="s">
        <v>22</v>
      </c>
      <c r="W1916" s="10" t="s">
        <v>22</v>
      </c>
      <c r="X1916" s="10" t="s">
        <v>22</v>
      </c>
      <c r="Y1916" s="10" t="s">
        <v>22</v>
      </c>
      <c r="Z1916" s="10" t="s">
        <v>22</v>
      </c>
    </row>
    <row r="1917" spans="1:26" ht="24" customHeight="1" x14ac:dyDescent="0.2">
      <c r="A1917" s="9" t="s">
        <v>19173</v>
      </c>
      <c r="B1917" s="9" t="s">
        <v>14</v>
      </c>
      <c r="C1917" s="9" t="s">
        <v>9176</v>
      </c>
      <c r="D1917" s="6" t="s">
        <v>9177</v>
      </c>
      <c r="E1917" s="22">
        <v>45386</v>
      </c>
      <c r="F1917" s="22">
        <v>47211</v>
      </c>
      <c r="G1917" s="6" t="s">
        <v>9178</v>
      </c>
      <c r="H1917" s="6" t="s">
        <v>62</v>
      </c>
      <c r="I1917" s="6" t="s">
        <v>2578</v>
      </c>
      <c r="J1917" s="6" t="s">
        <v>16237</v>
      </c>
      <c r="K1917" s="9" t="s">
        <v>16238</v>
      </c>
      <c r="L1917" s="10" t="s">
        <v>22</v>
      </c>
      <c r="M1917" s="10" t="s">
        <v>22</v>
      </c>
      <c r="N1917" s="10" t="s">
        <v>22</v>
      </c>
      <c r="O1917" s="10" t="s">
        <v>22</v>
      </c>
      <c r="P1917" s="10" t="s">
        <v>22</v>
      </c>
      <c r="Q1917" s="10" t="s">
        <v>22</v>
      </c>
      <c r="U1917" s="10" t="s">
        <v>22</v>
      </c>
      <c r="V1917" s="10" t="s">
        <v>22</v>
      </c>
      <c r="W1917" s="10" t="s">
        <v>22</v>
      </c>
      <c r="X1917" s="10" t="s">
        <v>22</v>
      </c>
      <c r="Y1917" s="10" t="s">
        <v>22</v>
      </c>
      <c r="Z1917" s="10" t="s">
        <v>22</v>
      </c>
    </row>
    <row r="1918" spans="1:26" ht="24" customHeight="1" x14ac:dyDescent="0.2">
      <c r="A1918" s="9" t="s">
        <v>19174</v>
      </c>
      <c r="B1918" s="9" t="s">
        <v>14</v>
      </c>
      <c r="C1918" s="9" t="s">
        <v>9179</v>
      </c>
      <c r="D1918" s="6" t="s">
        <v>9180</v>
      </c>
      <c r="E1918" s="22">
        <v>45386</v>
      </c>
      <c r="F1918" s="22">
        <v>47211</v>
      </c>
      <c r="G1918" s="6" t="s">
        <v>9181</v>
      </c>
      <c r="H1918" s="6" t="s">
        <v>202</v>
      </c>
      <c r="I1918" s="6" t="s">
        <v>1707</v>
      </c>
      <c r="J1918" s="6" t="s">
        <v>9182</v>
      </c>
      <c r="K1918" s="9" t="s">
        <v>9183</v>
      </c>
      <c r="L1918" s="10" t="s">
        <v>22</v>
      </c>
      <c r="M1918" s="10" t="s">
        <v>22</v>
      </c>
      <c r="N1918" s="10" t="s">
        <v>22</v>
      </c>
      <c r="U1918" s="10" t="s">
        <v>22</v>
      </c>
      <c r="V1918" s="10" t="s">
        <v>22</v>
      </c>
      <c r="W1918" s="10" t="s">
        <v>22</v>
      </c>
    </row>
    <row r="1919" spans="1:26" ht="24" customHeight="1" x14ac:dyDescent="0.2">
      <c r="A1919" s="9" t="s">
        <v>19175</v>
      </c>
      <c r="B1919" s="9" t="s">
        <v>14</v>
      </c>
      <c r="C1919" s="9" t="s">
        <v>9184</v>
      </c>
      <c r="D1919" s="6" t="s">
        <v>9185</v>
      </c>
      <c r="E1919" s="22">
        <v>45387</v>
      </c>
      <c r="F1919" s="22">
        <v>47212</v>
      </c>
      <c r="G1919" s="6" t="s">
        <v>9186</v>
      </c>
      <c r="H1919" s="6" t="s">
        <v>62</v>
      </c>
      <c r="I1919" s="6" t="s">
        <v>63</v>
      </c>
      <c r="J1919" s="6" t="s">
        <v>9187</v>
      </c>
      <c r="K1919" s="9" t="s">
        <v>9188</v>
      </c>
      <c r="L1919" s="10" t="s">
        <v>22</v>
      </c>
      <c r="M1919" s="10" t="s">
        <v>22</v>
      </c>
      <c r="N1919" s="10" t="s">
        <v>22</v>
      </c>
      <c r="O1919" s="10" t="s">
        <v>22</v>
      </c>
      <c r="P1919" s="10" t="s">
        <v>22</v>
      </c>
      <c r="Q1919" s="10" t="s">
        <v>22</v>
      </c>
      <c r="R1919" s="10" t="s">
        <v>22</v>
      </c>
      <c r="S1919" s="10" t="s">
        <v>22</v>
      </c>
      <c r="T1919" s="10" t="s">
        <v>22</v>
      </c>
      <c r="U1919" s="10" t="s">
        <v>22</v>
      </c>
      <c r="V1919" s="10" t="s">
        <v>22</v>
      </c>
      <c r="W1919" s="10" t="s">
        <v>22</v>
      </c>
      <c r="X1919" s="10" t="s">
        <v>22</v>
      </c>
      <c r="Y1919" s="10" t="s">
        <v>22</v>
      </c>
      <c r="Z1919" s="10" t="s">
        <v>22</v>
      </c>
    </row>
    <row r="1920" spans="1:26" ht="24" customHeight="1" x14ac:dyDescent="0.2">
      <c r="A1920" s="9" t="s">
        <v>19176</v>
      </c>
      <c r="B1920" s="9" t="s">
        <v>14</v>
      </c>
      <c r="C1920" s="9" t="s">
        <v>9189</v>
      </c>
      <c r="D1920" s="6" t="s">
        <v>9190</v>
      </c>
      <c r="E1920" s="22">
        <v>45391</v>
      </c>
      <c r="F1920" s="22">
        <v>47216</v>
      </c>
      <c r="G1920" s="6" t="s">
        <v>9191</v>
      </c>
      <c r="H1920" s="6" t="s">
        <v>3283</v>
      </c>
      <c r="I1920" s="6" t="s">
        <v>3284</v>
      </c>
      <c r="J1920" s="6" t="s">
        <v>9192</v>
      </c>
      <c r="K1920" s="9" t="s">
        <v>9193</v>
      </c>
      <c r="L1920" s="10" t="s">
        <v>22</v>
      </c>
      <c r="M1920" s="10" t="s">
        <v>22</v>
      </c>
      <c r="N1920" s="10" t="s">
        <v>22</v>
      </c>
      <c r="O1920" s="10" t="s">
        <v>22</v>
      </c>
      <c r="P1920" s="10" t="s">
        <v>22</v>
      </c>
      <c r="Q1920" s="10" t="s">
        <v>22</v>
      </c>
      <c r="R1920" s="10" t="s">
        <v>22</v>
      </c>
      <c r="S1920" s="10" t="s">
        <v>22</v>
      </c>
      <c r="T1920" s="10" t="s">
        <v>22</v>
      </c>
      <c r="U1920" s="10" t="s">
        <v>22</v>
      </c>
      <c r="V1920" s="10" t="s">
        <v>22</v>
      </c>
      <c r="W1920" s="10" t="s">
        <v>22</v>
      </c>
      <c r="X1920" s="10" t="s">
        <v>22</v>
      </c>
      <c r="Y1920" s="10" t="s">
        <v>22</v>
      </c>
      <c r="Z1920" s="10" t="s">
        <v>22</v>
      </c>
    </row>
    <row r="1921" spans="1:26" ht="24" customHeight="1" x14ac:dyDescent="0.2">
      <c r="A1921" s="9" t="s">
        <v>19177</v>
      </c>
      <c r="B1921" s="9" t="s">
        <v>14</v>
      </c>
      <c r="C1921" s="9" t="s">
        <v>9194</v>
      </c>
      <c r="D1921" s="6" t="s">
        <v>9195</v>
      </c>
      <c r="E1921" s="22">
        <v>45392</v>
      </c>
      <c r="F1921" s="22">
        <v>47217</v>
      </c>
      <c r="G1921" s="6" t="s">
        <v>9196</v>
      </c>
      <c r="H1921" s="6" t="s">
        <v>62</v>
      </c>
      <c r="I1921" s="6" t="s">
        <v>279</v>
      </c>
      <c r="J1921" s="6" t="s">
        <v>9197</v>
      </c>
      <c r="K1921" s="9" t="s">
        <v>9198</v>
      </c>
      <c r="P1921" s="10" t="s">
        <v>22</v>
      </c>
      <c r="Q1921" s="10" t="s">
        <v>22</v>
      </c>
    </row>
    <row r="1922" spans="1:26" ht="24" customHeight="1" x14ac:dyDescent="0.2">
      <c r="A1922" s="9" t="s">
        <v>19178</v>
      </c>
      <c r="B1922" s="9" t="s">
        <v>14</v>
      </c>
      <c r="C1922" s="9" t="s">
        <v>9199</v>
      </c>
      <c r="D1922" s="6" t="s">
        <v>9200</v>
      </c>
      <c r="E1922" s="22">
        <v>45392</v>
      </c>
      <c r="F1922" s="22">
        <v>47217</v>
      </c>
      <c r="G1922" s="6" t="s">
        <v>9201</v>
      </c>
      <c r="H1922" s="6" t="s">
        <v>18</v>
      </c>
      <c r="I1922" s="6" t="s">
        <v>19</v>
      </c>
      <c r="J1922" s="6" t="s">
        <v>9202</v>
      </c>
      <c r="K1922" s="9" t="s">
        <v>9203</v>
      </c>
      <c r="L1922" s="10" t="s">
        <v>22</v>
      </c>
      <c r="M1922" s="10" t="s">
        <v>22</v>
      </c>
      <c r="N1922" s="10" t="s">
        <v>22</v>
      </c>
      <c r="O1922" s="10" t="s">
        <v>22</v>
      </c>
      <c r="P1922" s="10" t="s">
        <v>22</v>
      </c>
      <c r="Q1922" s="10" t="s">
        <v>22</v>
      </c>
      <c r="R1922" s="10" t="s">
        <v>22</v>
      </c>
      <c r="S1922" s="10" t="s">
        <v>22</v>
      </c>
      <c r="T1922" s="10" t="s">
        <v>22</v>
      </c>
    </row>
    <row r="1923" spans="1:26" ht="24" customHeight="1" x14ac:dyDescent="0.2">
      <c r="A1923" s="9" t="s">
        <v>19179</v>
      </c>
      <c r="B1923" s="9" t="s">
        <v>14</v>
      </c>
      <c r="C1923" s="9" t="s">
        <v>9204</v>
      </c>
      <c r="D1923" s="6" t="s">
        <v>9205</v>
      </c>
      <c r="E1923" s="22">
        <v>45394</v>
      </c>
      <c r="F1923" s="22">
        <v>47219</v>
      </c>
      <c r="G1923" s="6" t="s">
        <v>9206</v>
      </c>
      <c r="H1923" s="6" t="s">
        <v>229</v>
      </c>
      <c r="I1923" s="6" t="s">
        <v>4848</v>
      </c>
      <c r="J1923" s="6" t="s">
        <v>9207</v>
      </c>
      <c r="L1923" s="10" t="s">
        <v>22</v>
      </c>
      <c r="M1923" s="10" t="s">
        <v>22</v>
      </c>
      <c r="N1923" s="10" t="s">
        <v>22</v>
      </c>
      <c r="O1923" s="10" t="s">
        <v>22</v>
      </c>
      <c r="P1923" s="10" t="s">
        <v>22</v>
      </c>
      <c r="Q1923" s="10" t="s">
        <v>22</v>
      </c>
      <c r="R1923" s="10" t="s">
        <v>22</v>
      </c>
      <c r="S1923" s="10" t="s">
        <v>22</v>
      </c>
      <c r="T1923" s="10" t="s">
        <v>22</v>
      </c>
      <c r="U1923" s="10" t="s">
        <v>22</v>
      </c>
      <c r="V1923" s="10" t="s">
        <v>22</v>
      </c>
      <c r="W1923" s="10" t="s">
        <v>22</v>
      </c>
      <c r="X1923" s="10" t="s">
        <v>22</v>
      </c>
      <c r="Y1923" s="10" t="s">
        <v>22</v>
      </c>
      <c r="Z1923" s="10" t="s">
        <v>22</v>
      </c>
    </row>
    <row r="1924" spans="1:26" ht="24" customHeight="1" x14ac:dyDescent="0.2">
      <c r="A1924" s="9" t="s">
        <v>19180</v>
      </c>
      <c r="B1924" s="9" t="s">
        <v>14</v>
      </c>
      <c r="C1924" s="9" t="s">
        <v>9208</v>
      </c>
      <c r="D1924" s="6" t="s">
        <v>9209</v>
      </c>
      <c r="E1924" s="22">
        <v>45397</v>
      </c>
      <c r="F1924" s="22">
        <v>47222</v>
      </c>
      <c r="G1924" s="6" t="s">
        <v>9210</v>
      </c>
      <c r="H1924" s="6" t="s">
        <v>62</v>
      </c>
      <c r="I1924" s="6" t="s">
        <v>318</v>
      </c>
      <c r="J1924" s="6" t="s">
        <v>9211</v>
      </c>
      <c r="L1924" s="10" t="s">
        <v>22</v>
      </c>
      <c r="M1924" s="10" t="s">
        <v>22</v>
      </c>
      <c r="N1924" s="10" t="s">
        <v>22</v>
      </c>
      <c r="O1924" s="10" t="s">
        <v>22</v>
      </c>
      <c r="P1924" s="10" t="s">
        <v>22</v>
      </c>
      <c r="Q1924" s="10" t="s">
        <v>22</v>
      </c>
      <c r="R1924" s="10" t="s">
        <v>22</v>
      </c>
      <c r="S1924" s="10" t="s">
        <v>22</v>
      </c>
      <c r="T1924" s="10" t="s">
        <v>22</v>
      </c>
      <c r="U1924" s="10" t="s">
        <v>22</v>
      </c>
      <c r="V1924" s="10" t="s">
        <v>22</v>
      </c>
      <c r="W1924" s="10" t="s">
        <v>22</v>
      </c>
      <c r="X1924" s="10" t="s">
        <v>22</v>
      </c>
      <c r="Y1924" s="10" t="s">
        <v>22</v>
      </c>
      <c r="Z1924" s="10" t="s">
        <v>22</v>
      </c>
    </row>
    <row r="1925" spans="1:26" ht="24" customHeight="1" x14ac:dyDescent="0.2">
      <c r="A1925" s="9" t="s">
        <v>19181</v>
      </c>
      <c r="B1925" s="9" t="s">
        <v>14</v>
      </c>
      <c r="C1925" s="9" t="s">
        <v>9212</v>
      </c>
      <c r="D1925" s="6" t="s">
        <v>9213</v>
      </c>
      <c r="E1925" s="22">
        <v>45397</v>
      </c>
      <c r="F1925" s="22">
        <v>47222</v>
      </c>
      <c r="G1925" s="6" t="s">
        <v>9214</v>
      </c>
      <c r="H1925" s="6" t="s">
        <v>18</v>
      </c>
      <c r="I1925" s="6" t="s">
        <v>19</v>
      </c>
      <c r="J1925" s="6" t="s">
        <v>9215</v>
      </c>
      <c r="K1925" s="9" t="s">
        <v>9216</v>
      </c>
      <c r="L1925" s="10" t="s">
        <v>22</v>
      </c>
      <c r="M1925" s="10" t="s">
        <v>22</v>
      </c>
      <c r="N1925" s="10" t="s">
        <v>22</v>
      </c>
      <c r="U1925" s="10" t="s">
        <v>22</v>
      </c>
      <c r="V1925" s="10" t="s">
        <v>22</v>
      </c>
      <c r="W1925" s="10" t="s">
        <v>22</v>
      </c>
    </row>
    <row r="1926" spans="1:26" ht="24" customHeight="1" x14ac:dyDescent="0.2">
      <c r="A1926" s="9" t="s">
        <v>19182</v>
      </c>
      <c r="B1926" s="9" t="s">
        <v>14</v>
      </c>
      <c r="C1926" s="9" t="s">
        <v>9217</v>
      </c>
      <c r="D1926" s="6" t="s">
        <v>9218</v>
      </c>
      <c r="E1926" s="22">
        <v>45397</v>
      </c>
      <c r="F1926" s="22">
        <v>47222</v>
      </c>
      <c r="G1926" s="6" t="s">
        <v>9219</v>
      </c>
      <c r="H1926" s="6" t="s">
        <v>62</v>
      </c>
      <c r="I1926" s="6" t="s">
        <v>264</v>
      </c>
      <c r="J1926" s="6" t="s">
        <v>9220</v>
      </c>
      <c r="K1926" s="9" t="s">
        <v>9221</v>
      </c>
      <c r="L1926" s="10" t="s">
        <v>22</v>
      </c>
      <c r="M1926" s="10" t="s">
        <v>22</v>
      </c>
      <c r="N1926" s="10" t="s">
        <v>22</v>
      </c>
      <c r="O1926" s="10" t="s">
        <v>22</v>
      </c>
      <c r="P1926" s="10" t="s">
        <v>22</v>
      </c>
      <c r="Q1926" s="10" t="s">
        <v>22</v>
      </c>
      <c r="R1926" s="10" t="s">
        <v>22</v>
      </c>
      <c r="S1926" s="10" t="s">
        <v>22</v>
      </c>
      <c r="T1926" s="10" t="s">
        <v>22</v>
      </c>
      <c r="U1926" s="10" t="s">
        <v>22</v>
      </c>
      <c r="V1926" s="10" t="s">
        <v>22</v>
      </c>
      <c r="W1926" s="10" t="s">
        <v>22</v>
      </c>
      <c r="X1926" s="10" t="s">
        <v>22</v>
      </c>
      <c r="Y1926" s="10" t="s">
        <v>22</v>
      </c>
      <c r="Z1926" s="10" t="s">
        <v>22</v>
      </c>
    </row>
    <row r="1927" spans="1:26" ht="24" customHeight="1" x14ac:dyDescent="0.2">
      <c r="A1927" s="9" t="s">
        <v>19183</v>
      </c>
      <c r="B1927" s="9" t="s">
        <v>14</v>
      </c>
      <c r="C1927" s="9" t="s">
        <v>9222</v>
      </c>
      <c r="D1927" s="6" t="s">
        <v>9223</v>
      </c>
      <c r="E1927" s="22">
        <v>45397</v>
      </c>
      <c r="F1927" s="22">
        <v>47222</v>
      </c>
      <c r="G1927" s="6" t="s">
        <v>9224</v>
      </c>
      <c r="H1927" s="6" t="s">
        <v>62</v>
      </c>
      <c r="I1927" s="6" t="s">
        <v>63</v>
      </c>
      <c r="J1927" s="6" t="s">
        <v>9225</v>
      </c>
      <c r="K1927" s="9" t="s">
        <v>9226</v>
      </c>
      <c r="L1927" s="10" t="s">
        <v>22</v>
      </c>
      <c r="M1927" s="10" t="s">
        <v>22</v>
      </c>
      <c r="N1927" s="10" t="s">
        <v>22</v>
      </c>
      <c r="O1927" s="10" t="s">
        <v>22</v>
      </c>
      <c r="P1927" s="10" t="s">
        <v>22</v>
      </c>
      <c r="Q1927" s="10" t="s">
        <v>22</v>
      </c>
      <c r="R1927" s="10" t="s">
        <v>22</v>
      </c>
      <c r="S1927" s="10" t="s">
        <v>22</v>
      </c>
      <c r="T1927" s="10" t="s">
        <v>22</v>
      </c>
      <c r="U1927" s="10" t="s">
        <v>22</v>
      </c>
      <c r="V1927" s="10" t="s">
        <v>22</v>
      </c>
      <c r="W1927" s="10" t="s">
        <v>22</v>
      </c>
      <c r="X1927" s="10" t="s">
        <v>22</v>
      </c>
      <c r="Y1927" s="10" t="s">
        <v>22</v>
      </c>
      <c r="Z1927" s="10" t="s">
        <v>22</v>
      </c>
    </row>
    <row r="1928" spans="1:26" ht="24" customHeight="1" x14ac:dyDescent="0.2">
      <c r="A1928" s="9" t="s">
        <v>19184</v>
      </c>
      <c r="B1928" s="9" t="s">
        <v>14</v>
      </c>
      <c r="C1928" s="9" t="s">
        <v>9227</v>
      </c>
      <c r="D1928" s="6" t="s">
        <v>9228</v>
      </c>
      <c r="E1928" s="22">
        <v>45401</v>
      </c>
      <c r="F1928" s="22">
        <v>47226</v>
      </c>
      <c r="G1928" s="6" t="s">
        <v>9229</v>
      </c>
      <c r="H1928" s="6" t="s">
        <v>62</v>
      </c>
      <c r="I1928" s="6" t="s">
        <v>414</v>
      </c>
      <c r="J1928" s="6" t="s">
        <v>9230</v>
      </c>
      <c r="K1928" s="9" t="s">
        <v>9231</v>
      </c>
      <c r="L1928" s="10" t="s">
        <v>22</v>
      </c>
      <c r="M1928" s="10" t="s">
        <v>22</v>
      </c>
      <c r="N1928" s="10" t="s">
        <v>22</v>
      </c>
      <c r="O1928" s="10" t="s">
        <v>22</v>
      </c>
      <c r="P1928" s="10" t="s">
        <v>22</v>
      </c>
      <c r="Q1928" s="10" t="s">
        <v>22</v>
      </c>
      <c r="R1928" s="10" t="s">
        <v>22</v>
      </c>
      <c r="S1928" s="10" t="s">
        <v>22</v>
      </c>
      <c r="T1928" s="10" t="s">
        <v>22</v>
      </c>
      <c r="U1928" s="10" t="s">
        <v>22</v>
      </c>
      <c r="V1928" s="10" t="s">
        <v>22</v>
      </c>
      <c r="W1928" s="10" t="s">
        <v>22</v>
      </c>
      <c r="X1928" s="10" t="s">
        <v>22</v>
      </c>
      <c r="Y1928" s="10" t="s">
        <v>22</v>
      </c>
      <c r="Z1928" s="10" t="s">
        <v>22</v>
      </c>
    </row>
    <row r="1929" spans="1:26" ht="24" customHeight="1" x14ac:dyDescent="0.2">
      <c r="A1929" s="9" t="s">
        <v>19185</v>
      </c>
      <c r="B1929" s="9" t="s">
        <v>14</v>
      </c>
      <c r="C1929" s="9" t="s">
        <v>9232</v>
      </c>
      <c r="D1929" s="6" t="s">
        <v>9233</v>
      </c>
      <c r="E1929" s="22">
        <v>45406</v>
      </c>
      <c r="F1929" s="22">
        <v>47231</v>
      </c>
      <c r="G1929" s="6" t="s">
        <v>9234</v>
      </c>
      <c r="H1929" s="6" t="s">
        <v>18</v>
      </c>
      <c r="I1929" s="6" t="s">
        <v>26</v>
      </c>
      <c r="J1929" s="6" t="s">
        <v>9235</v>
      </c>
      <c r="K1929" s="9" t="s">
        <v>9236</v>
      </c>
      <c r="L1929" s="10" t="s">
        <v>22</v>
      </c>
      <c r="M1929" s="10" t="s">
        <v>22</v>
      </c>
      <c r="N1929" s="10" t="s">
        <v>22</v>
      </c>
      <c r="O1929" s="10" t="s">
        <v>22</v>
      </c>
      <c r="P1929" s="10" t="s">
        <v>22</v>
      </c>
      <c r="Q1929" s="10" t="s">
        <v>22</v>
      </c>
      <c r="R1929" s="10" t="s">
        <v>22</v>
      </c>
      <c r="S1929" s="10" t="s">
        <v>22</v>
      </c>
      <c r="T1929" s="10" t="s">
        <v>22</v>
      </c>
      <c r="U1929" s="10" t="s">
        <v>22</v>
      </c>
      <c r="V1929" s="10" t="s">
        <v>22</v>
      </c>
      <c r="W1929" s="10" t="s">
        <v>22</v>
      </c>
      <c r="X1929" s="10" t="s">
        <v>22</v>
      </c>
      <c r="Y1929" s="10" t="s">
        <v>22</v>
      </c>
      <c r="Z1929" s="10" t="s">
        <v>22</v>
      </c>
    </row>
    <row r="1930" spans="1:26" ht="24" customHeight="1" x14ac:dyDescent="0.2">
      <c r="A1930" s="9" t="s">
        <v>19186</v>
      </c>
      <c r="B1930" s="9" t="s">
        <v>14</v>
      </c>
      <c r="C1930" s="9" t="s">
        <v>9237</v>
      </c>
      <c r="D1930" s="6" t="s">
        <v>9238</v>
      </c>
      <c r="E1930" s="22">
        <v>45401</v>
      </c>
      <c r="F1930" s="22">
        <v>47226</v>
      </c>
      <c r="G1930" s="6" t="s">
        <v>9239</v>
      </c>
      <c r="H1930" s="6" t="s">
        <v>62</v>
      </c>
      <c r="I1930" s="6" t="s">
        <v>493</v>
      </c>
      <c r="J1930" s="6" t="s">
        <v>9240</v>
      </c>
      <c r="K1930" s="9" t="s">
        <v>9241</v>
      </c>
      <c r="L1930" s="10" t="s">
        <v>22</v>
      </c>
      <c r="M1930" s="10" t="s">
        <v>22</v>
      </c>
      <c r="N1930" s="10" t="s">
        <v>22</v>
      </c>
      <c r="O1930" s="10" t="s">
        <v>22</v>
      </c>
      <c r="P1930" s="10" t="s">
        <v>22</v>
      </c>
      <c r="Q1930" s="10" t="s">
        <v>22</v>
      </c>
      <c r="R1930" s="10" t="s">
        <v>22</v>
      </c>
      <c r="S1930" s="10" t="s">
        <v>22</v>
      </c>
      <c r="T1930" s="10" t="s">
        <v>22</v>
      </c>
      <c r="U1930" s="10" t="s">
        <v>22</v>
      </c>
      <c r="V1930" s="10" t="s">
        <v>22</v>
      </c>
      <c r="W1930" s="10" t="s">
        <v>22</v>
      </c>
      <c r="X1930" s="10" t="s">
        <v>22</v>
      </c>
      <c r="Y1930" s="10" t="s">
        <v>22</v>
      </c>
      <c r="Z1930" s="10" t="s">
        <v>22</v>
      </c>
    </row>
    <row r="1931" spans="1:26" ht="24" customHeight="1" x14ac:dyDescent="0.2">
      <c r="A1931" s="9" t="s">
        <v>19187</v>
      </c>
      <c r="B1931" s="9" t="s">
        <v>14</v>
      </c>
      <c r="C1931" s="9" t="s">
        <v>9242</v>
      </c>
      <c r="D1931" s="6" t="s">
        <v>9243</v>
      </c>
      <c r="E1931" s="22">
        <v>45406</v>
      </c>
      <c r="F1931" s="22">
        <v>47231</v>
      </c>
      <c r="G1931" s="6" t="s">
        <v>9244</v>
      </c>
      <c r="H1931" s="6" t="s">
        <v>18</v>
      </c>
      <c r="I1931" s="6" t="s">
        <v>19</v>
      </c>
      <c r="J1931" s="6" t="s">
        <v>9245</v>
      </c>
      <c r="L1931" s="10" t="s">
        <v>22</v>
      </c>
      <c r="M1931" s="10" t="s">
        <v>22</v>
      </c>
      <c r="N1931" s="10" t="s">
        <v>22</v>
      </c>
      <c r="O1931" s="10" t="s">
        <v>22</v>
      </c>
      <c r="P1931" s="10" t="s">
        <v>22</v>
      </c>
      <c r="Q1931" s="10" t="s">
        <v>22</v>
      </c>
      <c r="R1931" s="10" t="s">
        <v>22</v>
      </c>
      <c r="S1931" s="10" t="s">
        <v>22</v>
      </c>
      <c r="T1931" s="10" t="s">
        <v>22</v>
      </c>
      <c r="U1931" s="10" t="s">
        <v>22</v>
      </c>
      <c r="V1931" s="10" t="s">
        <v>22</v>
      </c>
      <c r="W1931" s="10" t="s">
        <v>22</v>
      </c>
      <c r="X1931" s="10" t="s">
        <v>22</v>
      </c>
      <c r="Y1931" s="10" t="s">
        <v>22</v>
      </c>
      <c r="Z1931" s="10" t="s">
        <v>22</v>
      </c>
    </row>
    <row r="1932" spans="1:26" ht="24" customHeight="1" x14ac:dyDescent="0.2">
      <c r="A1932" s="9" t="s">
        <v>19188</v>
      </c>
      <c r="B1932" s="9" t="s">
        <v>14</v>
      </c>
      <c r="C1932" s="9" t="s">
        <v>9246</v>
      </c>
      <c r="D1932" s="6" t="s">
        <v>9247</v>
      </c>
      <c r="E1932" s="22">
        <v>45406</v>
      </c>
      <c r="F1932" s="22">
        <v>47231</v>
      </c>
      <c r="G1932" s="6" t="s">
        <v>9248</v>
      </c>
      <c r="H1932" s="6" t="s">
        <v>202</v>
      </c>
      <c r="I1932" s="6" t="s">
        <v>2992</v>
      </c>
      <c r="J1932" s="6" t="s">
        <v>9249</v>
      </c>
      <c r="K1932" s="9" t="s">
        <v>9250</v>
      </c>
      <c r="L1932" s="10" t="s">
        <v>22</v>
      </c>
      <c r="M1932" s="10" t="s">
        <v>22</v>
      </c>
      <c r="N1932" s="10" t="s">
        <v>22</v>
      </c>
      <c r="O1932" s="10" t="s">
        <v>22</v>
      </c>
      <c r="P1932" s="10" t="s">
        <v>22</v>
      </c>
      <c r="Q1932" s="10" t="s">
        <v>22</v>
      </c>
      <c r="U1932" s="10" t="s">
        <v>22</v>
      </c>
      <c r="V1932" s="10" t="s">
        <v>22</v>
      </c>
      <c r="W1932" s="10" t="s">
        <v>22</v>
      </c>
      <c r="X1932" s="10" t="s">
        <v>22</v>
      </c>
      <c r="Y1932" s="10" t="s">
        <v>22</v>
      </c>
      <c r="Z1932" s="10" t="s">
        <v>22</v>
      </c>
    </row>
    <row r="1933" spans="1:26" ht="24" customHeight="1" x14ac:dyDescent="0.2">
      <c r="A1933" s="9" t="s">
        <v>19189</v>
      </c>
      <c r="B1933" s="9" t="s">
        <v>14</v>
      </c>
      <c r="C1933" s="9" t="s">
        <v>9251</v>
      </c>
      <c r="D1933" s="6" t="s">
        <v>9252</v>
      </c>
      <c r="E1933" s="22">
        <v>45419</v>
      </c>
      <c r="F1933" s="22">
        <v>47244</v>
      </c>
      <c r="G1933" s="6" t="s">
        <v>9253</v>
      </c>
      <c r="H1933" s="6" t="s">
        <v>18</v>
      </c>
      <c r="I1933" s="6" t="s">
        <v>19</v>
      </c>
      <c r="J1933" s="6" t="s">
        <v>9254</v>
      </c>
      <c r="K1933" s="9" t="s">
        <v>9255</v>
      </c>
      <c r="L1933" s="10" t="s">
        <v>22</v>
      </c>
      <c r="M1933" s="10" t="s">
        <v>22</v>
      </c>
      <c r="N1933" s="10" t="s">
        <v>22</v>
      </c>
      <c r="O1933" s="10" t="s">
        <v>22</v>
      </c>
      <c r="P1933" s="10" t="s">
        <v>22</v>
      </c>
      <c r="Q1933" s="10" t="s">
        <v>22</v>
      </c>
      <c r="R1933" s="10" t="s">
        <v>22</v>
      </c>
      <c r="S1933" s="10" t="s">
        <v>22</v>
      </c>
      <c r="T1933" s="10" t="s">
        <v>22</v>
      </c>
      <c r="U1933" s="10" t="s">
        <v>22</v>
      </c>
      <c r="V1933" s="10" t="s">
        <v>22</v>
      </c>
      <c r="W1933" s="10" t="s">
        <v>22</v>
      </c>
      <c r="X1933" s="10" t="s">
        <v>22</v>
      </c>
      <c r="Y1933" s="10" t="s">
        <v>22</v>
      </c>
      <c r="Z1933" s="10" t="s">
        <v>22</v>
      </c>
    </row>
    <row r="1934" spans="1:26" ht="34" customHeight="1" x14ac:dyDescent="0.2">
      <c r="A1934" s="9" t="s">
        <v>19190</v>
      </c>
      <c r="B1934" s="9" t="s">
        <v>14</v>
      </c>
      <c r="C1934" s="9" t="s">
        <v>9256</v>
      </c>
      <c r="D1934" s="6" t="s">
        <v>9257</v>
      </c>
      <c r="E1934" s="22">
        <v>45422</v>
      </c>
      <c r="F1934" s="22">
        <v>47247</v>
      </c>
      <c r="G1934" s="6" t="s">
        <v>9258</v>
      </c>
      <c r="H1934" s="6" t="s">
        <v>18</v>
      </c>
      <c r="I1934" s="6" t="s">
        <v>19</v>
      </c>
      <c r="J1934" s="6" t="s">
        <v>9259</v>
      </c>
      <c r="K1934" s="9" t="s">
        <v>9260</v>
      </c>
      <c r="M1934" s="10" t="s">
        <v>22</v>
      </c>
      <c r="N1934" s="10" t="s">
        <v>22</v>
      </c>
      <c r="V1934" s="10" t="s">
        <v>22</v>
      </c>
      <c r="W1934" s="10" t="s">
        <v>22</v>
      </c>
    </row>
    <row r="1935" spans="1:26" ht="34" customHeight="1" x14ac:dyDescent="0.2">
      <c r="A1935" s="9" t="s">
        <v>19191</v>
      </c>
      <c r="B1935" s="9" t="s">
        <v>14</v>
      </c>
      <c r="C1935" s="9" t="s">
        <v>9261</v>
      </c>
      <c r="D1935" s="6" t="s">
        <v>9262</v>
      </c>
      <c r="E1935" s="22">
        <v>45422</v>
      </c>
      <c r="F1935" s="22">
        <v>47247</v>
      </c>
      <c r="G1935" s="6" t="s">
        <v>9263</v>
      </c>
      <c r="H1935" s="6" t="s">
        <v>18</v>
      </c>
      <c r="I1935" s="6" t="s">
        <v>19</v>
      </c>
      <c r="J1935" s="6" t="s">
        <v>9264</v>
      </c>
      <c r="K1935" s="9" t="s">
        <v>9265</v>
      </c>
      <c r="O1935" s="10" t="s">
        <v>22</v>
      </c>
      <c r="P1935" s="10" t="s">
        <v>22</v>
      </c>
      <c r="Q1935" s="10" t="s">
        <v>22</v>
      </c>
      <c r="X1935" s="10" t="s">
        <v>22</v>
      </c>
      <c r="Y1935" s="10" t="s">
        <v>22</v>
      </c>
      <c r="Z1935" s="10" t="s">
        <v>22</v>
      </c>
    </row>
    <row r="1936" spans="1:26" ht="24" customHeight="1" x14ac:dyDescent="0.2">
      <c r="A1936" s="9" t="s">
        <v>19192</v>
      </c>
      <c r="B1936" s="9" t="s">
        <v>14</v>
      </c>
      <c r="C1936" s="9" t="s">
        <v>9266</v>
      </c>
      <c r="D1936" s="6" t="s">
        <v>9267</v>
      </c>
      <c r="E1936" s="22">
        <v>45422</v>
      </c>
      <c r="F1936" s="22">
        <v>47247</v>
      </c>
      <c r="G1936" s="6" t="s">
        <v>9268</v>
      </c>
      <c r="H1936" s="6" t="s">
        <v>62</v>
      </c>
      <c r="I1936" s="6" t="s">
        <v>591</v>
      </c>
      <c r="J1936" s="6" t="s">
        <v>9269</v>
      </c>
      <c r="K1936" s="9" t="s">
        <v>9270</v>
      </c>
      <c r="L1936" s="10" t="s">
        <v>22</v>
      </c>
      <c r="M1936" s="10" t="s">
        <v>22</v>
      </c>
      <c r="N1936" s="10" t="s">
        <v>22</v>
      </c>
      <c r="O1936" s="10" t="s">
        <v>22</v>
      </c>
      <c r="P1936" s="10" t="s">
        <v>22</v>
      </c>
      <c r="Q1936" s="10" t="s">
        <v>22</v>
      </c>
      <c r="R1936" s="10" t="s">
        <v>22</v>
      </c>
      <c r="S1936" s="10" t="s">
        <v>22</v>
      </c>
      <c r="T1936" s="10" t="s">
        <v>22</v>
      </c>
      <c r="U1936" s="10" t="s">
        <v>22</v>
      </c>
      <c r="V1936" s="10" t="s">
        <v>22</v>
      </c>
      <c r="W1936" s="10" t="s">
        <v>22</v>
      </c>
      <c r="X1936" s="10" t="s">
        <v>22</v>
      </c>
      <c r="Y1936" s="10" t="s">
        <v>22</v>
      </c>
      <c r="Z1936" s="10" t="s">
        <v>22</v>
      </c>
    </row>
    <row r="1937" spans="1:26" ht="24" customHeight="1" x14ac:dyDescent="0.2">
      <c r="A1937" s="9" t="s">
        <v>19193</v>
      </c>
      <c r="B1937" s="9" t="s">
        <v>14</v>
      </c>
      <c r="C1937" s="9" t="s">
        <v>9271</v>
      </c>
      <c r="D1937" s="6" t="s">
        <v>9272</v>
      </c>
      <c r="E1937" s="22">
        <v>45435</v>
      </c>
      <c r="F1937" s="22">
        <v>47260</v>
      </c>
      <c r="G1937" s="6" t="s">
        <v>9273</v>
      </c>
      <c r="H1937" s="6" t="s">
        <v>18</v>
      </c>
      <c r="I1937" s="6" t="s">
        <v>19</v>
      </c>
      <c r="J1937" s="6" t="s">
        <v>9274</v>
      </c>
      <c r="K1937" s="9" t="s">
        <v>9275</v>
      </c>
      <c r="L1937" s="10" t="s">
        <v>22</v>
      </c>
      <c r="M1937" s="10" t="s">
        <v>22</v>
      </c>
      <c r="N1937" s="10" t="s">
        <v>22</v>
      </c>
      <c r="O1937" s="10" t="s">
        <v>22</v>
      </c>
      <c r="P1937" s="10" t="s">
        <v>22</v>
      </c>
      <c r="Q1937" s="10" t="s">
        <v>22</v>
      </c>
      <c r="R1937" s="10" t="s">
        <v>22</v>
      </c>
      <c r="S1937" s="10" t="s">
        <v>22</v>
      </c>
      <c r="T1937" s="10" t="s">
        <v>22</v>
      </c>
      <c r="U1937" s="10" t="s">
        <v>22</v>
      </c>
      <c r="V1937" s="10" t="s">
        <v>22</v>
      </c>
      <c r="W1937" s="10" t="s">
        <v>22</v>
      </c>
      <c r="X1937" s="10" t="s">
        <v>22</v>
      </c>
      <c r="Y1937" s="10" t="s">
        <v>22</v>
      </c>
      <c r="Z1937" s="10" t="s">
        <v>22</v>
      </c>
    </row>
    <row r="1938" spans="1:26" ht="24" customHeight="1" x14ac:dyDescent="0.2">
      <c r="A1938" s="9" t="s">
        <v>19194</v>
      </c>
      <c r="B1938" s="9" t="s">
        <v>14</v>
      </c>
      <c r="C1938" s="9" t="s">
        <v>9276</v>
      </c>
      <c r="D1938" s="6" t="s">
        <v>9277</v>
      </c>
      <c r="E1938" s="22">
        <v>45436</v>
      </c>
      <c r="F1938" s="22">
        <v>47261</v>
      </c>
      <c r="G1938" s="6" t="s">
        <v>9278</v>
      </c>
      <c r="H1938" s="6" t="s">
        <v>202</v>
      </c>
      <c r="I1938" s="6" t="s">
        <v>9279</v>
      </c>
      <c r="J1938" s="6" t="s">
        <v>9280</v>
      </c>
      <c r="K1938" s="9" t="s">
        <v>9281</v>
      </c>
      <c r="L1938" s="10" t="s">
        <v>22</v>
      </c>
      <c r="M1938" s="10" t="s">
        <v>22</v>
      </c>
      <c r="N1938" s="10" t="s">
        <v>22</v>
      </c>
      <c r="O1938" s="10" t="s">
        <v>22</v>
      </c>
      <c r="P1938" s="10" t="s">
        <v>22</v>
      </c>
      <c r="Q1938" s="10" t="s">
        <v>22</v>
      </c>
      <c r="R1938" s="10" t="s">
        <v>22</v>
      </c>
      <c r="S1938" s="10" t="s">
        <v>22</v>
      </c>
      <c r="T1938" s="10" t="s">
        <v>22</v>
      </c>
      <c r="U1938" s="10" t="s">
        <v>22</v>
      </c>
      <c r="V1938" s="10" t="s">
        <v>22</v>
      </c>
      <c r="W1938" s="10" t="s">
        <v>22</v>
      </c>
      <c r="X1938" s="10" t="s">
        <v>22</v>
      </c>
      <c r="Y1938" s="10" t="s">
        <v>22</v>
      </c>
      <c r="Z1938" s="10" t="s">
        <v>22</v>
      </c>
    </row>
    <row r="1939" spans="1:26" ht="24" customHeight="1" x14ac:dyDescent="0.2">
      <c r="A1939" s="9" t="s">
        <v>19195</v>
      </c>
      <c r="B1939" s="9" t="s">
        <v>14</v>
      </c>
      <c r="C1939" s="9" t="s">
        <v>9282</v>
      </c>
      <c r="D1939" s="6" t="s">
        <v>9283</v>
      </c>
      <c r="E1939" s="22">
        <v>45436</v>
      </c>
      <c r="F1939" s="22">
        <v>47261</v>
      </c>
      <c r="G1939" s="6" t="s">
        <v>9284</v>
      </c>
      <c r="H1939" s="6" t="s">
        <v>62</v>
      </c>
      <c r="I1939" s="6" t="s">
        <v>312</v>
      </c>
      <c r="J1939" s="6" t="s">
        <v>16239</v>
      </c>
      <c r="K1939" s="9" t="s">
        <v>9285</v>
      </c>
      <c r="L1939" s="10" t="s">
        <v>22</v>
      </c>
      <c r="M1939" s="10" t="s">
        <v>22</v>
      </c>
      <c r="N1939" s="10" t="s">
        <v>22</v>
      </c>
      <c r="O1939" s="10" t="s">
        <v>22</v>
      </c>
      <c r="P1939" s="10" t="s">
        <v>22</v>
      </c>
      <c r="Q1939" s="10" t="s">
        <v>22</v>
      </c>
      <c r="R1939" s="10" t="s">
        <v>22</v>
      </c>
      <c r="S1939" s="10" t="s">
        <v>22</v>
      </c>
      <c r="T1939" s="10" t="s">
        <v>22</v>
      </c>
      <c r="U1939" s="10" t="s">
        <v>22</v>
      </c>
      <c r="V1939" s="10" t="s">
        <v>22</v>
      </c>
      <c r="W1939" s="10" t="s">
        <v>22</v>
      </c>
      <c r="X1939" s="10" t="s">
        <v>22</v>
      </c>
      <c r="Y1939" s="10" t="s">
        <v>22</v>
      </c>
      <c r="Z1939" s="10" t="s">
        <v>22</v>
      </c>
    </row>
    <row r="1940" spans="1:26" ht="24" customHeight="1" x14ac:dyDescent="0.2">
      <c r="A1940" s="9" t="s">
        <v>19196</v>
      </c>
      <c r="B1940" s="9" t="s">
        <v>14</v>
      </c>
      <c r="C1940" s="9" t="s">
        <v>9286</v>
      </c>
      <c r="D1940" s="6" t="s">
        <v>9287</v>
      </c>
      <c r="E1940" s="22">
        <v>45436</v>
      </c>
      <c r="F1940" s="22">
        <v>47261</v>
      </c>
      <c r="G1940" s="6" t="s">
        <v>9288</v>
      </c>
      <c r="H1940" s="6" t="s">
        <v>202</v>
      </c>
      <c r="I1940" s="6" t="s">
        <v>3370</v>
      </c>
      <c r="J1940" s="6" t="s">
        <v>9289</v>
      </c>
      <c r="K1940" s="9" t="s">
        <v>9290</v>
      </c>
      <c r="M1940" s="10" t="s">
        <v>22</v>
      </c>
      <c r="N1940" s="10" t="s">
        <v>22</v>
      </c>
      <c r="P1940" s="10" t="s">
        <v>22</v>
      </c>
      <c r="Q1940" s="10" t="s">
        <v>22</v>
      </c>
      <c r="S1940" s="10" t="s">
        <v>22</v>
      </c>
      <c r="T1940" s="10" t="s">
        <v>22</v>
      </c>
      <c r="W1940" s="10" t="s">
        <v>22</v>
      </c>
      <c r="Z1940" s="10" t="s">
        <v>22</v>
      </c>
    </row>
    <row r="1941" spans="1:26" ht="24" customHeight="1" x14ac:dyDescent="0.2">
      <c r="A1941" s="9" t="s">
        <v>19197</v>
      </c>
      <c r="B1941" s="9" t="s">
        <v>14</v>
      </c>
      <c r="C1941" s="9" t="s">
        <v>9291</v>
      </c>
      <c r="D1941" s="6" t="s">
        <v>9292</v>
      </c>
      <c r="E1941" s="22">
        <v>45436</v>
      </c>
      <c r="F1941" s="22">
        <v>47261</v>
      </c>
      <c r="G1941" s="6" t="s">
        <v>9293</v>
      </c>
      <c r="H1941" s="6" t="s">
        <v>202</v>
      </c>
      <c r="I1941" s="6" t="s">
        <v>1857</v>
      </c>
      <c r="J1941" s="6" t="s">
        <v>9294</v>
      </c>
      <c r="K1941" s="9" t="s">
        <v>9295</v>
      </c>
      <c r="L1941" s="10" t="s">
        <v>22</v>
      </c>
      <c r="M1941" s="10" t="s">
        <v>22</v>
      </c>
      <c r="N1941" s="10" t="s">
        <v>22</v>
      </c>
      <c r="O1941" s="10" t="s">
        <v>22</v>
      </c>
      <c r="P1941" s="10" t="s">
        <v>22</v>
      </c>
      <c r="Q1941" s="10" t="s">
        <v>22</v>
      </c>
      <c r="R1941" s="10" t="s">
        <v>22</v>
      </c>
      <c r="S1941" s="10" t="s">
        <v>22</v>
      </c>
      <c r="T1941" s="10" t="s">
        <v>22</v>
      </c>
      <c r="U1941" s="10" t="s">
        <v>22</v>
      </c>
      <c r="V1941" s="10" t="s">
        <v>22</v>
      </c>
      <c r="W1941" s="10" t="s">
        <v>22</v>
      </c>
      <c r="X1941" s="10" t="s">
        <v>22</v>
      </c>
      <c r="Y1941" s="10" t="s">
        <v>22</v>
      </c>
      <c r="Z1941" s="10" t="s">
        <v>22</v>
      </c>
    </row>
    <row r="1942" spans="1:26" ht="24" customHeight="1" x14ac:dyDescent="0.2">
      <c r="A1942" s="9" t="s">
        <v>19198</v>
      </c>
      <c r="B1942" s="9" t="s">
        <v>14</v>
      </c>
      <c r="C1942" s="9" t="s">
        <v>9296</v>
      </c>
      <c r="D1942" s="6" t="s">
        <v>9297</v>
      </c>
      <c r="E1942" s="22">
        <v>45436</v>
      </c>
      <c r="F1942" s="22">
        <v>47261</v>
      </c>
      <c r="G1942" s="6" t="s">
        <v>9298</v>
      </c>
      <c r="H1942" s="6" t="s">
        <v>62</v>
      </c>
      <c r="I1942" s="6" t="s">
        <v>306</v>
      </c>
      <c r="J1942" s="6" t="s">
        <v>9299</v>
      </c>
      <c r="L1942" s="10" t="s">
        <v>22</v>
      </c>
      <c r="M1942" s="10" t="s">
        <v>22</v>
      </c>
      <c r="N1942" s="10" t="s">
        <v>22</v>
      </c>
      <c r="O1942" s="10" t="s">
        <v>22</v>
      </c>
      <c r="P1942" s="10" t="s">
        <v>22</v>
      </c>
      <c r="Q1942" s="10" t="s">
        <v>22</v>
      </c>
      <c r="R1942" s="10" t="s">
        <v>22</v>
      </c>
      <c r="S1942" s="10" t="s">
        <v>22</v>
      </c>
      <c r="T1942" s="10" t="s">
        <v>22</v>
      </c>
      <c r="U1942" s="10" t="s">
        <v>22</v>
      </c>
      <c r="V1942" s="10" t="s">
        <v>22</v>
      </c>
      <c r="W1942" s="10" t="s">
        <v>22</v>
      </c>
      <c r="X1942" s="10" t="s">
        <v>22</v>
      </c>
      <c r="Y1942" s="10" t="s">
        <v>22</v>
      </c>
      <c r="Z1942" s="10" t="s">
        <v>22</v>
      </c>
    </row>
    <row r="1943" spans="1:26" ht="24" customHeight="1" x14ac:dyDescent="0.2">
      <c r="A1943" s="9" t="s">
        <v>19199</v>
      </c>
      <c r="B1943" s="9" t="s">
        <v>14</v>
      </c>
      <c r="C1943" s="9" t="s">
        <v>9300</v>
      </c>
      <c r="D1943" s="6" t="s">
        <v>9301</v>
      </c>
      <c r="E1943" s="22">
        <v>45436</v>
      </c>
      <c r="F1943" s="22">
        <v>47261</v>
      </c>
      <c r="G1943" s="6" t="s">
        <v>9302</v>
      </c>
      <c r="H1943" s="6" t="s">
        <v>62</v>
      </c>
      <c r="I1943" s="6" t="s">
        <v>252</v>
      </c>
      <c r="J1943" s="6" t="s">
        <v>9303</v>
      </c>
      <c r="K1943" s="9" t="s">
        <v>9304</v>
      </c>
      <c r="M1943" s="10" t="s">
        <v>22</v>
      </c>
      <c r="N1943" s="10" t="s">
        <v>22</v>
      </c>
      <c r="P1943" s="10" t="s">
        <v>22</v>
      </c>
      <c r="Q1943" s="10" t="s">
        <v>22</v>
      </c>
      <c r="S1943" s="10" t="s">
        <v>22</v>
      </c>
      <c r="T1943" s="10" t="s">
        <v>22</v>
      </c>
      <c r="V1943" s="10" t="s">
        <v>22</v>
      </c>
      <c r="W1943" s="10" t="s">
        <v>22</v>
      </c>
      <c r="Y1943" s="10" t="s">
        <v>22</v>
      </c>
      <c r="Z1943" s="10" t="s">
        <v>22</v>
      </c>
    </row>
    <row r="1944" spans="1:26" ht="24" customHeight="1" x14ac:dyDescent="0.2">
      <c r="A1944" s="9" t="s">
        <v>19200</v>
      </c>
      <c r="B1944" s="9" t="s">
        <v>14</v>
      </c>
      <c r="C1944" s="9" t="s">
        <v>9308</v>
      </c>
      <c r="D1944" s="6" t="s">
        <v>9309</v>
      </c>
      <c r="E1944" s="22">
        <v>45436</v>
      </c>
      <c r="F1944" s="22">
        <v>47261</v>
      </c>
      <c r="G1944" s="6" t="s">
        <v>9310</v>
      </c>
      <c r="H1944" s="6" t="s">
        <v>562</v>
      </c>
      <c r="I1944" s="6" t="s">
        <v>9311</v>
      </c>
      <c r="J1944" s="6" t="s">
        <v>9312</v>
      </c>
      <c r="K1944" s="9" t="s">
        <v>9313</v>
      </c>
      <c r="L1944" s="10" t="s">
        <v>22</v>
      </c>
      <c r="M1944" s="10" t="s">
        <v>22</v>
      </c>
      <c r="N1944" s="10" t="s">
        <v>22</v>
      </c>
      <c r="O1944" s="10" t="s">
        <v>22</v>
      </c>
      <c r="P1944" s="10" t="s">
        <v>22</v>
      </c>
      <c r="Q1944" s="10" t="s">
        <v>22</v>
      </c>
      <c r="R1944" s="10" t="s">
        <v>22</v>
      </c>
      <c r="S1944" s="10" t="s">
        <v>22</v>
      </c>
      <c r="T1944" s="10" t="s">
        <v>22</v>
      </c>
      <c r="U1944" s="10" t="s">
        <v>22</v>
      </c>
      <c r="V1944" s="10" t="s">
        <v>22</v>
      </c>
      <c r="W1944" s="10" t="s">
        <v>22</v>
      </c>
      <c r="X1944" s="10" t="s">
        <v>22</v>
      </c>
      <c r="Y1944" s="10" t="s">
        <v>22</v>
      </c>
      <c r="Z1944" s="10" t="s">
        <v>22</v>
      </c>
    </row>
    <row r="1945" spans="1:26" ht="24" customHeight="1" x14ac:dyDescent="0.2">
      <c r="A1945" s="9" t="s">
        <v>19201</v>
      </c>
      <c r="B1945" s="9" t="s">
        <v>14</v>
      </c>
      <c r="C1945" s="9" t="s">
        <v>9314</v>
      </c>
      <c r="D1945" s="6" t="s">
        <v>9315</v>
      </c>
      <c r="E1945" s="22">
        <v>45439</v>
      </c>
      <c r="F1945" s="22">
        <v>47264</v>
      </c>
      <c r="G1945" s="6" t="s">
        <v>9316</v>
      </c>
      <c r="H1945" s="6" t="s">
        <v>1625</v>
      </c>
      <c r="I1945" s="6" t="s">
        <v>4540</v>
      </c>
      <c r="J1945" s="6" t="s">
        <v>9317</v>
      </c>
      <c r="K1945" s="9" t="s">
        <v>9318</v>
      </c>
      <c r="L1945" s="10" t="s">
        <v>22</v>
      </c>
      <c r="M1945" s="10" t="s">
        <v>22</v>
      </c>
      <c r="N1945" s="10" t="s">
        <v>22</v>
      </c>
      <c r="O1945" s="10" t="s">
        <v>22</v>
      </c>
      <c r="P1945" s="10" t="s">
        <v>22</v>
      </c>
      <c r="Q1945" s="10" t="s">
        <v>22</v>
      </c>
      <c r="R1945" s="10" t="s">
        <v>22</v>
      </c>
      <c r="S1945" s="10" t="s">
        <v>22</v>
      </c>
      <c r="T1945" s="10" t="s">
        <v>22</v>
      </c>
      <c r="U1945" s="10" t="s">
        <v>22</v>
      </c>
      <c r="V1945" s="10" t="s">
        <v>22</v>
      </c>
      <c r="W1945" s="10" t="s">
        <v>22</v>
      </c>
      <c r="X1945" s="10" t="s">
        <v>22</v>
      </c>
      <c r="Y1945" s="10" t="s">
        <v>22</v>
      </c>
      <c r="Z1945" s="10" t="s">
        <v>22</v>
      </c>
    </row>
    <row r="1946" spans="1:26" ht="24" customHeight="1" x14ac:dyDescent="0.2">
      <c r="A1946" s="9" t="s">
        <v>19202</v>
      </c>
      <c r="B1946" s="9" t="s">
        <v>14</v>
      </c>
      <c r="C1946" s="9" t="s">
        <v>9319</v>
      </c>
      <c r="D1946" s="6" t="s">
        <v>9320</v>
      </c>
      <c r="E1946" s="22">
        <v>45439</v>
      </c>
      <c r="F1946" s="22">
        <v>47264</v>
      </c>
      <c r="G1946" s="6" t="s">
        <v>9321</v>
      </c>
      <c r="H1946" s="6" t="s">
        <v>202</v>
      </c>
      <c r="I1946" s="6" t="s">
        <v>863</v>
      </c>
      <c r="J1946" s="6" t="s">
        <v>9322</v>
      </c>
      <c r="K1946" s="9" t="s">
        <v>9323</v>
      </c>
      <c r="L1946" s="10" t="s">
        <v>22</v>
      </c>
      <c r="M1946" s="10" t="s">
        <v>22</v>
      </c>
      <c r="N1946" s="10" t="s">
        <v>22</v>
      </c>
      <c r="O1946" s="10" t="s">
        <v>22</v>
      </c>
      <c r="P1946" s="10" t="s">
        <v>22</v>
      </c>
      <c r="Q1946" s="10" t="s">
        <v>22</v>
      </c>
      <c r="R1946" s="10" t="s">
        <v>22</v>
      </c>
      <c r="S1946" s="10" t="s">
        <v>22</v>
      </c>
      <c r="T1946" s="10" t="s">
        <v>22</v>
      </c>
      <c r="U1946" s="10" t="s">
        <v>22</v>
      </c>
      <c r="V1946" s="10" t="s">
        <v>22</v>
      </c>
      <c r="W1946" s="10" t="s">
        <v>22</v>
      </c>
      <c r="X1946" s="10" t="s">
        <v>22</v>
      </c>
      <c r="Y1946" s="10" t="s">
        <v>22</v>
      </c>
      <c r="Z1946" s="10" t="s">
        <v>22</v>
      </c>
    </row>
    <row r="1947" spans="1:26" ht="24" customHeight="1" x14ac:dyDescent="0.2">
      <c r="A1947" s="9" t="s">
        <v>19203</v>
      </c>
      <c r="B1947" s="9" t="s">
        <v>14</v>
      </c>
      <c r="C1947" s="9" t="s">
        <v>9324</v>
      </c>
      <c r="D1947" s="6" t="s">
        <v>9325</v>
      </c>
      <c r="E1947" s="22">
        <v>45441</v>
      </c>
      <c r="F1947" s="22">
        <v>47266</v>
      </c>
      <c r="G1947" s="6" t="s">
        <v>9326</v>
      </c>
      <c r="H1947" s="6" t="s">
        <v>202</v>
      </c>
      <c r="I1947" s="6" t="s">
        <v>2101</v>
      </c>
      <c r="J1947" s="6" t="s">
        <v>9327</v>
      </c>
      <c r="K1947" s="9" t="s">
        <v>9328</v>
      </c>
      <c r="L1947" s="10" t="s">
        <v>22</v>
      </c>
      <c r="M1947" s="10" t="s">
        <v>22</v>
      </c>
      <c r="N1947" s="10" t="s">
        <v>22</v>
      </c>
      <c r="O1947" s="10" t="s">
        <v>22</v>
      </c>
      <c r="P1947" s="10" t="s">
        <v>22</v>
      </c>
      <c r="Q1947" s="10" t="s">
        <v>22</v>
      </c>
      <c r="R1947" s="10" t="s">
        <v>22</v>
      </c>
      <c r="S1947" s="10" t="s">
        <v>22</v>
      </c>
      <c r="T1947" s="10" t="s">
        <v>22</v>
      </c>
      <c r="U1947" s="10" t="s">
        <v>22</v>
      </c>
      <c r="V1947" s="10" t="s">
        <v>22</v>
      </c>
      <c r="W1947" s="10" t="s">
        <v>22</v>
      </c>
      <c r="X1947" s="10" t="s">
        <v>22</v>
      </c>
      <c r="Y1947" s="10" t="s">
        <v>22</v>
      </c>
      <c r="Z1947" s="10" t="s">
        <v>22</v>
      </c>
    </row>
    <row r="1948" spans="1:26" ht="24" customHeight="1" x14ac:dyDescent="0.2">
      <c r="A1948" s="9" t="s">
        <v>19204</v>
      </c>
      <c r="B1948" s="9" t="s">
        <v>14</v>
      </c>
      <c r="C1948" s="9" t="s">
        <v>9329</v>
      </c>
      <c r="D1948" s="6" t="s">
        <v>9330</v>
      </c>
      <c r="E1948" s="22">
        <v>45446</v>
      </c>
      <c r="F1948" s="22">
        <v>47271</v>
      </c>
      <c r="G1948" s="6" t="s">
        <v>9331</v>
      </c>
      <c r="H1948" s="6" t="s">
        <v>62</v>
      </c>
      <c r="I1948" s="6" t="s">
        <v>2378</v>
      </c>
      <c r="J1948" s="6" t="s">
        <v>9332</v>
      </c>
      <c r="K1948" s="9" t="s">
        <v>9333</v>
      </c>
      <c r="L1948" s="10" t="s">
        <v>22</v>
      </c>
      <c r="M1948" s="10" t="s">
        <v>22</v>
      </c>
      <c r="N1948" s="10" t="s">
        <v>22</v>
      </c>
      <c r="O1948" s="10" t="s">
        <v>22</v>
      </c>
      <c r="P1948" s="10" t="s">
        <v>22</v>
      </c>
      <c r="Q1948" s="10" t="s">
        <v>22</v>
      </c>
      <c r="R1948" s="10" t="s">
        <v>22</v>
      </c>
      <c r="S1948" s="10" t="s">
        <v>22</v>
      </c>
      <c r="T1948" s="10" t="s">
        <v>22</v>
      </c>
      <c r="U1948" s="10" t="s">
        <v>22</v>
      </c>
      <c r="V1948" s="10" t="s">
        <v>22</v>
      </c>
      <c r="W1948" s="10" t="s">
        <v>22</v>
      </c>
      <c r="X1948" s="10" t="s">
        <v>22</v>
      </c>
      <c r="Y1948" s="10" t="s">
        <v>22</v>
      </c>
      <c r="Z1948" s="10" t="s">
        <v>22</v>
      </c>
    </row>
    <row r="1949" spans="1:26" ht="24" customHeight="1" x14ac:dyDescent="0.2">
      <c r="A1949" s="9" t="s">
        <v>19205</v>
      </c>
      <c r="B1949" s="9" t="s">
        <v>14</v>
      </c>
      <c r="C1949" s="9" t="s">
        <v>9337</v>
      </c>
      <c r="D1949" s="6" t="s">
        <v>9338</v>
      </c>
      <c r="E1949" s="22">
        <v>45446</v>
      </c>
      <c r="F1949" s="22">
        <v>47271</v>
      </c>
      <c r="G1949" s="6" t="s">
        <v>9339</v>
      </c>
      <c r="H1949" s="6" t="s">
        <v>62</v>
      </c>
      <c r="I1949" s="6" t="s">
        <v>551</v>
      </c>
      <c r="J1949" s="6" t="s">
        <v>9340</v>
      </c>
      <c r="K1949" s="9" t="s">
        <v>9341</v>
      </c>
      <c r="L1949" s="10" t="s">
        <v>22</v>
      </c>
      <c r="M1949" s="10" t="s">
        <v>22</v>
      </c>
      <c r="N1949" s="10" t="s">
        <v>22</v>
      </c>
      <c r="O1949" s="10" t="s">
        <v>22</v>
      </c>
      <c r="P1949" s="10" t="s">
        <v>22</v>
      </c>
      <c r="Q1949" s="10" t="s">
        <v>22</v>
      </c>
      <c r="U1949" s="10" t="s">
        <v>22</v>
      </c>
      <c r="V1949" s="10" t="s">
        <v>22</v>
      </c>
      <c r="W1949" s="10" t="s">
        <v>22</v>
      </c>
      <c r="X1949" s="10" t="s">
        <v>22</v>
      </c>
      <c r="Y1949" s="10" t="s">
        <v>22</v>
      </c>
      <c r="Z1949" s="10" t="s">
        <v>22</v>
      </c>
    </row>
    <row r="1950" spans="1:26" ht="24" customHeight="1" x14ac:dyDescent="0.2">
      <c r="A1950" s="9" t="s">
        <v>19206</v>
      </c>
      <c r="B1950" s="9" t="s">
        <v>14</v>
      </c>
      <c r="C1950" s="9" t="s">
        <v>9342</v>
      </c>
      <c r="D1950" s="6" t="s">
        <v>9343</v>
      </c>
      <c r="E1950" s="22">
        <v>45446</v>
      </c>
      <c r="F1950" s="22">
        <v>47271</v>
      </c>
      <c r="G1950" s="6" t="s">
        <v>9344</v>
      </c>
      <c r="H1950" s="6" t="s">
        <v>62</v>
      </c>
      <c r="I1950" s="6" t="s">
        <v>2378</v>
      </c>
      <c r="J1950" s="6" t="s">
        <v>9345</v>
      </c>
      <c r="K1950" s="9" t="s">
        <v>9346</v>
      </c>
      <c r="L1950" s="10" t="s">
        <v>22</v>
      </c>
      <c r="M1950" s="10" t="s">
        <v>22</v>
      </c>
      <c r="N1950" s="10" t="s">
        <v>22</v>
      </c>
      <c r="O1950" s="10" t="s">
        <v>22</v>
      </c>
      <c r="P1950" s="10" t="s">
        <v>22</v>
      </c>
      <c r="Q1950" s="10" t="s">
        <v>22</v>
      </c>
      <c r="R1950" s="10" t="s">
        <v>22</v>
      </c>
      <c r="S1950" s="10" t="s">
        <v>22</v>
      </c>
      <c r="T1950" s="10" t="s">
        <v>22</v>
      </c>
      <c r="U1950" s="10" t="s">
        <v>22</v>
      </c>
      <c r="V1950" s="10" t="s">
        <v>22</v>
      </c>
      <c r="W1950" s="10" t="s">
        <v>22</v>
      </c>
      <c r="X1950" s="10" t="s">
        <v>22</v>
      </c>
      <c r="Y1950" s="10" t="s">
        <v>22</v>
      </c>
      <c r="Z1950" s="10" t="s">
        <v>22</v>
      </c>
    </row>
    <row r="1951" spans="1:26" ht="24" customHeight="1" x14ac:dyDescent="0.2">
      <c r="A1951" s="9" t="s">
        <v>19207</v>
      </c>
      <c r="B1951" s="9" t="s">
        <v>14</v>
      </c>
      <c r="C1951" s="9" t="s">
        <v>9347</v>
      </c>
      <c r="D1951" s="6" t="s">
        <v>9348</v>
      </c>
      <c r="E1951" s="22">
        <v>45450</v>
      </c>
      <c r="F1951" s="22">
        <v>47275</v>
      </c>
      <c r="G1951" s="6" t="s">
        <v>9349</v>
      </c>
      <c r="H1951" s="6" t="s">
        <v>62</v>
      </c>
      <c r="I1951" s="6" t="s">
        <v>1433</v>
      </c>
      <c r="J1951" s="6" t="s">
        <v>9350</v>
      </c>
      <c r="L1951" s="10" t="s">
        <v>22</v>
      </c>
      <c r="M1951" s="10" t="s">
        <v>22</v>
      </c>
      <c r="N1951" s="10" t="s">
        <v>22</v>
      </c>
      <c r="O1951" s="10" t="s">
        <v>22</v>
      </c>
      <c r="P1951" s="10" t="s">
        <v>22</v>
      </c>
      <c r="Q1951" s="10" t="s">
        <v>22</v>
      </c>
      <c r="R1951" s="10" t="s">
        <v>22</v>
      </c>
      <c r="S1951" s="10" t="s">
        <v>22</v>
      </c>
      <c r="T1951" s="10" t="s">
        <v>22</v>
      </c>
      <c r="U1951" s="10" t="s">
        <v>22</v>
      </c>
      <c r="V1951" s="10" t="s">
        <v>22</v>
      </c>
      <c r="W1951" s="10" t="s">
        <v>22</v>
      </c>
      <c r="X1951" s="10" t="s">
        <v>22</v>
      </c>
      <c r="Y1951" s="10" t="s">
        <v>22</v>
      </c>
      <c r="Z1951" s="10" t="s">
        <v>22</v>
      </c>
    </row>
    <row r="1952" spans="1:26" ht="24" customHeight="1" x14ac:dyDescent="0.2">
      <c r="A1952" s="9" t="s">
        <v>19208</v>
      </c>
      <c r="B1952" s="9" t="s">
        <v>14</v>
      </c>
      <c r="C1952" s="9" t="s">
        <v>9351</v>
      </c>
      <c r="D1952" s="6" t="s">
        <v>9352</v>
      </c>
      <c r="E1952" s="22">
        <v>45446</v>
      </c>
      <c r="F1952" s="22">
        <v>47271</v>
      </c>
      <c r="G1952" s="6" t="s">
        <v>9353</v>
      </c>
      <c r="H1952" s="6" t="s">
        <v>62</v>
      </c>
      <c r="I1952" s="6" t="s">
        <v>842</v>
      </c>
      <c r="J1952" s="6" t="s">
        <v>9354</v>
      </c>
      <c r="K1952" s="9" t="s">
        <v>9355</v>
      </c>
      <c r="L1952" s="10" t="s">
        <v>22</v>
      </c>
      <c r="M1952" s="10" t="s">
        <v>22</v>
      </c>
      <c r="N1952" s="10" t="s">
        <v>22</v>
      </c>
      <c r="O1952" s="10" t="s">
        <v>22</v>
      </c>
      <c r="P1952" s="10" t="s">
        <v>22</v>
      </c>
      <c r="Q1952" s="10" t="s">
        <v>22</v>
      </c>
      <c r="R1952" s="10" t="s">
        <v>22</v>
      </c>
      <c r="S1952" s="10" t="s">
        <v>22</v>
      </c>
      <c r="T1952" s="10" t="s">
        <v>22</v>
      </c>
      <c r="U1952" s="10" t="s">
        <v>22</v>
      </c>
      <c r="V1952" s="10" t="s">
        <v>22</v>
      </c>
      <c r="W1952" s="10" t="s">
        <v>22</v>
      </c>
      <c r="X1952" s="10" t="s">
        <v>22</v>
      </c>
      <c r="Y1952" s="10" t="s">
        <v>22</v>
      </c>
      <c r="Z1952" s="10" t="s">
        <v>22</v>
      </c>
    </row>
    <row r="1953" spans="1:26" ht="24" customHeight="1" x14ac:dyDescent="0.2">
      <c r="A1953" s="9" t="s">
        <v>19209</v>
      </c>
      <c r="B1953" s="9" t="s">
        <v>14</v>
      </c>
      <c r="C1953" s="9" t="s">
        <v>9356</v>
      </c>
      <c r="D1953" s="6" t="s">
        <v>9357</v>
      </c>
      <c r="E1953" s="22">
        <v>45450</v>
      </c>
      <c r="F1953" s="22">
        <v>47275</v>
      </c>
      <c r="G1953" s="6" t="s">
        <v>9358</v>
      </c>
      <c r="H1953" s="6" t="s">
        <v>202</v>
      </c>
      <c r="I1953" s="6" t="s">
        <v>336</v>
      </c>
      <c r="J1953" s="6" t="s">
        <v>9359</v>
      </c>
      <c r="K1953" s="9" t="s">
        <v>9360</v>
      </c>
      <c r="L1953" s="10" t="s">
        <v>22</v>
      </c>
      <c r="M1953" s="10" t="s">
        <v>22</v>
      </c>
      <c r="N1953" s="10" t="s">
        <v>22</v>
      </c>
      <c r="O1953" s="10" t="s">
        <v>22</v>
      </c>
      <c r="P1953" s="10" t="s">
        <v>22</v>
      </c>
      <c r="Q1953" s="10" t="s">
        <v>22</v>
      </c>
      <c r="R1953" s="10" t="s">
        <v>22</v>
      </c>
      <c r="S1953" s="10" t="s">
        <v>22</v>
      </c>
      <c r="T1953" s="10" t="s">
        <v>22</v>
      </c>
      <c r="U1953" s="10" t="s">
        <v>22</v>
      </c>
      <c r="V1953" s="10" t="s">
        <v>22</v>
      </c>
      <c r="W1953" s="10" t="s">
        <v>22</v>
      </c>
      <c r="X1953" s="10" t="s">
        <v>22</v>
      </c>
      <c r="Y1953" s="10" t="s">
        <v>22</v>
      </c>
      <c r="Z1953" s="10" t="s">
        <v>22</v>
      </c>
    </row>
    <row r="1954" spans="1:26" ht="24" customHeight="1" x14ac:dyDescent="0.2">
      <c r="A1954" s="9" t="s">
        <v>19210</v>
      </c>
      <c r="B1954" s="9" t="s">
        <v>14</v>
      </c>
      <c r="C1954" s="9" t="s">
        <v>9361</v>
      </c>
      <c r="D1954" s="6" t="s">
        <v>9362</v>
      </c>
      <c r="E1954" s="22">
        <v>45450</v>
      </c>
      <c r="F1954" s="22">
        <v>47275</v>
      </c>
      <c r="G1954" s="6" t="s">
        <v>9363</v>
      </c>
      <c r="H1954" s="6" t="s">
        <v>62</v>
      </c>
      <c r="I1954" s="6" t="s">
        <v>1066</v>
      </c>
      <c r="J1954" s="6" t="s">
        <v>9364</v>
      </c>
      <c r="K1954" s="9" t="s">
        <v>9365</v>
      </c>
      <c r="L1954" s="10" t="s">
        <v>22</v>
      </c>
      <c r="M1954" s="10" t="s">
        <v>22</v>
      </c>
      <c r="N1954" s="10" t="s">
        <v>22</v>
      </c>
      <c r="O1954" s="10" t="s">
        <v>22</v>
      </c>
      <c r="P1954" s="10" t="s">
        <v>22</v>
      </c>
      <c r="Q1954" s="10" t="s">
        <v>22</v>
      </c>
      <c r="R1954" s="10" t="s">
        <v>22</v>
      </c>
      <c r="S1954" s="10" t="s">
        <v>22</v>
      </c>
      <c r="T1954" s="10" t="s">
        <v>22</v>
      </c>
      <c r="U1954" s="10" t="s">
        <v>22</v>
      </c>
      <c r="V1954" s="10" t="s">
        <v>22</v>
      </c>
      <c r="W1954" s="10" t="s">
        <v>22</v>
      </c>
      <c r="X1954" s="10" t="s">
        <v>22</v>
      </c>
      <c r="Y1954" s="10" t="s">
        <v>22</v>
      </c>
      <c r="Z1954" s="10" t="s">
        <v>22</v>
      </c>
    </row>
    <row r="1955" spans="1:26" ht="24" customHeight="1" x14ac:dyDescent="0.2">
      <c r="A1955" s="9" t="s">
        <v>19211</v>
      </c>
      <c r="B1955" s="9" t="s">
        <v>14</v>
      </c>
      <c r="C1955" s="9" t="s">
        <v>9366</v>
      </c>
      <c r="D1955" s="6" t="s">
        <v>9367</v>
      </c>
      <c r="E1955" s="22">
        <v>45454</v>
      </c>
      <c r="F1955" s="22">
        <v>47279</v>
      </c>
      <c r="G1955" s="6" t="s">
        <v>9368</v>
      </c>
      <c r="H1955" s="6" t="s">
        <v>2368</v>
      </c>
      <c r="I1955" s="6" t="s">
        <v>6092</v>
      </c>
      <c r="J1955" s="6" t="s">
        <v>9369</v>
      </c>
      <c r="K1955" s="9" t="s">
        <v>9370</v>
      </c>
      <c r="L1955" s="10" t="s">
        <v>22</v>
      </c>
      <c r="M1955" s="10" t="s">
        <v>22</v>
      </c>
      <c r="N1955" s="10" t="s">
        <v>22</v>
      </c>
      <c r="R1955" s="10" t="s">
        <v>22</v>
      </c>
      <c r="S1955" s="10" t="s">
        <v>22</v>
      </c>
      <c r="T1955" s="10" t="s">
        <v>22</v>
      </c>
      <c r="V1955" s="10" t="s">
        <v>22</v>
      </c>
      <c r="W1955" s="10" t="s">
        <v>22</v>
      </c>
    </row>
    <row r="1956" spans="1:26" ht="24" customHeight="1" x14ac:dyDescent="0.2">
      <c r="A1956" s="9" t="s">
        <v>19212</v>
      </c>
      <c r="B1956" s="9" t="s">
        <v>14</v>
      </c>
      <c r="C1956" s="9" t="s">
        <v>9371</v>
      </c>
      <c r="D1956" s="6" t="s">
        <v>9372</v>
      </c>
      <c r="E1956" s="22">
        <v>45454</v>
      </c>
      <c r="F1956" s="22">
        <v>47279</v>
      </c>
      <c r="G1956" s="6" t="s">
        <v>9373</v>
      </c>
      <c r="H1956" s="6" t="s">
        <v>62</v>
      </c>
      <c r="I1956" s="6" t="s">
        <v>1955</v>
      </c>
      <c r="J1956" s="6" t="s">
        <v>16240</v>
      </c>
      <c r="K1956" s="9" t="s">
        <v>9374</v>
      </c>
      <c r="L1956" s="10" t="s">
        <v>22</v>
      </c>
      <c r="M1956" s="10" t="s">
        <v>22</v>
      </c>
      <c r="N1956" s="10" t="s">
        <v>22</v>
      </c>
      <c r="O1956" s="10" t="s">
        <v>22</v>
      </c>
      <c r="P1956" s="10" t="s">
        <v>22</v>
      </c>
      <c r="Q1956" s="10" t="s">
        <v>22</v>
      </c>
      <c r="R1956" s="10" t="s">
        <v>22</v>
      </c>
      <c r="S1956" s="10" t="s">
        <v>22</v>
      </c>
      <c r="T1956" s="10" t="s">
        <v>22</v>
      </c>
      <c r="U1956" s="10" t="s">
        <v>22</v>
      </c>
      <c r="V1956" s="10" t="s">
        <v>22</v>
      </c>
      <c r="W1956" s="10" t="s">
        <v>22</v>
      </c>
      <c r="X1956" s="10" t="s">
        <v>22</v>
      </c>
      <c r="Y1956" s="10" t="s">
        <v>22</v>
      </c>
      <c r="Z1956" s="10" t="s">
        <v>22</v>
      </c>
    </row>
    <row r="1957" spans="1:26" ht="24" customHeight="1" x14ac:dyDescent="0.2">
      <c r="A1957" s="9" t="s">
        <v>19213</v>
      </c>
      <c r="B1957" s="9" t="s">
        <v>14</v>
      </c>
      <c r="C1957" s="9" t="s">
        <v>9378</v>
      </c>
      <c r="D1957" s="6" t="s">
        <v>9379</v>
      </c>
      <c r="E1957" s="22">
        <v>45456</v>
      </c>
      <c r="F1957" s="22">
        <v>47281</v>
      </c>
      <c r="G1957" s="6" t="s">
        <v>9380</v>
      </c>
      <c r="H1957" s="6" t="s">
        <v>363</v>
      </c>
      <c r="I1957" s="6" t="s">
        <v>4744</v>
      </c>
      <c r="J1957" s="6" t="s">
        <v>9381</v>
      </c>
      <c r="K1957" s="9" t="s">
        <v>9382</v>
      </c>
      <c r="L1957" s="10" t="s">
        <v>22</v>
      </c>
      <c r="M1957" s="10" t="s">
        <v>22</v>
      </c>
      <c r="N1957" s="10" t="s">
        <v>22</v>
      </c>
      <c r="O1957" s="10" t="s">
        <v>22</v>
      </c>
      <c r="P1957" s="10" t="s">
        <v>22</v>
      </c>
      <c r="Q1957" s="10" t="s">
        <v>22</v>
      </c>
      <c r="U1957" s="10" t="s">
        <v>22</v>
      </c>
      <c r="V1957" s="10" t="s">
        <v>22</v>
      </c>
      <c r="W1957" s="10" t="s">
        <v>22</v>
      </c>
      <c r="X1957" s="10" t="s">
        <v>22</v>
      </c>
      <c r="Y1957" s="10" t="s">
        <v>22</v>
      </c>
      <c r="Z1957" s="10" t="s">
        <v>22</v>
      </c>
    </row>
    <row r="1958" spans="1:26" ht="24" customHeight="1" x14ac:dyDescent="0.2">
      <c r="A1958" s="9" t="s">
        <v>19214</v>
      </c>
      <c r="B1958" s="9" t="s">
        <v>14</v>
      </c>
      <c r="C1958" s="9" t="s">
        <v>9383</v>
      </c>
      <c r="D1958" s="6" t="s">
        <v>9384</v>
      </c>
      <c r="E1958" s="22">
        <v>45456</v>
      </c>
      <c r="F1958" s="22">
        <v>47281</v>
      </c>
      <c r="G1958" s="6" t="s">
        <v>9385</v>
      </c>
      <c r="H1958" s="6" t="s">
        <v>229</v>
      </c>
      <c r="I1958" s="6" t="s">
        <v>1885</v>
      </c>
      <c r="J1958" s="6" t="s">
        <v>9386</v>
      </c>
      <c r="K1958" s="9" t="s">
        <v>9387</v>
      </c>
      <c r="L1958" s="10" t="s">
        <v>22</v>
      </c>
      <c r="M1958" s="10" t="s">
        <v>22</v>
      </c>
      <c r="N1958" s="10" t="s">
        <v>22</v>
      </c>
      <c r="O1958" s="10" t="s">
        <v>22</v>
      </c>
      <c r="P1958" s="10" t="s">
        <v>22</v>
      </c>
      <c r="Q1958" s="10" t="s">
        <v>22</v>
      </c>
      <c r="R1958" s="10" t="s">
        <v>22</v>
      </c>
      <c r="S1958" s="10" t="s">
        <v>22</v>
      </c>
      <c r="T1958" s="10" t="s">
        <v>22</v>
      </c>
      <c r="U1958" s="10" t="s">
        <v>22</v>
      </c>
      <c r="V1958" s="10" t="s">
        <v>22</v>
      </c>
      <c r="W1958" s="10" t="s">
        <v>22</v>
      </c>
      <c r="X1958" s="10" t="s">
        <v>22</v>
      </c>
      <c r="Y1958" s="10" t="s">
        <v>22</v>
      </c>
      <c r="Z1958" s="10" t="s">
        <v>22</v>
      </c>
    </row>
    <row r="1959" spans="1:26" ht="24" customHeight="1" x14ac:dyDescent="0.2">
      <c r="A1959" s="9" t="s">
        <v>19215</v>
      </c>
      <c r="B1959" s="9" t="s">
        <v>14</v>
      </c>
      <c r="C1959" s="9" t="s">
        <v>9388</v>
      </c>
      <c r="D1959" s="6" t="s">
        <v>9389</v>
      </c>
      <c r="E1959" s="22">
        <v>45457</v>
      </c>
      <c r="F1959" s="22">
        <v>47282</v>
      </c>
      <c r="G1959" s="6" t="s">
        <v>9390</v>
      </c>
      <c r="H1959" s="6" t="s">
        <v>202</v>
      </c>
      <c r="I1959" s="6" t="s">
        <v>6427</v>
      </c>
      <c r="J1959" s="6" t="s">
        <v>9391</v>
      </c>
      <c r="K1959" s="9" t="s">
        <v>9392</v>
      </c>
      <c r="L1959" s="10" t="s">
        <v>22</v>
      </c>
      <c r="M1959" s="10" t="s">
        <v>22</v>
      </c>
      <c r="N1959" s="10" t="s">
        <v>22</v>
      </c>
      <c r="O1959" s="10" t="s">
        <v>22</v>
      </c>
      <c r="P1959" s="10" t="s">
        <v>22</v>
      </c>
      <c r="Q1959" s="10" t="s">
        <v>22</v>
      </c>
      <c r="R1959" s="10" t="s">
        <v>22</v>
      </c>
      <c r="S1959" s="10" t="s">
        <v>22</v>
      </c>
      <c r="T1959" s="10" t="s">
        <v>22</v>
      </c>
      <c r="U1959" s="10" t="s">
        <v>22</v>
      </c>
      <c r="V1959" s="10" t="s">
        <v>22</v>
      </c>
      <c r="W1959" s="10" t="s">
        <v>22</v>
      </c>
      <c r="X1959" s="10" t="s">
        <v>22</v>
      </c>
      <c r="Y1959" s="10" t="s">
        <v>22</v>
      </c>
      <c r="Z1959" s="10" t="s">
        <v>22</v>
      </c>
    </row>
    <row r="1960" spans="1:26" ht="24" customHeight="1" x14ac:dyDescent="0.2">
      <c r="A1960" s="9" t="s">
        <v>19216</v>
      </c>
      <c r="B1960" s="9" t="s">
        <v>14</v>
      </c>
      <c r="C1960" s="9" t="s">
        <v>9393</v>
      </c>
      <c r="D1960" s="6" t="s">
        <v>9394</v>
      </c>
      <c r="E1960" s="22">
        <v>45457</v>
      </c>
      <c r="F1960" s="22">
        <v>47282</v>
      </c>
      <c r="G1960" s="6" t="s">
        <v>9395</v>
      </c>
      <c r="H1960" s="6" t="s">
        <v>2069</v>
      </c>
      <c r="I1960" s="6" t="s">
        <v>2070</v>
      </c>
      <c r="J1960" s="6" t="s">
        <v>16241</v>
      </c>
      <c r="K1960" s="9" t="s">
        <v>9396</v>
      </c>
      <c r="L1960" s="10" t="s">
        <v>22</v>
      </c>
      <c r="M1960" s="10" t="s">
        <v>22</v>
      </c>
      <c r="N1960" s="10" t="s">
        <v>22</v>
      </c>
      <c r="O1960" s="10" t="s">
        <v>22</v>
      </c>
      <c r="P1960" s="10" t="s">
        <v>22</v>
      </c>
      <c r="Q1960" s="10" t="s">
        <v>22</v>
      </c>
      <c r="R1960" s="10" t="s">
        <v>22</v>
      </c>
      <c r="S1960" s="10" t="s">
        <v>22</v>
      </c>
      <c r="T1960" s="10" t="s">
        <v>22</v>
      </c>
      <c r="U1960" s="10" t="s">
        <v>22</v>
      </c>
      <c r="V1960" s="10" t="s">
        <v>22</v>
      </c>
      <c r="W1960" s="10" t="s">
        <v>22</v>
      </c>
      <c r="X1960" s="10" t="s">
        <v>22</v>
      </c>
      <c r="Y1960" s="10" t="s">
        <v>22</v>
      </c>
      <c r="Z1960" s="10" t="s">
        <v>22</v>
      </c>
    </row>
    <row r="1961" spans="1:26" ht="24" customHeight="1" x14ac:dyDescent="0.2">
      <c r="A1961" s="9" t="s">
        <v>19217</v>
      </c>
      <c r="B1961" s="9" t="s">
        <v>14</v>
      </c>
      <c r="C1961" s="9" t="s">
        <v>9397</v>
      </c>
      <c r="D1961" s="6" t="s">
        <v>9398</v>
      </c>
      <c r="E1961" s="22">
        <v>45463</v>
      </c>
      <c r="F1961" s="22">
        <v>47288</v>
      </c>
      <c r="G1961" s="6" t="s">
        <v>9399</v>
      </c>
      <c r="H1961" s="6" t="s">
        <v>62</v>
      </c>
      <c r="I1961" s="6" t="s">
        <v>414</v>
      </c>
      <c r="J1961" s="6" t="s">
        <v>9400</v>
      </c>
      <c r="K1961" s="9" t="s">
        <v>9401</v>
      </c>
      <c r="L1961" s="10" t="s">
        <v>22</v>
      </c>
      <c r="M1961" s="10" t="s">
        <v>22</v>
      </c>
      <c r="N1961" s="10" t="s">
        <v>22</v>
      </c>
      <c r="O1961" s="10" t="s">
        <v>22</v>
      </c>
      <c r="P1961" s="10" t="s">
        <v>22</v>
      </c>
      <c r="Q1961" s="10" t="s">
        <v>22</v>
      </c>
      <c r="R1961" s="10" t="s">
        <v>22</v>
      </c>
      <c r="S1961" s="10" t="s">
        <v>22</v>
      </c>
      <c r="T1961" s="10" t="s">
        <v>22</v>
      </c>
      <c r="U1961" s="10" t="s">
        <v>22</v>
      </c>
      <c r="V1961" s="10" t="s">
        <v>22</v>
      </c>
      <c r="W1961" s="10" t="s">
        <v>22</v>
      </c>
      <c r="X1961" s="10" t="s">
        <v>22</v>
      </c>
      <c r="Y1961" s="10" t="s">
        <v>22</v>
      </c>
      <c r="Z1961" s="10" t="s">
        <v>22</v>
      </c>
    </row>
    <row r="1962" spans="1:26" ht="24" customHeight="1" x14ac:dyDescent="0.2">
      <c r="A1962" s="9" t="s">
        <v>19218</v>
      </c>
      <c r="B1962" s="9" t="s">
        <v>14</v>
      </c>
      <c r="C1962" s="9" t="s">
        <v>9402</v>
      </c>
      <c r="D1962" s="6" t="s">
        <v>9403</v>
      </c>
      <c r="E1962" s="22">
        <v>45467</v>
      </c>
      <c r="F1962" s="22">
        <v>47292</v>
      </c>
      <c r="G1962" s="6" t="s">
        <v>9404</v>
      </c>
      <c r="H1962" s="6" t="s">
        <v>2368</v>
      </c>
      <c r="I1962" s="6" t="s">
        <v>2369</v>
      </c>
      <c r="J1962" s="6" t="s">
        <v>16242</v>
      </c>
      <c r="K1962" s="9" t="s">
        <v>9405</v>
      </c>
      <c r="L1962" s="10" t="s">
        <v>22</v>
      </c>
      <c r="M1962" s="10" t="s">
        <v>22</v>
      </c>
      <c r="N1962" s="10" t="s">
        <v>22</v>
      </c>
      <c r="O1962" s="10" t="s">
        <v>22</v>
      </c>
      <c r="P1962" s="10" t="s">
        <v>22</v>
      </c>
      <c r="Q1962" s="10" t="s">
        <v>22</v>
      </c>
      <c r="R1962" s="10" t="s">
        <v>22</v>
      </c>
      <c r="S1962" s="10" t="s">
        <v>22</v>
      </c>
      <c r="T1962" s="10" t="s">
        <v>22</v>
      </c>
      <c r="U1962" s="10" t="s">
        <v>22</v>
      </c>
      <c r="V1962" s="10" t="s">
        <v>22</v>
      </c>
      <c r="W1962" s="10" t="s">
        <v>22</v>
      </c>
      <c r="X1962" s="10" t="s">
        <v>22</v>
      </c>
      <c r="Y1962" s="10" t="s">
        <v>22</v>
      </c>
      <c r="Z1962" s="10" t="s">
        <v>22</v>
      </c>
    </row>
    <row r="1963" spans="1:26" ht="24" customHeight="1" x14ac:dyDescent="0.2">
      <c r="A1963" s="9" t="s">
        <v>19219</v>
      </c>
      <c r="B1963" s="9" t="s">
        <v>14</v>
      </c>
      <c r="C1963" s="9" t="s">
        <v>9406</v>
      </c>
      <c r="D1963" s="6" t="s">
        <v>9407</v>
      </c>
      <c r="E1963" s="22">
        <v>45470</v>
      </c>
      <c r="F1963" s="22">
        <v>47295</v>
      </c>
      <c r="G1963" s="6" t="s">
        <v>9408</v>
      </c>
      <c r="H1963" s="6" t="s">
        <v>18</v>
      </c>
      <c r="I1963" s="6" t="s">
        <v>26</v>
      </c>
      <c r="J1963" s="6" t="s">
        <v>9409</v>
      </c>
      <c r="K1963" s="9" t="s">
        <v>9410</v>
      </c>
      <c r="L1963" s="10" t="s">
        <v>22</v>
      </c>
      <c r="M1963" s="10" t="s">
        <v>22</v>
      </c>
      <c r="N1963" s="10" t="s">
        <v>22</v>
      </c>
      <c r="O1963" s="10" t="s">
        <v>22</v>
      </c>
      <c r="P1963" s="10" t="s">
        <v>22</v>
      </c>
      <c r="Q1963" s="10" t="s">
        <v>22</v>
      </c>
      <c r="R1963" s="10" t="s">
        <v>22</v>
      </c>
      <c r="S1963" s="10" t="s">
        <v>22</v>
      </c>
      <c r="T1963" s="10" t="s">
        <v>22</v>
      </c>
      <c r="U1963" s="10" t="s">
        <v>22</v>
      </c>
      <c r="V1963" s="10" t="s">
        <v>22</v>
      </c>
      <c r="W1963" s="10" t="s">
        <v>22</v>
      </c>
      <c r="X1963" s="10" t="s">
        <v>22</v>
      </c>
      <c r="Y1963" s="10" t="s">
        <v>22</v>
      </c>
      <c r="Z1963" s="10" t="s">
        <v>22</v>
      </c>
    </row>
    <row r="1964" spans="1:26" ht="24" customHeight="1" x14ac:dyDescent="0.2">
      <c r="A1964" s="9" t="s">
        <v>19220</v>
      </c>
      <c r="B1964" s="9" t="s">
        <v>14</v>
      </c>
      <c r="C1964" s="9" t="s">
        <v>9412</v>
      </c>
      <c r="D1964" s="6" t="s">
        <v>9413</v>
      </c>
      <c r="E1964" s="22">
        <v>45474</v>
      </c>
      <c r="F1964" s="22">
        <v>47299</v>
      </c>
      <c r="G1964" s="6" t="s">
        <v>9414</v>
      </c>
      <c r="H1964" s="6" t="s">
        <v>2029</v>
      </c>
      <c r="I1964" s="6" t="s">
        <v>9415</v>
      </c>
      <c r="J1964" s="6" t="s">
        <v>9416</v>
      </c>
      <c r="L1964" s="10" t="s">
        <v>22</v>
      </c>
      <c r="M1964" s="10" t="s">
        <v>22</v>
      </c>
      <c r="N1964" s="10" t="s">
        <v>22</v>
      </c>
      <c r="O1964" s="10" t="s">
        <v>22</v>
      </c>
      <c r="P1964" s="10" t="s">
        <v>22</v>
      </c>
      <c r="Q1964" s="10" t="s">
        <v>22</v>
      </c>
      <c r="R1964" s="10" t="s">
        <v>22</v>
      </c>
      <c r="S1964" s="10" t="s">
        <v>22</v>
      </c>
      <c r="T1964" s="10" t="s">
        <v>22</v>
      </c>
      <c r="U1964" s="10" t="s">
        <v>22</v>
      </c>
      <c r="V1964" s="10" t="s">
        <v>22</v>
      </c>
      <c r="W1964" s="10" t="s">
        <v>22</v>
      </c>
      <c r="X1964" s="10" t="s">
        <v>22</v>
      </c>
      <c r="Y1964" s="10" t="s">
        <v>22</v>
      </c>
      <c r="Z1964" s="10" t="s">
        <v>22</v>
      </c>
    </row>
    <row r="1965" spans="1:26" ht="24" customHeight="1" x14ac:dyDescent="0.2">
      <c r="A1965" s="9" t="s">
        <v>19221</v>
      </c>
      <c r="B1965" s="9" t="s">
        <v>14</v>
      </c>
      <c r="C1965" s="9" t="s">
        <v>9417</v>
      </c>
      <c r="D1965" s="6" t="s">
        <v>9418</v>
      </c>
      <c r="E1965" s="22">
        <v>45474</v>
      </c>
      <c r="F1965" s="22">
        <v>47299</v>
      </c>
      <c r="G1965" s="6" t="s">
        <v>9419</v>
      </c>
      <c r="H1965" s="6" t="s">
        <v>62</v>
      </c>
      <c r="I1965" s="6" t="s">
        <v>938</v>
      </c>
      <c r="J1965" s="6" t="s">
        <v>9420</v>
      </c>
      <c r="K1965" s="9" t="s">
        <v>9421</v>
      </c>
      <c r="L1965" s="10" t="s">
        <v>22</v>
      </c>
      <c r="M1965" s="10" t="s">
        <v>22</v>
      </c>
      <c r="N1965" s="10" t="s">
        <v>22</v>
      </c>
      <c r="O1965" s="10" t="s">
        <v>22</v>
      </c>
      <c r="P1965" s="10" t="s">
        <v>22</v>
      </c>
      <c r="Q1965" s="10" t="s">
        <v>22</v>
      </c>
      <c r="R1965" s="10" t="s">
        <v>22</v>
      </c>
      <c r="S1965" s="10" t="s">
        <v>22</v>
      </c>
      <c r="T1965" s="10" t="s">
        <v>22</v>
      </c>
      <c r="U1965" s="10" t="s">
        <v>22</v>
      </c>
      <c r="V1965" s="10" t="s">
        <v>22</v>
      </c>
      <c r="W1965" s="10" t="s">
        <v>22</v>
      </c>
      <c r="X1965" s="10" t="s">
        <v>22</v>
      </c>
      <c r="Y1965" s="10" t="s">
        <v>22</v>
      </c>
      <c r="Z1965" s="10" t="s">
        <v>22</v>
      </c>
    </row>
    <row r="1966" spans="1:26" ht="24" customHeight="1" x14ac:dyDescent="0.2">
      <c r="A1966" s="9" t="s">
        <v>19222</v>
      </c>
      <c r="B1966" s="9" t="s">
        <v>14</v>
      </c>
      <c r="C1966" s="9" t="s">
        <v>9422</v>
      </c>
      <c r="D1966" s="6" t="s">
        <v>1825</v>
      </c>
      <c r="E1966" s="22">
        <v>45475</v>
      </c>
      <c r="F1966" s="22">
        <v>47300</v>
      </c>
      <c r="G1966" s="6" t="s">
        <v>1826</v>
      </c>
      <c r="H1966" s="6" t="s">
        <v>562</v>
      </c>
      <c r="I1966" s="6" t="s">
        <v>2504</v>
      </c>
      <c r="J1966" s="6" t="s">
        <v>9423</v>
      </c>
      <c r="K1966" s="9" t="s">
        <v>9424</v>
      </c>
      <c r="M1966" s="10" t="s">
        <v>22</v>
      </c>
      <c r="N1966" s="10" t="s">
        <v>22</v>
      </c>
      <c r="O1966" s="10" t="s">
        <v>22</v>
      </c>
      <c r="P1966" s="10" t="s">
        <v>22</v>
      </c>
      <c r="Q1966" s="10" t="s">
        <v>22</v>
      </c>
      <c r="R1966" s="10" t="s">
        <v>22</v>
      </c>
      <c r="S1966" s="10" t="s">
        <v>22</v>
      </c>
      <c r="T1966" s="10" t="s">
        <v>22</v>
      </c>
      <c r="V1966" s="10" t="s">
        <v>22</v>
      </c>
      <c r="W1966" s="10" t="s">
        <v>22</v>
      </c>
      <c r="Y1966" s="10" t="s">
        <v>22</v>
      </c>
      <c r="Z1966" s="10" t="s">
        <v>22</v>
      </c>
    </row>
    <row r="1967" spans="1:26" ht="24" customHeight="1" x14ac:dyDescent="0.2">
      <c r="A1967" s="9" t="s">
        <v>19223</v>
      </c>
      <c r="B1967" s="9" t="s">
        <v>14</v>
      </c>
      <c r="C1967" s="9" t="s">
        <v>9425</v>
      </c>
      <c r="D1967" s="6" t="s">
        <v>9426</v>
      </c>
      <c r="E1967" s="22">
        <v>45476</v>
      </c>
      <c r="F1967" s="22">
        <v>47301</v>
      </c>
      <c r="G1967" s="6" t="s">
        <v>9427</v>
      </c>
      <c r="H1967" s="6" t="s">
        <v>1047</v>
      </c>
      <c r="I1967" s="6" t="s">
        <v>1048</v>
      </c>
      <c r="J1967" s="6" t="s">
        <v>9428</v>
      </c>
      <c r="K1967" s="9" t="s">
        <v>9429</v>
      </c>
      <c r="L1967" s="10" t="s">
        <v>22</v>
      </c>
      <c r="M1967" s="10" t="s">
        <v>22</v>
      </c>
      <c r="N1967" s="10" t="s">
        <v>22</v>
      </c>
      <c r="O1967" s="10" t="s">
        <v>22</v>
      </c>
      <c r="P1967" s="10" t="s">
        <v>22</v>
      </c>
      <c r="Q1967" s="10" t="s">
        <v>22</v>
      </c>
      <c r="R1967" s="10" t="s">
        <v>22</v>
      </c>
      <c r="S1967" s="10" t="s">
        <v>22</v>
      </c>
      <c r="T1967" s="10" t="s">
        <v>22</v>
      </c>
      <c r="V1967" s="10" t="s">
        <v>22</v>
      </c>
      <c r="W1967" s="10" t="s">
        <v>22</v>
      </c>
      <c r="Y1967" s="10" t="s">
        <v>22</v>
      </c>
      <c r="Z1967" s="10" t="s">
        <v>22</v>
      </c>
    </row>
    <row r="1968" spans="1:26" ht="24" customHeight="1" x14ac:dyDescent="0.2">
      <c r="A1968" s="9" t="s">
        <v>19224</v>
      </c>
      <c r="B1968" s="9" t="s">
        <v>14</v>
      </c>
      <c r="C1968" s="9" t="s">
        <v>9430</v>
      </c>
      <c r="D1968" s="6" t="s">
        <v>9431</v>
      </c>
      <c r="E1968" s="22">
        <v>45482</v>
      </c>
      <c r="F1968" s="22">
        <v>47307</v>
      </c>
      <c r="G1968" s="6" t="s">
        <v>9432</v>
      </c>
      <c r="H1968" s="6" t="s">
        <v>363</v>
      </c>
      <c r="I1968" s="6" t="s">
        <v>466</v>
      </c>
      <c r="J1968" s="6" t="s">
        <v>9433</v>
      </c>
      <c r="L1968" s="10" t="s">
        <v>22</v>
      </c>
      <c r="M1968" s="10" t="s">
        <v>22</v>
      </c>
      <c r="N1968" s="10" t="s">
        <v>22</v>
      </c>
      <c r="O1968" s="10" t="s">
        <v>22</v>
      </c>
      <c r="P1968" s="10" t="s">
        <v>22</v>
      </c>
      <c r="Q1968" s="10" t="s">
        <v>22</v>
      </c>
      <c r="R1968" s="10" t="s">
        <v>22</v>
      </c>
      <c r="S1968" s="10" t="s">
        <v>22</v>
      </c>
      <c r="T1968" s="10" t="s">
        <v>22</v>
      </c>
      <c r="U1968" s="10" t="s">
        <v>22</v>
      </c>
      <c r="V1968" s="10" t="s">
        <v>22</v>
      </c>
      <c r="W1968" s="10" t="s">
        <v>22</v>
      </c>
      <c r="X1968" s="10" t="s">
        <v>22</v>
      </c>
      <c r="Y1968" s="10" t="s">
        <v>22</v>
      </c>
      <c r="Z1968" s="10" t="s">
        <v>22</v>
      </c>
    </row>
    <row r="1969" spans="1:26" ht="24" customHeight="1" x14ac:dyDescent="0.2">
      <c r="A1969" s="9" t="s">
        <v>19225</v>
      </c>
      <c r="B1969" s="9" t="s">
        <v>14</v>
      </c>
      <c r="C1969" s="9" t="s">
        <v>9434</v>
      </c>
      <c r="D1969" s="6" t="s">
        <v>9435</v>
      </c>
      <c r="E1969" s="22">
        <v>45490</v>
      </c>
      <c r="F1969" s="22">
        <v>47315</v>
      </c>
      <c r="G1969" s="6" t="s">
        <v>9436</v>
      </c>
      <c r="H1969" s="6" t="s">
        <v>62</v>
      </c>
      <c r="I1969" s="6" t="s">
        <v>1444</v>
      </c>
      <c r="J1969" s="6" t="s">
        <v>9437</v>
      </c>
      <c r="K1969" s="9" t="s">
        <v>16243</v>
      </c>
      <c r="L1969" s="10" t="s">
        <v>22</v>
      </c>
      <c r="M1969" s="10" t="s">
        <v>22</v>
      </c>
      <c r="N1969" s="10" t="s">
        <v>22</v>
      </c>
      <c r="O1969" s="10" t="s">
        <v>22</v>
      </c>
      <c r="P1969" s="10" t="s">
        <v>22</v>
      </c>
      <c r="Q1969" s="10" t="s">
        <v>22</v>
      </c>
      <c r="R1969" s="10" t="s">
        <v>22</v>
      </c>
      <c r="S1969" s="10" t="s">
        <v>22</v>
      </c>
      <c r="T1969" s="10" t="s">
        <v>22</v>
      </c>
      <c r="U1969" s="10" t="s">
        <v>22</v>
      </c>
      <c r="V1969" s="10" t="s">
        <v>22</v>
      </c>
      <c r="W1969" s="10" t="s">
        <v>22</v>
      </c>
      <c r="X1969" s="10" t="s">
        <v>22</v>
      </c>
      <c r="Y1969" s="10" t="s">
        <v>22</v>
      </c>
      <c r="Z1969" s="10" t="s">
        <v>22</v>
      </c>
    </row>
    <row r="1970" spans="1:26" ht="24" customHeight="1" x14ac:dyDescent="0.2">
      <c r="A1970" s="9" t="s">
        <v>19226</v>
      </c>
      <c r="B1970" s="9" t="s">
        <v>14</v>
      </c>
      <c r="C1970" s="9" t="s">
        <v>9438</v>
      </c>
      <c r="D1970" s="6" t="s">
        <v>9439</v>
      </c>
      <c r="E1970" s="22">
        <v>45495</v>
      </c>
      <c r="F1970" s="22">
        <v>47320</v>
      </c>
      <c r="G1970" s="6" t="s">
        <v>9440</v>
      </c>
      <c r="H1970" s="6" t="s">
        <v>18</v>
      </c>
      <c r="I1970" s="6" t="s">
        <v>19</v>
      </c>
      <c r="J1970" s="6" t="s">
        <v>9441</v>
      </c>
      <c r="K1970" s="9" t="s">
        <v>9442</v>
      </c>
      <c r="L1970" s="10" t="s">
        <v>22</v>
      </c>
      <c r="M1970" s="10" t="s">
        <v>22</v>
      </c>
      <c r="N1970" s="10" t="s">
        <v>22</v>
      </c>
      <c r="O1970" s="10" t="s">
        <v>22</v>
      </c>
      <c r="P1970" s="10" t="s">
        <v>22</v>
      </c>
      <c r="Q1970" s="10" t="s">
        <v>22</v>
      </c>
      <c r="R1970" s="10" t="s">
        <v>22</v>
      </c>
      <c r="S1970" s="10" t="s">
        <v>22</v>
      </c>
      <c r="T1970" s="10" t="s">
        <v>22</v>
      </c>
      <c r="U1970" s="10" t="s">
        <v>22</v>
      </c>
      <c r="V1970" s="10" t="s">
        <v>22</v>
      </c>
      <c r="W1970" s="10" t="s">
        <v>22</v>
      </c>
      <c r="X1970" s="10" t="s">
        <v>22</v>
      </c>
      <c r="Y1970" s="10" t="s">
        <v>22</v>
      </c>
      <c r="Z1970" s="10" t="s">
        <v>22</v>
      </c>
    </row>
    <row r="1971" spans="1:26" ht="24" customHeight="1" x14ac:dyDescent="0.2">
      <c r="A1971" s="9" t="s">
        <v>19227</v>
      </c>
      <c r="B1971" s="9" t="s">
        <v>14</v>
      </c>
      <c r="C1971" s="9" t="s">
        <v>9443</v>
      </c>
      <c r="D1971" s="6" t="s">
        <v>9444</v>
      </c>
      <c r="E1971" s="22">
        <v>45499</v>
      </c>
      <c r="F1971" s="22">
        <v>47324</v>
      </c>
      <c r="G1971" s="6" t="s">
        <v>9445</v>
      </c>
      <c r="H1971" s="6" t="s">
        <v>18</v>
      </c>
      <c r="I1971" s="6" t="s">
        <v>26</v>
      </c>
      <c r="J1971" s="6" t="s">
        <v>9446</v>
      </c>
      <c r="K1971" s="9" t="s">
        <v>9447</v>
      </c>
      <c r="L1971" s="10" t="s">
        <v>22</v>
      </c>
      <c r="M1971" s="10" t="s">
        <v>22</v>
      </c>
      <c r="N1971" s="10" t="s">
        <v>22</v>
      </c>
      <c r="O1971" s="10" t="s">
        <v>22</v>
      </c>
      <c r="P1971" s="10" t="s">
        <v>22</v>
      </c>
      <c r="Q1971" s="10" t="s">
        <v>22</v>
      </c>
      <c r="R1971" s="10" t="s">
        <v>22</v>
      </c>
      <c r="S1971" s="10" t="s">
        <v>22</v>
      </c>
      <c r="T1971" s="10" t="s">
        <v>22</v>
      </c>
      <c r="U1971" s="10" t="s">
        <v>22</v>
      </c>
      <c r="V1971" s="10" t="s">
        <v>22</v>
      </c>
      <c r="W1971" s="10" t="s">
        <v>22</v>
      </c>
      <c r="X1971" s="10" t="s">
        <v>22</v>
      </c>
      <c r="Y1971" s="10" t="s">
        <v>22</v>
      </c>
      <c r="Z1971" s="10" t="s">
        <v>22</v>
      </c>
    </row>
    <row r="1972" spans="1:26" ht="24" customHeight="1" x14ac:dyDescent="0.2">
      <c r="A1972" s="9" t="s">
        <v>19228</v>
      </c>
      <c r="B1972" s="9" t="s">
        <v>14</v>
      </c>
      <c r="C1972" s="9" t="s">
        <v>9448</v>
      </c>
      <c r="D1972" s="6" t="s">
        <v>9449</v>
      </c>
      <c r="E1972" s="22">
        <v>45510</v>
      </c>
      <c r="F1972" s="22">
        <v>47335</v>
      </c>
      <c r="G1972" s="6" t="s">
        <v>9450</v>
      </c>
      <c r="H1972" s="6" t="s">
        <v>18</v>
      </c>
      <c r="I1972" s="6" t="s">
        <v>19</v>
      </c>
      <c r="J1972" s="6" t="s">
        <v>9451</v>
      </c>
      <c r="K1972" s="9" t="s">
        <v>16244</v>
      </c>
      <c r="L1972" s="10" t="s">
        <v>22</v>
      </c>
      <c r="M1972" s="10" t="s">
        <v>22</v>
      </c>
      <c r="N1972" s="10" t="s">
        <v>22</v>
      </c>
      <c r="O1972" s="10" t="s">
        <v>22</v>
      </c>
      <c r="P1972" s="10" t="s">
        <v>22</v>
      </c>
      <c r="Q1972" s="10" t="s">
        <v>22</v>
      </c>
      <c r="R1972" s="10" t="s">
        <v>22</v>
      </c>
      <c r="S1972" s="10" t="s">
        <v>22</v>
      </c>
      <c r="T1972" s="10" t="s">
        <v>22</v>
      </c>
      <c r="U1972" s="10" t="s">
        <v>22</v>
      </c>
      <c r="V1972" s="10" t="s">
        <v>22</v>
      </c>
      <c r="W1972" s="10" t="s">
        <v>22</v>
      </c>
      <c r="X1972" s="10" t="s">
        <v>22</v>
      </c>
      <c r="Y1972" s="10" t="s">
        <v>22</v>
      </c>
      <c r="Z1972" s="10" t="s">
        <v>22</v>
      </c>
    </row>
    <row r="1973" spans="1:26" ht="24" customHeight="1" x14ac:dyDescent="0.2">
      <c r="A1973" s="9" t="s">
        <v>19229</v>
      </c>
      <c r="B1973" s="9" t="s">
        <v>14</v>
      </c>
      <c r="C1973" s="9" t="s">
        <v>9452</v>
      </c>
      <c r="D1973" s="6" t="s">
        <v>9453</v>
      </c>
      <c r="E1973" s="22">
        <v>45510</v>
      </c>
      <c r="F1973" s="22">
        <v>47335</v>
      </c>
      <c r="G1973" s="6" t="s">
        <v>9454</v>
      </c>
      <c r="H1973" s="6" t="s">
        <v>202</v>
      </c>
      <c r="I1973" s="6" t="s">
        <v>9279</v>
      </c>
      <c r="J1973" s="6" t="s">
        <v>9455</v>
      </c>
      <c r="K1973" s="9" t="s">
        <v>9456</v>
      </c>
      <c r="L1973" s="10" t="s">
        <v>22</v>
      </c>
      <c r="M1973" s="10" t="s">
        <v>22</v>
      </c>
      <c r="N1973" s="10" t="s">
        <v>22</v>
      </c>
      <c r="O1973" s="10" t="s">
        <v>22</v>
      </c>
      <c r="P1973" s="10" t="s">
        <v>22</v>
      </c>
      <c r="Q1973" s="10" t="s">
        <v>22</v>
      </c>
    </row>
    <row r="1974" spans="1:26" ht="24" customHeight="1" x14ac:dyDescent="0.2">
      <c r="A1974" s="9" t="s">
        <v>19230</v>
      </c>
      <c r="B1974" s="9" t="s">
        <v>14</v>
      </c>
      <c r="C1974" s="9" t="s">
        <v>9457</v>
      </c>
      <c r="D1974" s="6" t="s">
        <v>9458</v>
      </c>
      <c r="E1974" s="22">
        <v>45519</v>
      </c>
      <c r="F1974" s="22">
        <v>47344</v>
      </c>
      <c r="G1974" s="6" t="s">
        <v>9459</v>
      </c>
      <c r="H1974" s="6" t="s">
        <v>62</v>
      </c>
      <c r="I1974" s="6" t="s">
        <v>842</v>
      </c>
      <c r="J1974" s="6" t="s">
        <v>9460</v>
      </c>
      <c r="K1974" s="9" t="s">
        <v>9461</v>
      </c>
      <c r="L1974" s="10" t="s">
        <v>22</v>
      </c>
      <c r="M1974" s="10" t="s">
        <v>22</v>
      </c>
      <c r="N1974" s="10" t="s">
        <v>22</v>
      </c>
      <c r="O1974" s="10" t="s">
        <v>22</v>
      </c>
      <c r="P1974" s="10" t="s">
        <v>22</v>
      </c>
      <c r="Q1974" s="10" t="s">
        <v>22</v>
      </c>
      <c r="R1974" s="10" t="s">
        <v>22</v>
      </c>
      <c r="S1974" s="10" t="s">
        <v>22</v>
      </c>
      <c r="T1974" s="10" t="s">
        <v>22</v>
      </c>
      <c r="U1974" s="10" t="s">
        <v>22</v>
      </c>
      <c r="V1974" s="10" t="s">
        <v>22</v>
      </c>
      <c r="W1974" s="10" t="s">
        <v>22</v>
      </c>
      <c r="X1974" s="10" t="s">
        <v>22</v>
      </c>
      <c r="Y1974" s="10" t="s">
        <v>22</v>
      </c>
      <c r="Z1974" s="10" t="s">
        <v>22</v>
      </c>
    </row>
    <row r="1975" spans="1:26" ht="24" customHeight="1" x14ac:dyDescent="0.2">
      <c r="A1975" s="9" t="s">
        <v>19231</v>
      </c>
      <c r="B1975" s="9" t="s">
        <v>14</v>
      </c>
      <c r="C1975" s="9" t="s">
        <v>9462</v>
      </c>
      <c r="D1975" s="6" t="s">
        <v>9463</v>
      </c>
      <c r="E1975" s="22">
        <v>45519</v>
      </c>
      <c r="F1975" s="22">
        <v>47344</v>
      </c>
      <c r="G1975" s="6" t="s">
        <v>9464</v>
      </c>
      <c r="H1975" s="6" t="s">
        <v>62</v>
      </c>
      <c r="I1975" s="6" t="s">
        <v>73</v>
      </c>
      <c r="J1975" s="6" t="s">
        <v>16245</v>
      </c>
      <c r="K1975" s="9" t="s">
        <v>9465</v>
      </c>
      <c r="L1975" s="10" t="s">
        <v>22</v>
      </c>
      <c r="M1975" s="10" t="s">
        <v>22</v>
      </c>
      <c r="N1975" s="10" t="s">
        <v>22</v>
      </c>
      <c r="O1975" s="10" t="s">
        <v>22</v>
      </c>
      <c r="P1975" s="10" t="s">
        <v>22</v>
      </c>
      <c r="Q1975" s="10" t="s">
        <v>22</v>
      </c>
      <c r="U1975" s="10" t="s">
        <v>22</v>
      </c>
      <c r="V1975" s="10" t="s">
        <v>22</v>
      </c>
      <c r="W1975" s="10" t="s">
        <v>22</v>
      </c>
      <c r="X1975" s="10" t="s">
        <v>22</v>
      </c>
      <c r="Y1975" s="10" t="s">
        <v>22</v>
      </c>
      <c r="Z1975" s="10" t="s">
        <v>22</v>
      </c>
    </row>
    <row r="1976" spans="1:26" ht="24" customHeight="1" x14ac:dyDescent="0.2">
      <c r="A1976" s="9" t="s">
        <v>19232</v>
      </c>
      <c r="B1976" s="9" t="s">
        <v>14</v>
      </c>
      <c r="C1976" s="9" t="s">
        <v>9466</v>
      </c>
      <c r="D1976" s="6" t="s">
        <v>9467</v>
      </c>
      <c r="E1976" s="22">
        <v>45527</v>
      </c>
      <c r="F1976" s="22">
        <v>47352</v>
      </c>
      <c r="G1976" s="6" t="s">
        <v>9468</v>
      </c>
      <c r="H1976" s="6" t="s">
        <v>62</v>
      </c>
      <c r="I1976" s="6" t="s">
        <v>236</v>
      </c>
      <c r="J1976" s="6" t="s">
        <v>9469</v>
      </c>
      <c r="L1976" s="10" t="s">
        <v>22</v>
      </c>
      <c r="M1976" s="10" t="s">
        <v>22</v>
      </c>
      <c r="N1976" s="10" t="s">
        <v>22</v>
      </c>
      <c r="O1976" s="10" t="s">
        <v>22</v>
      </c>
      <c r="P1976" s="10" t="s">
        <v>22</v>
      </c>
      <c r="Q1976" s="10" t="s">
        <v>22</v>
      </c>
      <c r="R1976" s="10" t="s">
        <v>22</v>
      </c>
      <c r="S1976" s="10" t="s">
        <v>22</v>
      </c>
      <c r="T1976" s="10" t="s">
        <v>22</v>
      </c>
      <c r="U1976" s="10" t="s">
        <v>22</v>
      </c>
      <c r="V1976" s="10" t="s">
        <v>22</v>
      </c>
      <c r="W1976" s="10" t="s">
        <v>22</v>
      </c>
      <c r="X1976" s="10" t="s">
        <v>22</v>
      </c>
      <c r="Y1976" s="10" t="s">
        <v>22</v>
      </c>
      <c r="Z1976" s="10" t="s">
        <v>22</v>
      </c>
    </row>
    <row r="1977" spans="1:26" ht="24" customHeight="1" x14ac:dyDescent="0.2">
      <c r="A1977" s="9" t="s">
        <v>19233</v>
      </c>
      <c r="B1977" s="9" t="s">
        <v>14</v>
      </c>
      <c r="C1977" s="9" t="s">
        <v>9470</v>
      </c>
      <c r="D1977" s="6" t="s">
        <v>9471</v>
      </c>
      <c r="E1977" s="22">
        <v>45527</v>
      </c>
      <c r="F1977" s="22">
        <v>47352</v>
      </c>
      <c r="G1977" s="6" t="s">
        <v>9472</v>
      </c>
      <c r="H1977" s="6" t="s">
        <v>18</v>
      </c>
      <c r="I1977" s="6" t="s">
        <v>19</v>
      </c>
      <c r="J1977" s="6" t="s">
        <v>9473</v>
      </c>
      <c r="M1977" s="10" t="s">
        <v>22</v>
      </c>
      <c r="N1977" s="10" t="s">
        <v>22</v>
      </c>
      <c r="V1977" s="10" t="s">
        <v>22</v>
      </c>
      <c r="W1977" s="10" t="s">
        <v>22</v>
      </c>
    </row>
    <row r="1978" spans="1:26" ht="24" customHeight="1" x14ac:dyDescent="0.2">
      <c r="A1978" s="9" t="s">
        <v>19234</v>
      </c>
      <c r="B1978" s="9" t="s">
        <v>14</v>
      </c>
      <c r="C1978" s="9" t="s">
        <v>9474</v>
      </c>
      <c r="D1978" s="6" t="s">
        <v>9475</v>
      </c>
      <c r="E1978" s="22">
        <v>45527</v>
      </c>
      <c r="F1978" s="22">
        <v>47352</v>
      </c>
      <c r="G1978" s="6" t="s">
        <v>9476</v>
      </c>
      <c r="H1978" s="6" t="s">
        <v>18</v>
      </c>
      <c r="I1978" s="6" t="s">
        <v>19</v>
      </c>
      <c r="J1978" s="6" t="s">
        <v>9477</v>
      </c>
      <c r="K1978" s="9" t="s">
        <v>9478</v>
      </c>
      <c r="L1978" s="10" t="s">
        <v>22</v>
      </c>
      <c r="M1978" s="10" t="s">
        <v>22</v>
      </c>
      <c r="N1978" s="10" t="s">
        <v>22</v>
      </c>
      <c r="O1978" s="10" t="s">
        <v>22</v>
      </c>
      <c r="P1978" s="10" t="s">
        <v>22</v>
      </c>
      <c r="Q1978" s="10" t="s">
        <v>22</v>
      </c>
      <c r="R1978" s="10" t="s">
        <v>22</v>
      </c>
      <c r="S1978" s="10" t="s">
        <v>22</v>
      </c>
      <c r="T1978" s="10" t="s">
        <v>22</v>
      </c>
      <c r="U1978" s="10" t="s">
        <v>22</v>
      </c>
      <c r="V1978" s="10" t="s">
        <v>22</v>
      </c>
      <c r="W1978" s="10" t="s">
        <v>22</v>
      </c>
      <c r="X1978" s="10" t="s">
        <v>22</v>
      </c>
      <c r="Y1978" s="10" t="s">
        <v>22</v>
      </c>
      <c r="Z1978" s="10" t="s">
        <v>22</v>
      </c>
    </row>
    <row r="1979" spans="1:26" ht="24" customHeight="1" x14ac:dyDescent="0.2">
      <c r="A1979" s="9" t="s">
        <v>19235</v>
      </c>
      <c r="B1979" s="9" t="s">
        <v>14</v>
      </c>
      <c r="C1979" s="9" t="s">
        <v>9479</v>
      </c>
      <c r="D1979" s="6" t="s">
        <v>9480</v>
      </c>
      <c r="E1979" s="22">
        <v>45534</v>
      </c>
      <c r="F1979" s="22">
        <v>47359</v>
      </c>
      <c r="G1979" s="6" t="s">
        <v>9481</v>
      </c>
      <c r="H1979" s="6" t="s">
        <v>62</v>
      </c>
      <c r="I1979" s="6" t="s">
        <v>493</v>
      </c>
      <c r="J1979" s="6" t="s">
        <v>9482</v>
      </c>
      <c r="K1979" s="9" t="s">
        <v>9483</v>
      </c>
      <c r="L1979" s="10" t="s">
        <v>22</v>
      </c>
      <c r="M1979" s="10" t="s">
        <v>22</v>
      </c>
      <c r="N1979" s="10" t="s">
        <v>22</v>
      </c>
      <c r="O1979" s="10" t="s">
        <v>22</v>
      </c>
      <c r="P1979" s="10" t="s">
        <v>22</v>
      </c>
      <c r="Q1979" s="10" t="s">
        <v>22</v>
      </c>
      <c r="R1979" s="10" t="s">
        <v>22</v>
      </c>
      <c r="S1979" s="10" t="s">
        <v>22</v>
      </c>
      <c r="T1979" s="10" t="s">
        <v>22</v>
      </c>
    </row>
    <row r="1980" spans="1:26" ht="24" customHeight="1" x14ac:dyDescent="0.2">
      <c r="A1980" s="9" t="s">
        <v>19236</v>
      </c>
      <c r="B1980" s="9" t="s">
        <v>14</v>
      </c>
      <c r="C1980" s="9" t="s">
        <v>9484</v>
      </c>
      <c r="D1980" s="6" t="s">
        <v>9485</v>
      </c>
      <c r="E1980" s="22">
        <v>45541</v>
      </c>
      <c r="F1980" s="22">
        <v>47366</v>
      </c>
      <c r="G1980" s="6" t="s">
        <v>9486</v>
      </c>
      <c r="H1980" s="6" t="s">
        <v>18</v>
      </c>
      <c r="I1980" s="6" t="s">
        <v>26</v>
      </c>
      <c r="J1980" s="6" t="s">
        <v>9487</v>
      </c>
      <c r="L1980" s="10" t="s">
        <v>22</v>
      </c>
      <c r="M1980" s="10" t="s">
        <v>22</v>
      </c>
      <c r="N1980" s="10" t="s">
        <v>22</v>
      </c>
      <c r="O1980" s="10" t="s">
        <v>22</v>
      </c>
      <c r="P1980" s="10" t="s">
        <v>22</v>
      </c>
      <c r="Q1980" s="10" t="s">
        <v>22</v>
      </c>
      <c r="R1980" s="10" t="s">
        <v>22</v>
      </c>
      <c r="S1980" s="10" t="s">
        <v>22</v>
      </c>
      <c r="T1980" s="10" t="s">
        <v>22</v>
      </c>
      <c r="U1980" s="10" t="s">
        <v>22</v>
      </c>
      <c r="V1980" s="10" t="s">
        <v>22</v>
      </c>
      <c r="W1980" s="10" t="s">
        <v>22</v>
      </c>
      <c r="X1980" s="10" t="s">
        <v>22</v>
      </c>
      <c r="Y1980" s="10" t="s">
        <v>22</v>
      </c>
      <c r="Z1980" s="10" t="s">
        <v>22</v>
      </c>
    </row>
    <row r="1981" spans="1:26" ht="24" customHeight="1" x14ac:dyDescent="0.2">
      <c r="A1981" s="9" t="s">
        <v>19237</v>
      </c>
      <c r="B1981" s="9" t="s">
        <v>14</v>
      </c>
      <c r="C1981" s="9" t="s">
        <v>9488</v>
      </c>
      <c r="D1981" s="6" t="s">
        <v>9489</v>
      </c>
      <c r="E1981" s="22">
        <v>45541</v>
      </c>
      <c r="F1981" s="22">
        <v>47366</v>
      </c>
      <c r="G1981" s="6" t="s">
        <v>9490</v>
      </c>
      <c r="H1981" s="6" t="s">
        <v>62</v>
      </c>
      <c r="I1981" s="6" t="s">
        <v>5452</v>
      </c>
      <c r="J1981" s="6" t="s">
        <v>9491</v>
      </c>
      <c r="K1981" s="9" t="s">
        <v>9492</v>
      </c>
      <c r="L1981" s="10" t="s">
        <v>22</v>
      </c>
      <c r="M1981" s="10" t="s">
        <v>22</v>
      </c>
      <c r="N1981" s="10" t="s">
        <v>22</v>
      </c>
      <c r="O1981" s="10" t="s">
        <v>22</v>
      </c>
      <c r="P1981" s="10" t="s">
        <v>22</v>
      </c>
      <c r="Q1981" s="10" t="s">
        <v>22</v>
      </c>
      <c r="R1981" s="10" t="s">
        <v>22</v>
      </c>
      <c r="S1981" s="10" t="s">
        <v>22</v>
      </c>
      <c r="T1981" s="10" t="s">
        <v>22</v>
      </c>
      <c r="U1981" s="10" t="s">
        <v>22</v>
      </c>
      <c r="V1981" s="10" t="s">
        <v>22</v>
      </c>
      <c r="W1981" s="10" t="s">
        <v>22</v>
      </c>
      <c r="X1981" s="10" t="s">
        <v>22</v>
      </c>
      <c r="Y1981" s="10" t="s">
        <v>22</v>
      </c>
      <c r="Z1981" s="10" t="s">
        <v>22</v>
      </c>
    </row>
    <row r="1982" spans="1:26" ht="24" customHeight="1" x14ac:dyDescent="0.2">
      <c r="A1982" s="9" t="s">
        <v>19238</v>
      </c>
      <c r="B1982" s="9" t="s">
        <v>14</v>
      </c>
      <c r="C1982" s="9" t="s">
        <v>9493</v>
      </c>
      <c r="D1982" s="6" t="s">
        <v>9494</v>
      </c>
      <c r="E1982" s="22">
        <v>45546</v>
      </c>
      <c r="F1982" s="22">
        <v>47371</v>
      </c>
      <c r="G1982" s="6" t="s">
        <v>9495</v>
      </c>
      <c r="H1982" s="6" t="s">
        <v>62</v>
      </c>
      <c r="I1982" s="6" t="s">
        <v>63</v>
      </c>
      <c r="J1982" s="6" t="s">
        <v>9496</v>
      </c>
      <c r="K1982" s="9" t="s">
        <v>9497</v>
      </c>
      <c r="L1982" s="10" t="s">
        <v>22</v>
      </c>
      <c r="M1982" s="10" t="s">
        <v>22</v>
      </c>
      <c r="N1982" s="10" t="s">
        <v>22</v>
      </c>
      <c r="O1982" s="10" t="s">
        <v>22</v>
      </c>
      <c r="P1982" s="10" t="s">
        <v>22</v>
      </c>
      <c r="Q1982" s="10" t="s">
        <v>22</v>
      </c>
      <c r="R1982" s="10" t="s">
        <v>22</v>
      </c>
      <c r="S1982" s="10" t="s">
        <v>22</v>
      </c>
      <c r="T1982" s="10" t="s">
        <v>22</v>
      </c>
      <c r="U1982" s="10" t="s">
        <v>22</v>
      </c>
      <c r="V1982" s="10" t="s">
        <v>22</v>
      </c>
      <c r="W1982" s="10" t="s">
        <v>22</v>
      </c>
      <c r="X1982" s="10" t="s">
        <v>22</v>
      </c>
      <c r="Y1982" s="10" t="s">
        <v>22</v>
      </c>
      <c r="Z1982" s="10" t="s">
        <v>22</v>
      </c>
    </row>
    <row r="1983" spans="1:26" ht="24" customHeight="1" x14ac:dyDescent="0.2">
      <c r="A1983" s="9" t="s">
        <v>19239</v>
      </c>
      <c r="B1983" s="9" t="s">
        <v>14</v>
      </c>
      <c r="C1983" s="9" t="s">
        <v>9498</v>
      </c>
      <c r="D1983" s="6" t="s">
        <v>9499</v>
      </c>
      <c r="E1983" s="22">
        <v>45548</v>
      </c>
      <c r="F1983" s="22">
        <v>47373</v>
      </c>
      <c r="G1983" s="6" t="s">
        <v>9500</v>
      </c>
      <c r="H1983" s="6" t="s">
        <v>2368</v>
      </c>
      <c r="I1983" s="6" t="s">
        <v>2369</v>
      </c>
      <c r="J1983" s="6" t="s">
        <v>9501</v>
      </c>
      <c r="K1983" s="9" t="s">
        <v>16246</v>
      </c>
      <c r="L1983" s="10" t="s">
        <v>22</v>
      </c>
      <c r="M1983" s="10" t="s">
        <v>22</v>
      </c>
      <c r="N1983" s="10" t="s">
        <v>22</v>
      </c>
      <c r="O1983" s="10" t="s">
        <v>22</v>
      </c>
      <c r="P1983" s="10" t="s">
        <v>22</v>
      </c>
      <c r="Q1983" s="10" t="s">
        <v>22</v>
      </c>
      <c r="R1983" s="10" t="s">
        <v>22</v>
      </c>
      <c r="S1983" s="10" t="s">
        <v>22</v>
      </c>
      <c r="T1983" s="10" t="s">
        <v>22</v>
      </c>
      <c r="U1983" s="10" t="s">
        <v>22</v>
      </c>
      <c r="V1983" s="10" t="s">
        <v>22</v>
      </c>
      <c r="W1983" s="10" t="s">
        <v>22</v>
      </c>
      <c r="X1983" s="10" t="s">
        <v>22</v>
      </c>
      <c r="Y1983" s="10" t="s">
        <v>22</v>
      </c>
      <c r="Z1983" s="10" t="s">
        <v>22</v>
      </c>
    </row>
    <row r="1984" spans="1:26" ht="24" customHeight="1" x14ac:dyDescent="0.2">
      <c r="A1984" s="9" t="s">
        <v>19240</v>
      </c>
      <c r="B1984" s="9" t="s">
        <v>14</v>
      </c>
      <c r="C1984" s="9" t="s">
        <v>9502</v>
      </c>
      <c r="D1984" s="6" t="s">
        <v>9503</v>
      </c>
      <c r="E1984" s="22">
        <v>45560</v>
      </c>
      <c r="F1984" s="22">
        <v>47385</v>
      </c>
      <c r="G1984" s="6" t="s">
        <v>9504</v>
      </c>
      <c r="H1984" s="6" t="s">
        <v>62</v>
      </c>
      <c r="I1984" s="6" t="s">
        <v>290</v>
      </c>
      <c r="J1984" s="6" t="s">
        <v>9505</v>
      </c>
      <c r="K1984" s="9" t="s">
        <v>9506</v>
      </c>
      <c r="L1984" s="10" t="s">
        <v>22</v>
      </c>
      <c r="M1984" s="10" t="s">
        <v>22</v>
      </c>
      <c r="N1984" s="10" t="s">
        <v>22</v>
      </c>
      <c r="O1984" s="10" t="s">
        <v>22</v>
      </c>
      <c r="P1984" s="10" t="s">
        <v>22</v>
      </c>
      <c r="Q1984" s="10" t="s">
        <v>22</v>
      </c>
      <c r="U1984" s="10" t="s">
        <v>22</v>
      </c>
      <c r="V1984" s="10" t="s">
        <v>22</v>
      </c>
      <c r="W1984" s="10" t="s">
        <v>22</v>
      </c>
      <c r="X1984" s="10" t="s">
        <v>22</v>
      </c>
      <c r="Y1984" s="10" t="s">
        <v>22</v>
      </c>
      <c r="Z1984" s="10" t="s">
        <v>22</v>
      </c>
    </row>
    <row r="1985" spans="1:26" ht="24" customHeight="1" x14ac:dyDescent="0.2">
      <c r="A1985" s="9" t="s">
        <v>19241</v>
      </c>
      <c r="B1985" s="9" t="s">
        <v>14</v>
      </c>
      <c r="C1985" s="9" t="s">
        <v>9507</v>
      </c>
      <c r="D1985" s="6" t="s">
        <v>16247</v>
      </c>
      <c r="E1985" s="22">
        <v>45568</v>
      </c>
      <c r="F1985" s="22">
        <v>47393</v>
      </c>
      <c r="G1985" s="6" t="s">
        <v>16248</v>
      </c>
      <c r="H1985" s="6" t="s">
        <v>363</v>
      </c>
      <c r="I1985" s="6" t="s">
        <v>5865</v>
      </c>
      <c r="J1985" s="6" t="s">
        <v>9508</v>
      </c>
      <c r="K1985" s="9" t="s">
        <v>16249</v>
      </c>
      <c r="L1985" s="10" t="s">
        <v>22</v>
      </c>
      <c r="M1985" s="10" t="s">
        <v>22</v>
      </c>
      <c r="N1985" s="10" t="s">
        <v>22</v>
      </c>
      <c r="O1985" s="10" t="s">
        <v>22</v>
      </c>
      <c r="P1985" s="10" t="s">
        <v>22</v>
      </c>
      <c r="Q1985" s="10" t="s">
        <v>22</v>
      </c>
      <c r="U1985" s="10" t="s">
        <v>22</v>
      </c>
      <c r="V1985" s="10" t="s">
        <v>22</v>
      </c>
      <c r="W1985" s="10" t="s">
        <v>22</v>
      </c>
      <c r="X1985" s="10" t="s">
        <v>22</v>
      </c>
      <c r="Y1985" s="10" t="s">
        <v>22</v>
      </c>
      <c r="Z1985" s="10" t="s">
        <v>22</v>
      </c>
    </row>
    <row r="1986" spans="1:26" ht="24" customHeight="1" x14ac:dyDescent="0.2">
      <c r="A1986" s="9" t="s">
        <v>19242</v>
      </c>
      <c r="B1986" s="9" t="s">
        <v>14</v>
      </c>
      <c r="C1986" s="9" t="s">
        <v>9509</v>
      </c>
      <c r="D1986" s="6" t="s">
        <v>9510</v>
      </c>
      <c r="E1986" s="22">
        <v>45575</v>
      </c>
      <c r="F1986" s="22">
        <v>47400</v>
      </c>
      <c r="G1986" s="6" t="s">
        <v>9511</v>
      </c>
      <c r="H1986" s="6" t="s">
        <v>202</v>
      </c>
      <c r="I1986" s="6" t="s">
        <v>857</v>
      </c>
      <c r="J1986" s="6" t="s">
        <v>16250</v>
      </c>
      <c r="K1986" s="9" t="s">
        <v>9512</v>
      </c>
      <c r="L1986" s="10" t="s">
        <v>22</v>
      </c>
      <c r="M1986" s="10" t="s">
        <v>22</v>
      </c>
      <c r="N1986" s="10" t="s">
        <v>22</v>
      </c>
      <c r="O1986" s="10" t="s">
        <v>22</v>
      </c>
      <c r="P1986" s="10" t="s">
        <v>22</v>
      </c>
      <c r="Q1986" s="10" t="s">
        <v>22</v>
      </c>
      <c r="R1986" s="10" t="s">
        <v>22</v>
      </c>
      <c r="S1986" s="10" t="s">
        <v>22</v>
      </c>
      <c r="T1986" s="10" t="s">
        <v>22</v>
      </c>
      <c r="U1986" s="10" t="s">
        <v>22</v>
      </c>
      <c r="V1986" s="10" t="s">
        <v>22</v>
      </c>
      <c r="W1986" s="10" t="s">
        <v>22</v>
      </c>
      <c r="X1986" s="10" t="s">
        <v>22</v>
      </c>
      <c r="Y1986" s="10" t="s">
        <v>22</v>
      </c>
      <c r="Z1986" s="10" t="s">
        <v>22</v>
      </c>
    </row>
    <row r="1987" spans="1:26" ht="24" customHeight="1" x14ac:dyDescent="0.2">
      <c r="A1987" s="9" t="s">
        <v>19243</v>
      </c>
      <c r="B1987" s="9" t="s">
        <v>14</v>
      </c>
      <c r="C1987" s="9" t="s">
        <v>9513</v>
      </c>
      <c r="D1987" s="6" t="s">
        <v>9514</v>
      </c>
      <c r="E1987" s="22">
        <v>45575</v>
      </c>
      <c r="F1987" s="22">
        <v>47400</v>
      </c>
      <c r="G1987" s="6" t="s">
        <v>9515</v>
      </c>
      <c r="H1987" s="6" t="s">
        <v>3401</v>
      </c>
      <c r="I1987" s="6" t="s">
        <v>9516</v>
      </c>
      <c r="J1987" s="6" t="s">
        <v>9517</v>
      </c>
      <c r="K1987" s="9" t="s">
        <v>9518</v>
      </c>
      <c r="L1987" s="10" t="s">
        <v>22</v>
      </c>
      <c r="M1987" s="10" t="s">
        <v>22</v>
      </c>
      <c r="N1987" s="10" t="s">
        <v>22</v>
      </c>
      <c r="O1987" s="10" t="s">
        <v>22</v>
      </c>
      <c r="P1987" s="10" t="s">
        <v>22</v>
      </c>
      <c r="Q1987" s="10" t="s">
        <v>22</v>
      </c>
      <c r="R1987" s="10" t="s">
        <v>22</v>
      </c>
      <c r="S1987" s="10" t="s">
        <v>22</v>
      </c>
      <c r="T1987" s="10" t="s">
        <v>22</v>
      </c>
      <c r="U1987" s="10" t="s">
        <v>22</v>
      </c>
      <c r="V1987" s="10" t="s">
        <v>22</v>
      </c>
      <c r="W1987" s="10" t="s">
        <v>22</v>
      </c>
      <c r="X1987" s="10" t="s">
        <v>22</v>
      </c>
      <c r="Y1987" s="10" t="s">
        <v>22</v>
      </c>
      <c r="Z1987" s="10" t="s">
        <v>22</v>
      </c>
    </row>
    <row r="1988" spans="1:26" ht="24" customHeight="1" x14ac:dyDescent="0.2">
      <c r="A1988" s="9" t="s">
        <v>19244</v>
      </c>
      <c r="B1988" s="9" t="s">
        <v>14</v>
      </c>
      <c r="C1988" s="9" t="s">
        <v>9519</v>
      </c>
      <c r="D1988" s="6" t="s">
        <v>9520</v>
      </c>
      <c r="E1988" s="22">
        <v>45580</v>
      </c>
      <c r="F1988" s="22">
        <v>47405</v>
      </c>
      <c r="G1988" s="6" t="s">
        <v>9521</v>
      </c>
      <c r="H1988" s="6" t="s">
        <v>363</v>
      </c>
      <c r="I1988" s="6" t="s">
        <v>364</v>
      </c>
      <c r="J1988" s="6" t="s">
        <v>9522</v>
      </c>
      <c r="L1988" s="10" t="s">
        <v>22</v>
      </c>
      <c r="M1988" s="10" t="s">
        <v>22</v>
      </c>
      <c r="N1988" s="10" t="s">
        <v>22</v>
      </c>
      <c r="O1988" s="10" t="s">
        <v>22</v>
      </c>
      <c r="P1988" s="10" t="s">
        <v>22</v>
      </c>
      <c r="Q1988" s="10" t="s">
        <v>22</v>
      </c>
    </row>
    <row r="1989" spans="1:26" ht="24" customHeight="1" x14ac:dyDescent="0.2">
      <c r="A1989" s="9" t="s">
        <v>19245</v>
      </c>
      <c r="B1989" s="9" t="s">
        <v>14</v>
      </c>
      <c r="C1989" s="9" t="s">
        <v>9523</v>
      </c>
      <c r="D1989" s="6" t="s">
        <v>9524</v>
      </c>
      <c r="E1989" s="22">
        <v>45580</v>
      </c>
      <c r="F1989" s="22">
        <v>47405</v>
      </c>
      <c r="G1989" s="6" t="s">
        <v>9525</v>
      </c>
      <c r="H1989" s="6" t="s">
        <v>1047</v>
      </c>
      <c r="I1989" s="6" t="s">
        <v>1052</v>
      </c>
      <c r="J1989" s="6" t="s">
        <v>9526</v>
      </c>
      <c r="K1989" s="9" t="s">
        <v>9527</v>
      </c>
      <c r="L1989" s="10" t="s">
        <v>22</v>
      </c>
      <c r="M1989" s="10" t="s">
        <v>22</v>
      </c>
      <c r="N1989" s="10" t="s">
        <v>22</v>
      </c>
      <c r="O1989" s="10" t="s">
        <v>22</v>
      </c>
      <c r="P1989" s="10" t="s">
        <v>22</v>
      </c>
      <c r="Q1989" s="10" t="s">
        <v>22</v>
      </c>
      <c r="R1989" s="10" t="s">
        <v>22</v>
      </c>
      <c r="S1989" s="10" t="s">
        <v>22</v>
      </c>
      <c r="T1989" s="10" t="s">
        <v>22</v>
      </c>
      <c r="U1989" s="10" t="s">
        <v>22</v>
      </c>
      <c r="V1989" s="10" t="s">
        <v>22</v>
      </c>
      <c r="W1989" s="10" t="s">
        <v>22</v>
      </c>
      <c r="X1989" s="10" t="s">
        <v>22</v>
      </c>
      <c r="Y1989" s="10" t="s">
        <v>22</v>
      </c>
      <c r="Z1989" s="10" t="s">
        <v>22</v>
      </c>
    </row>
    <row r="1990" spans="1:26" ht="24" customHeight="1" x14ac:dyDescent="0.2">
      <c r="A1990" s="9" t="s">
        <v>19246</v>
      </c>
      <c r="B1990" s="9" t="s">
        <v>14</v>
      </c>
      <c r="C1990" s="9" t="s">
        <v>9528</v>
      </c>
      <c r="D1990" s="6" t="s">
        <v>9529</v>
      </c>
      <c r="E1990" s="22">
        <v>45582</v>
      </c>
      <c r="F1990" s="22">
        <v>47407</v>
      </c>
      <c r="G1990" s="6" t="s">
        <v>9530</v>
      </c>
      <c r="H1990" s="6" t="s">
        <v>18</v>
      </c>
      <c r="I1990" s="6" t="s">
        <v>19</v>
      </c>
      <c r="J1990" s="6" t="s">
        <v>9531</v>
      </c>
      <c r="K1990" s="9" t="s">
        <v>9532</v>
      </c>
      <c r="L1990" s="10" t="s">
        <v>22</v>
      </c>
      <c r="M1990" s="10" t="s">
        <v>22</v>
      </c>
      <c r="N1990" s="10" t="s">
        <v>22</v>
      </c>
      <c r="O1990" s="10" t="s">
        <v>22</v>
      </c>
      <c r="P1990" s="10" t="s">
        <v>22</v>
      </c>
      <c r="Q1990" s="10" t="s">
        <v>22</v>
      </c>
      <c r="R1990" s="10" t="s">
        <v>22</v>
      </c>
      <c r="S1990" s="10" t="s">
        <v>22</v>
      </c>
      <c r="T1990" s="10" t="s">
        <v>22</v>
      </c>
      <c r="U1990" s="10" t="s">
        <v>22</v>
      </c>
      <c r="V1990" s="10" t="s">
        <v>22</v>
      </c>
      <c r="W1990" s="10" t="s">
        <v>22</v>
      </c>
      <c r="X1990" s="10" t="s">
        <v>22</v>
      </c>
      <c r="Y1990" s="10" t="s">
        <v>22</v>
      </c>
      <c r="Z1990" s="10" t="s">
        <v>22</v>
      </c>
    </row>
    <row r="1991" spans="1:26" ht="24" customHeight="1" x14ac:dyDescent="0.2">
      <c r="A1991" s="9" t="s">
        <v>19247</v>
      </c>
      <c r="B1991" s="9" t="s">
        <v>14</v>
      </c>
      <c r="C1991" s="9" t="s">
        <v>9533</v>
      </c>
      <c r="D1991" s="6" t="s">
        <v>9534</v>
      </c>
      <c r="E1991" s="22">
        <v>45582</v>
      </c>
      <c r="F1991" s="22">
        <v>47407</v>
      </c>
      <c r="G1991" s="6" t="s">
        <v>16251</v>
      </c>
      <c r="H1991" s="6" t="s">
        <v>363</v>
      </c>
      <c r="I1991" s="6" t="s">
        <v>10427</v>
      </c>
      <c r="J1991" s="6" t="s">
        <v>16252</v>
      </c>
      <c r="K1991" s="9" t="s">
        <v>16253</v>
      </c>
      <c r="L1991" s="10" t="s">
        <v>22</v>
      </c>
      <c r="M1991" s="10" t="s">
        <v>22</v>
      </c>
      <c r="N1991" s="10" t="s">
        <v>22</v>
      </c>
      <c r="O1991" s="10" t="s">
        <v>22</v>
      </c>
      <c r="P1991" s="10" t="s">
        <v>22</v>
      </c>
      <c r="Q1991" s="10" t="s">
        <v>22</v>
      </c>
      <c r="R1991" s="10" t="s">
        <v>22</v>
      </c>
      <c r="S1991" s="10" t="s">
        <v>22</v>
      </c>
      <c r="T1991" s="10" t="s">
        <v>22</v>
      </c>
      <c r="U1991" s="10" t="s">
        <v>22</v>
      </c>
      <c r="V1991" s="10" t="s">
        <v>22</v>
      </c>
      <c r="W1991" s="10" t="s">
        <v>22</v>
      </c>
      <c r="X1991" s="10" t="s">
        <v>22</v>
      </c>
      <c r="Y1991" s="10" t="s">
        <v>22</v>
      </c>
      <c r="Z1991" s="10" t="s">
        <v>22</v>
      </c>
    </row>
    <row r="1992" spans="1:26" ht="24" customHeight="1" x14ac:dyDescent="0.2">
      <c r="A1992" s="9" t="s">
        <v>19248</v>
      </c>
      <c r="B1992" s="9" t="s">
        <v>14</v>
      </c>
      <c r="C1992" s="9" t="s">
        <v>9536</v>
      </c>
      <c r="D1992" s="6" t="s">
        <v>9537</v>
      </c>
      <c r="E1992" s="22">
        <v>45597</v>
      </c>
      <c r="F1992" s="22">
        <v>47422</v>
      </c>
      <c r="G1992" s="6" t="s">
        <v>9538</v>
      </c>
      <c r="H1992" s="6" t="s">
        <v>62</v>
      </c>
      <c r="I1992" s="6" t="s">
        <v>73</v>
      </c>
      <c r="J1992" s="6" t="s">
        <v>9539</v>
      </c>
      <c r="K1992" s="9" t="s">
        <v>9540</v>
      </c>
      <c r="L1992" s="10" t="s">
        <v>22</v>
      </c>
      <c r="M1992" s="10" t="s">
        <v>22</v>
      </c>
      <c r="N1992" s="10" t="s">
        <v>22</v>
      </c>
      <c r="O1992" s="10" t="s">
        <v>22</v>
      </c>
      <c r="P1992" s="10" t="s">
        <v>22</v>
      </c>
      <c r="Q1992" s="10" t="s">
        <v>22</v>
      </c>
      <c r="R1992" s="10" t="s">
        <v>22</v>
      </c>
      <c r="S1992" s="10" t="s">
        <v>22</v>
      </c>
      <c r="T1992" s="10" t="s">
        <v>22</v>
      </c>
      <c r="U1992" s="10" t="s">
        <v>22</v>
      </c>
      <c r="V1992" s="10" t="s">
        <v>22</v>
      </c>
      <c r="W1992" s="10" t="s">
        <v>22</v>
      </c>
      <c r="X1992" s="10" t="s">
        <v>22</v>
      </c>
      <c r="Y1992" s="10" t="s">
        <v>22</v>
      </c>
      <c r="Z1992" s="10" t="s">
        <v>22</v>
      </c>
    </row>
    <row r="1993" spans="1:26" ht="24" customHeight="1" x14ac:dyDescent="0.2">
      <c r="A1993" s="9" t="s">
        <v>21260</v>
      </c>
      <c r="B1993" s="9" t="s">
        <v>14</v>
      </c>
      <c r="C1993" s="9" t="s">
        <v>9541</v>
      </c>
      <c r="D1993" s="6" t="s">
        <v>9542</v>
      </c>
      <c r="E1993" s="22">
        <v>45607</v>
      </c>
      <c r="F1993" s="22">
        <v>47432</v>
      </c>
      <c r="G1993" s="6" t="s">
        <v>9543</v>
      </c>
      <c r="H1993" s="6" t="s">
        <v>62</v>
      </c>
      <c r="I1993" s="6" t="s">
        <v>63</v>
      </c>
      <c r="J1993" s="6" t="s">
        <v>20972</v>
      </c>
      <c r="K1993" s="9" t="s">
        <v>9544</v>
      </c>
      <c r="L1993" s="10" t="s">
        <v>22</v>
      </c>
      <c r="M1993" s="10" t="s">
        <v>22</v>
      </c>
      <c r="N1993" s="10" t="s">
        <v>22</v>
      </c>
      <c r="O1993" s="10" t="s">
        <v>22</v>
      </c>
      <c r="P1993" s="10" t="s">
        <v>22</v>
      </c>
      <c r="Q1993" s="10" t="s">
        <v>22</v>
      </c>
      <c r="R1993" s="10" t="s">
        <v>22</v>
      </c>
      <c r="S1993" s="10" t="s">
        <v>22</v>
      </c>
      <c r="T1993" s="10" t="s">
        <v>22</v>
      </c>
      <c r="U1993" s="10" t="s">
        <v>22</v>
      </c>
      <c r="V1993" s="10" t="s">
        <v>22</v>
      </c>
      <c r="W1993" s="10" t="s">
        <v>22</v>
      </c>
      <c r="X1993" s="10" t="s">
        <v>22</v>
      </c>
      <c r="Y1993" s="10" t="s">
        <v>22</v>
      </c>
      <c r="Z1993" s="10" t="s">
        <v>22</v>
      </c>
    </row>
    <row r="1994" spans="1:26" ht="24" customHeight="1" x14ac:dyDescent="0.2">
      <c r="A1994" s="9" t="s">
        <v>19249</v>
      </c>
      <c r="B1994" s="9" t="s">
        <v>14</v>
      </c>
      <c r="C1994" s="9" t="s">
        <v>9545</v>
      </c>
      <c r="D1994" s="6" t="s">
        <v>9546</v>
      </c>
      <c r="E1994" s="22">
        <v>45607</v>
      </c>
      <c r="F1994" s="22">
        <v>47432</v>
      </c>
      <c r="G1994" s="6" t="s">
        <v>9546</v>
      </c>
      <c r="H1994" s="6" t="s">
        <v>18</v>
      </c>
      <c r="I1994" s="6" t="s">
        <v>19</v>
      </c>
      <c r="J1994" s="6" t="s">
        <v>9547</v>
      </c>
      <c r="K1994" s="9" t="s">
        <v>9548</v>
      </c>
      <c r="L1994" s="10" t="s">
        <v>22</v>
      </c>
      <c r="M1994" s="10" t="s">
        <v>22</v>
      </c>
      <c r="N1994" s="10" t="s">
        <v>22</v>
      </c>
      <c r="O1994" s="10" t="s">
        <v>22</v>
      </c>
      <c r="P1994" s="10" t="s">
        <v>22</v>
      </c>
      <c r="Q1994" s="10" t="s">
        <v>22</v>
      </c>
      <c r="R1994" s="10" t="s">
        <v>22</v>
      </c>
      <c r="S1994" s="10" t="s">
        <v>22</v>
      </c>
      <c r="T1994" s="10" t="s">
        <v>22</v>
      </c>
      <c r="U1994" s="10" t="s">
        <v>22</v>
      </c>
      <c r="V1994" s="10" t="s">
        <v>22</v>
      </c>
      <c r="W1994" s="10" t="s">
        <v>22</v>
      </c>
      <c r="X1994" s="10" t="s">
        <v>22</v>
      </c>
      <c r="Y1994" s="10" t="s">
        <v>22</v>
      </c>
      <c r="Z1994" s="10" t="s">
        <v>22</v>
      </c>
    </row>
    <row r="1995" spans="1:26" ht="24" customHeight="1" x14ac:dyDescent="0.2">
      <c r="A1995" s="9" t="s">
        <v>19250</v>
      </c>
      <c r="B1995" s="9" t="s">
        <v>14</v>
      </c>
      <c r="C1995" s="9" t="s">
        <v>9549</v>
      </c>
      <c r="D1995" s="6" t="s">
        <v>9550</v>
      </c>
      <c r="E1995" s="22">
        <v>45614</v>
      </c>
      <c r="F1995" s="22">
        <v>47439</v>
      </c>
      <c r="G1995" s="6" t="s">
        <v>9551</v>
      </c>
      <c r="H1995" s="6" t="s">
        <v>7116</v>
      </c>
      <c r="I1995" s="6" t="s">
        <v>7117</v>
      </c>
      <c r="J1995" s="6" t="s">
        <v>16254</v>
      </c>
      <c r="K1995" s="9" t="s">
        <v>9552</v>
      </c>
      <c r="L1995" s="10" t="s">
        <v>22</v>
      </c>
      <c r="M1995" s="10" t="s">
        <v>22</v>
      </c>
      <c r="N1995" s="10" t="s">
        <v>22</v>
      </c>
      <c r="O1995" s="10" t="s">
        <v>22</v>
      </c>
      <c r="P1995" s="10" t="s">
        <v>22</v>
      </c>
      <c r="Q1995" s="10" t="s">
        <v>22</v>
      </c>
      <c r="R1995" s="10" t="s">
        <v>22</v>
      </c>
      <c r="S1995" s="10" t="s">
        <v>22</v>
      </c>
      <c r="T1995" s="10" t="s">
        <v>22</v>
      </c>
      <c r="U1995" s="10" t="s">
        <v>22</v>
      </c>
      <c r="V1995" s="10" t="s">
        <v>22</v>
      </c>
      <c r="W1995" s="10" t="s">
        <v>22</v>
      </c>
      <c r="X1995" s="10" t="s">
        <v>22</v>
      </c>
      <c r="Y1995" s="10" t="s">
        <v>22</v>
      </c>
      <c r="Z1995" s="10" t="s">
        <v>22</v>
      </c>
    </row>
    <row r="1996" spans="1:26" ht="24" customHeight="1" x14ac:dyDescent="0.2">
      <c r="A1996" s="9" t="s">
        <v>21261</v>
      </c>
      <c r="B1996" s="9" t="s">
        <v>14</v>
      </c>
      <c r="C1996" s="9" t="s">
        <v>9553</v>
      </c>
      <c r="D1996" s="6" t="s">
        <v>9554</v>
      </c>
      <c r="E1996" s="22">
        <v>45618</v>
      </c>
      <c r="F1996" s="22">
        <v>47443</v>
      </c>
      <c r="G1996" s="6" t="s">
        <v>20973</v>
      </c>
      <c r="H1996" s="6" t="s">
        <v>8503</v>
      </c>
      <c r="I1996" s="6" t="s">
        <v>9555</v>
      </c>
      <c r="J1996" s="6" t="s">
        <v>9556</v>
      </c>
      <c r="K1996" s="9" t="s">
        <v>9557</v>
      </c>
      <c r="O1996" s="10" t="s">
        <v>22</v>
      </c>
      <c r="P1996" s="10" t="s">
        <v>22</v>
      </c>
      <c r="Q1996" s="10" t="s">
        <v>22</v>
      </c>
      <c r="X1996" s="10" t="s">
        <v>22</v>
      </c>
      <c r="Y1996" s="10" t="s">
        <v>22</v>
      </c>
      <c r="Z1996" s="10" t="s">
        <v>22</v>
      </c>
    </row>
    <row r="1997" spans="1:26" ht="24" customHeight="1" x14ac:dyDescent="0.2">
      <c r="A1997" s="9" t="s">
        <v>21262</v>
      </c>
      <c r="B1997" s="9" t="s">
        <v>14</v>
      </c>
      <c r="C1997" s="9" t="s">
        <v>9553</v>
      </c>
      <c r="D1997" s="6" t="s">
        <v>9554</v>
      </c>
      <c r="E1997" s="22">
        <v>45618</v>
      </c>
      <c r="F1997" s="22">
        <v>47443</v>
      </c>
      <c r="G1997" s="6" t="s">
        <v>20974</v>
      </c>
      <c r="H1997" s="6" t="s">
        <v>18</v>
      </c>
      <c r="I1997" s="6" t="s">
        <v>26</v>
      </c>
      <c r="J1997" s="6" t="s">
        <v>16255</v>
      </c>
      <c r="K1997" s="9" t="s">
        <v>16256</v>
      </c>
      <c r="O1997" s="10" t="s">
        <v>22</v>
      </c>
      <c r="P1997" s="10" t="s">
        <v>22</v>
      </c>
      <c r="Q1997" s="10" t="s">
        <v>22</v>
      </c>
      <c r="X1997" s="10" t="s">
        <v>22</v>
      </c>
      <c r="Y1997" s="10" t="s">
        <v>22</v>
      </c>
      <c r="Z1997" s="10" t="s">
        <v>22</v>
      </c>
    </row>
    <row r="1998" spans="1:26" ht="24" customHeight="1" x14ac:dyDescent="0.2">
      <c r="A1998" s="9" t="s">
        <v>21263</v>
      </c>
      <c r="B1998" s="9" t="s">
        <v>14</v>
      </c>
      <c r="C1998" s="9" t="s">
        <v>9553</v>
      </c>
      <c r="D1998" s="6" t="s">
        <v>9554</v>
      </c>
      <c r="E1998" s="22">
        <v>45618</v>
      </c>
      <c r="F1998" s="22">
        <v>47443</v>
      </c>
      <c r="G1998" s="6" t="s">
        <v>20975</v>
      </c>
      <c r="H1998" s="6" t="s">
        <v>16257</v>
      </c>
      <c r="I1998" s="6" t="s">
        <v>16258</v>
      </c>
      <c r="J1998" s="6" t="s">
        <v>16259</v>
      </c>
      <c r="K1998" s="9" t="s">
        <v>16260</v>
      </c>
      <c r="O1998" s="10" t="s">
        <v>22</v>
      </c>
      <c r="P1998" s="10" t="s">
        <v>22</v>
      </c>
      <c r="Q1998" s="10" t="s">
        <v>22</v>
      </c>
      <c r="X1998" s="10" t="s">
        <v>22</v>
      </c>
      <c r="Y1998" s="10" t="s">
        <v>22</v>
      </c>
      <c r="Z1998" s="10" t="s">
        <v>22</v>
      </c>
    </row>
    <row r="1999" spans="1:26" ht="24" customHeight="1" x14ac:dyDescent="0.2">
      <c r="A1999" s="9" t="s">
        <v>19251</v>
      </c>
      <c r="B1999" s="9" t="s">
        <v>14</v>
      </c>
      <c r="C1999" s="9" t="s">
        <v>9558</v>
      </c>
      <c r="D1999" s="6" t="s">
        <v>9559</v>
      </c>
      <c r="E1999" s="22">
        <v>45618</v>
      </c>
      <c r="F1999" s="22">
        <v>47443</v>
      </c>
      <c r="G1999" s="6" t="s">
        <v>9560</v>
      </c>
      <c r="H1999" s="6" t="s">
        <v>62</v>
      </c>
      <c r="I1999" s="6" t="s">
        <v>1444</v>
      </c>
      <c r="J1999" s="6" t="s">
        <v>9561</v>
      </c>
      <c r="K1999" s="9" t="s">
        <v>9562</v>
      </c>
      <c r="L1999" s="10" t="s">
        <v>22</v>
      </c>
      <c r="M1999" s="10" t="s">
        <v>22</v>
      </c>
      <c r="N1999" s="10" t="s">
        <v>22</v>
      </c>
      <c r="O1999" s="10" t="s">
        <v>22</v>
      </c>
      <c r="P1999" s="10" t="s">
        <v>22</v>
      </c>
      <c r="Q1999" s="10" t="s">
        <v>22</v>
      </c>
      <c r="R1999" s="10" t="s">
        <v>22</v>
      </c>
      <c r="S1999" s="10" t="s">
        <v>22</v>
      </c>
      <c r="T1999" s="10" t="s">
        <v>22</v>
      </c>
      <c r="U1999" s="10" t="s">
        <v>22</v>
      </c>
      <c r="V1999" s="10" t="s">
        <v>22</v>
      </c>
      <c r="W1999" s="10" t="s">
        <v>22</v>
      </c>
      <c r="X1999" s="10" t="s">
        <v>22</v>
      </c>
      <c r="Y1999" s="10" t="s">
        <v>22</v>
      </c>
      <c r="Z1999" s="10" t="s">
        <v>22</v>
      </c>
    </row>
    <row r="2000" spans="1:26" ht="24" customHeight="1" x14ac:dyDescent="0.2">
      <c r="A2000" s="9" t="s">
        <v>19252</v>
      </c>
      <c r="B2000" s="9" t="s">
        <v>14</v>
      </c>
      <c r="C2000" s="9" t="s">
        <v>9563</v>
      </c>
      <c r="D2000" s="6" t="s">
        <v>9564</v>
      </c>
      <c r="E2000" s="22">
        <v>45618</v>
      </c>
      <c r="F2000" s="22">
        <v>47443</v>
      </c>
      <c r="G2000" s="6" t="s">
        <v>9565</v>
      </c>
      <c r="H2000" s="6" t="s">
        <v>202</v>
      </c>
      <c r="I2000" s="6" t="s">
        <v>3370</v>
      </c>
      <c r="J2000" s="6" t="s">
        <v>9566</v>
      </c>
      <c r="K2000" s="9" t="s">
        <v>9567</v>
      </c>
      <c r="L2000" s="10" t="s">
        <v>22</v>
      </c>
      <c r="M2000" s="10" t="s">
        <v>22</v>
      </c>
      <c r="N2000" s="10" t="s">
        <v>22</v>
      </c>
      <c r="O2000" s="10" t="s">
        <v>22</v>
      </c>
      <c r="P2000" s="10" t="s">
        <v>22</v>
      </c>
      <c r="Q2000" s="10" t="s">
        <v>22</v>
      </c>
      <c r="R2000" s="10" t="s">
        <v>22</v>
      </c>
      <c r="S2000" s="10" t="s">
        <v>22</v>
      </c>
      <c r="T2000" s="10" t="s">
        <v>22</v>
      </c>
      <c r="U2000" s="10" t="s">
        <v>22</v>
      </c>
      <c r="V2000" s="10" t="s">
        <v>22</v>
      </c>
      <c r="W2000" s="10" t="s">
        <v>22</v>
      </c>
      <c r="X2000" s="10" t="s">
        <v>22</v>
      </c>
      <c r="Y2000" s="10" t="s">
        <v>22</v>
      </c>
      <c r="Z2000" s="10" t="s">
        <v>22</v>
      </c>
    </row>
    <row r="2001" spans="1:26" ht="24" customHeight="1" x14ac:dyDescent="0.2">
      <c r="A2001" s="9" t="s">
        <v>19253</v>
      </c>
      <c r="B2001" s="9" t="s">
        <v>14</v>
      </c>
      <c r="C2001" s="9" t="s">
        <v>9568</v>
      </c>
      <c r="D2001" s="6" t="s">
        <v>9569</v>
      </c>
      <c r="E2001" s="22">
        <v>45618</v>
      </c>
      <c r="F2001" s="22">
        <v>47443</v>
      </c>
      <c r="G2001" s="6" t="s">
        <v>16261</v>
      </c>
      <c r="H2001" s="6" t="s">
        <v>18</v>
      </c>
      <c r="I2001" s="6" t="s">
        <v>19</v>
      </c>
      <c r="J2001" s="6" t="s">
        <v>9570</v>
      </c>
      <c r="K2001" s="9" t="s">
        <v>9571</v>
      </c>
      <c r="M2001" s="10" t="s">
        <v>22</v>
      </c>
      <c r="N2001" s="10" t="s">
        <v>22</v>
      </c>
      <c r="V2001" s="10" t="s">
        <v>22</v>
      </c>
      <c r="W2001" s="10" t="s">
        <v>22</v>
      </c>
    </row>
    <row r="2002" spans="1:26" ht="24" customHeight="1" x14ac:dyDescent="0.2">
      <c r="A2002" s="9" t="s">
        <v>19254</v>
      </c>
      <c r="B2002" s="9" t="s">
        <v>14</v>
      </c>
      <c r="C2002" s="9" t="s">
        <v>9572</v>
      </c>
      <c r="D2002" s="6" t="s">
        <v>9573</v>
      </c>
      <c r="E2002" s="22">
        <v>45622</v>
      </c>
      <c r="F2002" s="22">
        <v>47447</v>
      </c>
      <c r="G2002" s="6" t="s">
        <v>9574</v>
      </c>
      <c r="H2002" s="6" t="s">
        <v>363</v>
      </c>
      <c r="I2002" s="6" t="s">
        <v>5865</v>
      </c>
      <c r="J2002" s="6" t="s">
        <v>9575</v>
      </c>
      <c r="K2002" s="9" t="s">
        <v>9576</v>
      </c>
      <c r="P2002" s="10" t="s">
        <v>22</v>
      </c>
      <c r="Q2002" s="10" t="s">
        <v>22</v>
      </c>
      <c r="S2002" s="10" t="s">
        <v>22</v>
      </c>
      <c r="T2002" s="10" t="s">
        <v>22</v>
      </c>
      <c r="Y2002" s="10" t="s">
        <v>22</v>
      </c>
      <c r="Z2002" s="10" t="s">
        <v>22</v>
      </c>
    </row>
    <row r="2003" spans="1:26" ht="24" customHeight="1" x14ac:dyDescent="0.2">
      <c r="A2003" s="9" t="s">
        <v>19255</v>
      </c>
      <c r="B2003" s="9" t="s">
        <v>14</v>
      </c>
      <c r="C2003" s="9" t="s">
        <v>9577</v>
      </c>
      <c r="D2003" s="6" t="s">
        <v>9578</v>
      </c>
      <c r="E2003" s="22">
        <v>45622</v>
      </c>
      <c r="F2003" s="22">
        <v>47447</v>
      </c>
      <c r="G2003" s="6" t="s">
        <v>9579</v>
      </c>
      <c r="H2003" s="6" t="s">
        <v>18</v>
      </c>
      <c r="I2003" s="6" t="s">
        <v>19</v>
      </c>
      <c r="J2003" s="6" t="s">
        <v>9580</v>
      </c>
      <c r="K2003" s="9" t="s">
        <v>9581</v>
      </c>
      <c r="L2003" s="10" t="s">
        <v>22</v>
      </c>
      <c r="M2003" s="10" t="s">
        <v>22</v>
      </c>
      <c r="N2003" s="10" t="s">
        <v>22</v>
      </c>
      <c r="O2003" s="10" t="s">
        <v>22</v>
      </c>
      <c r="P2003" s="10" t="s">
        <v>22</v>
      </c>
      <c r="Q2003" s="10" t="s">
        <v>22</v>
      </c>
      <c r="R2003" s="10" t="s">
        <v>22</v>
      </c>
      <c r="S2003" s="10" t="s">
        <v>22</v>
      </c>
      <c r="T2003" s="10" t="s">
        <v>22</v>
      </c>
      <c r="U2003" s="10" t="s">
        <v>22</v>
      </c>
      <c r="V2003" s="10" t="s">
        <v>22</v>
      </c>
      <c r="W2003" s="10" t="s">
        <v>22</v>
      </c>
      <c r="X2003" s="10" t="s">
        <v>22</v>
      </c>
      <c r="Y2003" s="10" t="s">
        <v>22</v>
      </c>
      <c r="Z2003" s="10" t="s">
        <v>22</v>
      </c>
    </row>
    <row r="2004" spans="1:26" ht="24" customHeight="1" x14ac:dyDescent="0.2">
      <c r="A2004" s="9" t="s">
        <v>19256</v>
      </c>
      <c r="B2004" s="9" t="s">
        <v>14</v>
      </c>
      <c r="C2004" s="9" t="s">
        <v>9582</v>
      </c>
      <c r="D2004" s="6" t="s">
        <v>9583</v>
      </c>
      <c r="E2004" s="22">
        <v>45625</v>
      </c>
      <c r="F2004" s="22">
        <v>47450</v>
      </c>
      <c r="G2004" s="6" t="s">
        <v>9584</v>
      </c>
      <c r="H2004" s="6" t="s">
        <v>62</v>
      </c>
      <c r="I2004" s="6" t="s">
        <v>306</v>
      </c>
      <c r="J2004" s="6" t="s">
        <v>9585</v>
      </c>
      <c r="K2004" s="9" t="s">
        <v>9586</v>
      </c>
      <c r="L2004" s="10" t="s">
        <v>22</v>
      </c>
      <c r="M2004" s="10" t="s">
        <v>22</v>
      </c>
      <c r="N2004" s="10" t="s">
        <v>22</v>
      </c>
      <c r="O2004" s="10" t="s">
        <v>22</v>
      </c>
      <c r="P2004" s="10" t="s">
        <v>22</v>
      </c>
      <c r="Q2004" s="10" t="s">
        <v>22</v>
      </c>
      <c r="U2004" s="10" t="s">
        <v>22</v>
      </c>
      <c r="V2004" s="10" t="s">
        <v>22</v>
      </c>
      <c r="W2004" s="10" t="s">
        <v>22</v>
      </c>
      <c r="X2004" s="10" t="s">
        <v>22</v>
      </c>
      <c r="Y2004" s="10" t="s">
        <v>22</v>
      </c>
      <c r="Z2004" s="10" t="s">
        <v>22</v>
      </c>
    </row>
    <row r="2005" spans="1:26" ht="24" customHeight="1" x14ac:dyDescent="0.2">
      <c r="A2005" s="9" t="s">
        <v>21264</v>
      </c>
      <c r="B2005" s="9" t="s">
        <v>14</v>
      </c>
      <c r="C2005" s="9" t="s">
        <v>9587</v>
      </c>
      <c r="D2005" s="6" t="s">
        <v>9588</v>
      </c>
      <c r="E2005" s="22">
        <v>45631</v>
      </c>
      <c r="F2005" s="22">
        <v>47456</v>
      </c>
      <c r="G2005" s="6" t="s">
        <v>9589</v>
      </c>
      <c r="H2005" s="6" t="s">
        <v>18</v>
      </c>
      <c r="I2005" s="6" t="s">
        <v>19</v>
      </c>
      <c r="J2005" s="6" t="s">
        <v>9590</v>
      </c>
      <c r="K2005" s="9" t="s">
        <v>9591</v>
      </c>
      <c r="L2005" s="10" t="s">
        <v>22</v>
      </c>
      <c r="M2005" s="10" t="s">
        <v>22</v>
      </c>
      <c r="N2005" s="10" t="s">
        <v>22</v>
      </c>
      <c r="O2005" s="10" t="s">
        <v>22</v>
      </c>
      <c r="P2005" s="10" t="s">
        <v>22</v>
      </c>
      <c r="Q2005" s="10" t="s">
        <v>22</v>
      </c>
      <c r="R2005" s="10" t="s">
        <v>22</v>
      </c>
      <c r="S2005" s="10" t="s">
        <v>22</v>
      </c>
      <c r="T2005" s="10" t="s">
        <v>22</v>
      </c>
      <c r="U2005" s="10" t="s">
        <v>22</v>
      </c>
      <c r="V2005" s="10" t="s">
        <v>22</v>
      </c>
      <c r="W2005" s="10" t="s">
        <v>22</v>
      </c>
      <c r="X2005" s="10" t="s">
        <v>22</v>
      </c>
      <c r="Y2005" s="10" t="s">
        <v>22</v>
      </c>
      <c r="Z2005" s="10" t="s">
        <v>22</v>
      </c>
    </row>
    <row r="2006" spans="1:26" ht="24" customHeight="1" x14ac:dyDescent="0.2">
      <c r="A2006" s="9" t="s">
        <v>19257</v>
      </c>
      <c r="B2006" s="9" t="s">
        <v>14</v>
      </c>
      <c r="C2006" s="9" t="s">
        <v>9592</v>
      </c>
      <c r="D2006" s="6" t="s">
        <v>9593</v>
      </c>
      <c r="E2006" s="22">
        <v>45642</v>
      </c>
      <c r="F2006" s="22">
        <v>47467</v>
      </c>
      <c r="G2006" s="6" t="s">
        <v>9594</v>
      </c>
      <c r="H2006" s="6" t="s">
        <v>2069</v>
      </c>
      <c r="I2006" s="6" t="s">
        <v>2070</v>
      </c>
      <c r="J2006" s="6" t="s">
        <v>16262</v>
      </c>
      <c r="K2006" s="9" t="s">
        <v>9595</v>
      </c>
      <c r="L2006" s="10" t="s">
        <v>22</v>
      </c>
      <c r="M2006" s="10" t="s">
        <v>22</v>
      </c>
      <c r="N2006" s="10" t="s">
        <v>22</v>
      </c>
      <c r="O2006" s="10" t="s">
        <v>22</v>
      </c>
      <c r="P2006" s="10" t="s">
        <v>22</v>
      </c>
      <c r="Q2006" s="10" t="s">
        <v>22</v>
      </c>
      <c r="U2006" s="10" t="s">
        <v>22</v>
      </c>
      <c r="V2006" s="10" t="s">
        <v>22</v>
      </c>
      <c r="W2006" s="10" t="s">
        <v>22</v>
      </c>
      <c r="X2006" s="10" t="s">
        <v>22</v>
      </c>
      <c r="Y2006" s="10" t="s">
        <v>22</v>
      </c>
      <c r="Z2006" s="10" t="s">
        <v>22</v>
      </c>
    </row>
    <row r="2007" spans="1:26" ht="24" customHeight="1" x14ac:dyDescent="0.2">
      <c r="A2007" s="9" t="s">
        <v>21265</v>
      </c>
      <c r="B2007" s="9" t="s">
        <v>14</v>
      </c>
      <c r="C2007" s="9" t="s">
        <v>9596</v>
      </c>
      <c r="D2007" s="6" t="s">
        <v>9597</v>
      </c>
      <c r="E2007" s="22">
        <v>45651</v>
      </c>
      <c r="F2007" s="22">
        <v>47476</v>
      </c>
      <c r="G2007" s="6" t="s">
        <v>20976</v>
      </c>
      <c r="H2007" s="6" t="s">
        <v>2368</v>
      </c>
      <c r="I2007" s="6" t="s">
        <v>2699</v>
      </c>
      <c r="J2007" s="6" t="s">
        <v>20977</v>
      </c>
      <c r="K2007" s="9" t="s">
        <v>20978</v>
      </c>
      <c r="L2007" s="10" t="s">
        <v>22</v>
      </c>
      <c r="M2007" s="10" t="s">
        <v>22</v>
      </c>
      <c r="N2007" s="10" t="s">
        <v>22</v>
      </c>
      <c r="O2007" s="10" t="s">
        <v>22</v>
      </c>
      <c r="P2007" s="10" t="s">
        <v>22</v>
      </c>
      <c r="Q2007" s="10" t="s">
        <v>22</v>
      </c>
      <c r="R2007" s="10" t="s">
        <v>22</v>
      </c>
      <c r="S2007" s="10" t="s">
        <v>22</v>
      </c>
      <c r="T2007" s="10" t="s">
        <v>22</v>
      </c>
      <c r="U2007" s="10" t="s">
        <v>22</v>
      </c>
      <c r="V2007" s="10" t="s">
        <v>22</v>
      </c>
      <c r="W2007" s="10" t="s">
        <v>22</v>
      </c>
      <c r="X2007" s="10" t="s">
        <v>22</v>
      </c>
      <c r="Y2007" s="10" t="s">
        <v>22</v>
      </c>
      <c r="Z2007" s="10" t="s">
        <v>22</v>
      </c>
    </row>
    <row r="2008" spans="1:26" ht="24" customHeight="1" x14ac:dyDescent="0.2">
      <c r="A2008" s="9" t="s">
        <v>21266</v>
      </c>
      <c r="B2008" s="9" t="s">
        <v>14</v>
      </c>
      <c r="C2008" s="9" t="s">
        <v>9601</v>
      </c>
      <c r="D2008" s="6" t="s">
        <v>9602</v>
      </c>
      <c r="E2008" s="22">
        <v>45666</v>
      </c>
      <c r="F2008" s="22">
        <v>47491</v>
      </c>
      <c r="G2008" s="6" t="s">
        <v>9603</v>
      </c>
      <c r="H2008" s="6" t="s">
        <v>2069</v>
      </c>
      <c r="I2008" s="6" t="s">
        <v>2070</v>
      </c>
      <c r="J2008" s="6" t="s">
        <v>9604</v>
      </c>
      <c r="L2008" s="10" t="s">
        <v>22</v>
      </c>
      <c r="M2008" s="10" t="s">
        <v>22</v>
      </c>
      <c r="N2008" s="10" t="s">
        <v>22</v>
      </c>
      <c r="O2008" s="10" t="s">
        <v>22</v>
      </c>
      <c r="P2008" s="10" t="s">
        <v>22</v>
      </c>
      <c r="Q2008" s="10" t="s">
        <v>22</v>
      </c>
      <c r="U2008" s="10" t="s">
        <v>22</v>
      </c>
      <c r="V2008" s="10" t="s">
        <v>22</v>
      </c>
      <c r="W2008" s="10" t="s">
        <v>22</v>
      </c>
      <c r="X2008" s="10" t="s">
        <v>22</v>
      </c>
      <c r="Y2008" s="10" t="s">
        <v>22</v>
      </c>
      <c r="Z2008" s="10" t="s">
        <v>22</v>
      </c>
    </row>
    <row r="2009" spans="1:26" ht="24" customHeight="1" x14ac:dyDescent="0.2">
      <c r="A2009" s="9" t="s">
        <v>21267</v>
      </c>
      <c r="B2009" s="9" t="s">
        <v>14</v>
      </c>
      <c r="C2009" s="9" t="s">
        <v>9605</v>
      </c>
      <c r="D2009" s="6" t="s">
        <v>9606</v>
      </c>
      <c r="E2009" s="22">
        <v>45677</v>
      </c>
      <c r="F2009" s="22">
        <v>47502</v>
      </c>
      <c r="G2009" s="6" t="s">
        <v>9607</v>
      </c>
      <c r="H2009" s="6" t="s">
        <v>229</v>
      </c>
      <c r="I2009" s="6" t="s">
        <v>3094</v>
      </c>
      <c r="J2009" s="6" t="s">
        <v>9608</v>
      </c>
      <c r="K2009" s="9" t="s">
        <v>20979</v>
      </c>
      <c r="L2009" s="10" t="s">
        <v>22</v>
      </c>
      <c r="M2009" s="10" t="s">
        <v>22</v>
      </c>
      <c r="N2009" s="10" t="s">
        <v>22</v>
      </c>
      <c r="O2009" s="10" t="s">
        <v>22</v>
      </c>
      <c r="P2009" s="10" t="s">
        <v>22</v>
      </c>
      <c r="Q2009" s="10" t="s">
        <v>22</v>
      </c>
      <c r="R2009" s="10" t="s">
        <v>22</v>
      </c>
      <c r="S2009" s="10" t="s">
        <v>22</v>
      </c>
      <c r="T2009" s="10" t="s">
        <v>22</v>
      </c>
      <c r="U2009" s="10" t="s">
        <v>22</v>
      </c>
      <c r="V2009" s="10" t="s">
        <v>22</v>
      </c>
      <c r="W2009" s="10" t="s">
        <v>22</v>
      </c>
      <c r="X2009" s="10" t="s">
        <v>22</v>
      </c>
      <c r="Y2009" s="10" t="s">
        <v>22</v>
      </c>
      <c r="Z2009" s="10" t="s">
        <v>22</v>
      </c>
    </row>
    <row r="2010" spans="1:26" ht="24" customHeight="1" x14ac:dyDescent="0.2">
      <c r="A2010" s="9" t="s">
        <v>21268</v>
      </c>
      <c r="B2010" s="9" t="s">
        <v>14</v>
      </c>
      <c r="C2010" s="9" t="s">
        <v>9609</v>
      </c>
      <c r="D2010" s="6" t="s">
        <v>9610</v>
      </c>
      <c r="E2010" s="22">
        <v>45684</v>
      </c>
      <c r="F2010" s="22">
        <v>47509</v>
      </c>
      <c r="G2010" s="6" t="s">
        <v>20980</v>
      </c>
      <c r="H2010" s="6" t="s">
        <v>62</v>
      </c>
      <c r="I2010" s="6" t="s">
        <v>414</v>
      </c>
      <c r="J2010" s="6" t="s">
        <v>9611</v>
      </c>
      <c r="K2010" s="9" t="s">
        <v>9612</v>
      </c>
      <c r="L2010" s="10" t="s">
        <v>22</v>
      </c>
      <c r="M2010" s="10" t="s">
        <v>22</v>
      </c>
      <c r="N2010" s="10" t="s">
        <v>22</v>
      </c>
      <c r="O2010" s="10" t="s">
        <v>22</v>
      </c>
      <c r="P2010" s="10" t="s">
        <v>22</v>
      </c>
      <c r="Q2010" s="10" t="s">
        <v>22</v>
      </c>
      <c r="R2010" s="10" t="s">
        <v>22</v>
      </c>
      <c r="S2010" s="10" t="s">
        <v>22</v>
      </c>
      <c r="T2010" s="10" t="s">
        <v>22</v>
      </c>
      <c r="U2010" s="10" t="s">
        <v>22</v>
      </c>
      <c r="V2010" s="10" t="s">
        <v>22</v>
      </c>
      <c r="W2010" s="10" t="s">
        <v>22</v>
      </c>
      <c r="X2010" s="10" t="s">
        <v>22</v>
      </c>
      <c r="Y2010" s="10" t="s">
        <v>22</v>
      </c>
      <c r="Z2010" s="10" t="s">
        <v>22</v>
      </c>
    </row>
    <row r="2011" spans="1:26" ht="24" customHeight="1" x14ac:dyDescent="0.2">
      <c r="A2011" s="9" t="s">
        <v>21269</v>
      </c>
      <c r="B2011" s="9" t="s">
        <v>14</v>
      </c>
      <c r="C2011" s="9" t="s">
        <v>9613</v>
      </c>
      <c r="D2011" s="6" t="s">
        <v>9614</v>
      </c>
      <c r="E2011" s="22">
        <v>45680</v>
      </c>
      <c r="F2011" s="22">
        <v>47505</v>
      </c>
      <c r="G2011" s="6" t="s">
        <v>9615</v>
      </c>
      <c r="H2011" s="6" t="s">
        <v>202</v>
      </c>
      <c r="I2011" s="6" t="s">
        <v>2992</v>
      </c>
      <c r="J2011" s="6" t="s">
        <v>20981</v>
      </c>
      <c r="K2011" s="9" t="s">
        <v>9616</v>
      </c>
      <c r="M2011" s="10" t="s">
        <v>22</v>
      </c>
      <c r="N2011" s="10" t="s">
        <v>22</v>
      </c>
      <c r="W2011" s="10" t="s">
        <v>22</v>
      </c>
    </row>
    <row r="2012" spans="1:26" ht="24" customHeight="1" x14ac:dyDescent="0.2">
      <c r="A2012" s="9" t="s">
        <v>21270</v>
      </c>
      <c r="B2012" s="9" t="s">
        <v>14</v>
      </c>
      <c r="C2012" s="9" t="s">
        <v>9617</v>
      </c>
      <c r="D2012" s="6" t="s">
        <v>9618</v>
      </c>
      <c r="E2012" s="22">
        <v>45684</v>
      </c>
      <c r="F2012" s="22">
        <v>47509</v>
      </c>
      <c r="G2012" s="6" t="s">
        <v>9619</v>
      </c>
      <c r="H2012" s="6" t="s">
        <v>202</v>
      </c>
      <c r="I2012" s="6" t="s">
        <v>441</v>
      </c>
      <c r="J2012" s="6" t="s">
        <v>20982</v>
      </c>
      <c r="K2012" s="9" t="s">
        <v>9620</v>
      </c>
      <c r="L2012" s="10" t="s">
        <v>22</v>
      </c>
      <c r="M2012" s="10" t="s">
        <v>22</v>
      </c>
      <c r="N2012" s="10" t="s">
        <v>22</v>
      </c>
      <c r="O2012" s="10" t="s">
        <v>22</v>
      </c>
      <c r="P2012" s="10" t="s">
        <v>22</v>
      </c>
      <c r="Q2012" s="10" t="s">
        <v>22</v>
      </c>
      <c r="R2012" s="10" t="s">
        <v>22</v>
      </c>
      <c r="S2012" s="10" t="s">
        <v>22</v>
      </c>
      <c r="T2012" s="10" t="s">
        <v>22</v>
      </c>
      <c r="U2012" s="10" t="s">
        <v>22</v>
      </c>
      <c r="V2012" s="10" t="s">
        <v>22</v>
      </c>
      <c r="W2012" s="10" t="s">
        <v>22</v>
      </c>
      <c r="X2012" s="10" t="s">
        <v>22</v>
      </c>
      <c r="Y2012" s="10" t="s">
        <v>22</v>
      </c>
      <c r="Z2012" s="10" t="s">
        <v>22</v>
      </c>
    </row>
    <row r="2013" spans="1:26" ht="24" customHeight="1" x14ac:dyDescent="0.2">
      <c r="A2013" s="9" t="s">
        <v>19258</v>
      </c>
      <c r="B2013" s="9" t="s">
        <v>14</v>
      </c>
      <c r="C2013" s="9" t="s">
        <v>9621</v>
      </c>
      <c r="D2013" s="6" t="s">
        <v>9622</v>
      </c>
      <c r="E2013" s="22">
        <v>45684</v>
      </c>
      <c r="F2013" s="22">
        <v>47509</v>
      </c>
      <c r="G2013" s="6" t="s">
        <v>9623</v>
      </c>
      <c r="H2013" s="6" t="s">
        <v>202</v>
      </c>
      <c r="I2013" s="6" t="s">
        <v>2101</v>
      </c>
      <c r="J2013" s="6" t="s">
        <v>9624</v>
      </c>
      <c r="K2013" s="9" t="s">
        <v>9625</v>
      </c>
      <c r="L2013" s="10" t="s">
        <v>22</v>
      </c>
      <c r="M2013" s="10" t="s">
        <v>22</v>
      </c>
      <c r="N2013" s="10" t="s">
        <v>22</v>
      </c>
      <c r="O2013" s="10" t="s">
        <v>22</v>
      </c>
      <c r="P2013" s="10" t="s">
        <v>22</v>
      </c>
      <c r="Q2013" s="10" t="s">
        <v>22</v>
      </c>
      <c r="R2013" s="10" t="s">
        <v>22</v>
      </c>
      <c r="S2013" s="10" t="s">
        <v>22</v>
      </c>
      <c r="T2013" s="10" t="s">
        <v>22</v>
      </c>
    </row>
    <row r="2014" spans="1:26" ht="24" customHeight="1" x14ac:dyDescent="0.2">
      <c r="A2014" s="9" t="s">
        <v>21271</v>
      </c>
      <c r="B2014" s="9" t="s">
        <v>14</v>
      </c>
      <c r="C2014" s="9" t="s">
        <v>9626</v>
      </c>
      <c r="D2014" s="6" t="s">
        <v>9627</v>
      </c>
      <c r="E2014" s="22">
        <v>45684</v>
      </c>
      <c r="F2014" s="22">
        <v>47509</v>
      </c>
      <c r="G2014" s="6" t="s">
        <v>9628</v>
      </c>
      <c r="H2014" s="6" t="s">
        <v>62</v>
      </c>
      <c r="I2014" s="6" t="s">
        <v>842</v>
      </c>
      <c r="J2014" s="6" t="s">
        <v>20983</v>
      </c>
      <c r="K2014" s="9" t="s">
        <v>9629</v>
      </c>
      <c r="L2014" s="10" t="s">
        <v>22</v>
      </c>
      <c r="M2014" s="10" t="s">
        <v>22</v>
      </c>
      <c r="N2014" s="10" t="s">
        <v>22</v>
      </c>
      <c r="O2014" s="10" t="s">
        <v>22</v>
      </c>
      <c r="P2014" s="10" t="s">
        <v>22</v>
      </c>
      <c r="Q2014" s="10" t="s">
        <v>22</v>
      </c>
      <c r="R2014" s="10" t="s">
        <v>22</v>
      </c>
      <c r="S2014" s="10" t="s">
        <v>22</v>
      </c>
      <c r="T2014" s="10" t="s">
        <v>22</v>
      </c>
      <c r="U2014" s="10" t="s">
        <v>22</v>
      </c>
      <c r="V2014" s="10" t="s">
        <v>22</v>
      </c>
      <c r="W2014" s="10" t="s">
        <v>22</v>
      </c>
      <c r="X2014" s="10" t="s">
        <v>22</v>
      </c>
      <c r="Y2014" s="10" t="s">
        <v>22</v>
      </c>
      <c r="Z2014" s="10" t="s">
        <v>22</v>
      </c>
    </row>
    <row r="2015" spans="1:26" ht="24" customHeight="1" x14ac:dyDescent="0.2">
      <c r="A2015" s="9" t="s">
        <v>21272</v>
      </c>
      <c r="B2015" s="9" t="s">
        <v>14</v>
      </c>
      <c r="C2015" s="9" t="s">
        <v>9632</v>
      </c>
      <c r="D2015" s="6" t="s">
        <v>9633</v>
      </c>
      <c r="E2015" s="22">
        <v>45687</v>
      </c>
      <c r="F2015" s="22">
        <v>47512</v>
      </c>
      <c r="G2015" s="6" t="s">
        <v>9634</v>
      </c>
      <c r="H2015" s="6" t="s">
        <v>62</v>
      </c>
      <c r="I2015" s="6" t="s">
        <v>842</v>
      </c>
      <c r="J2015" s="6" t="s">
        <v>9635</v>
      </c>
      <c r="K2015" s="9" t="s">
        <v>9636</v>
      </c>
      <c r="L2015" s="10" t="s">
        <v>22</v>
      </c>
      <c r="M2015" s="10" t="s">
        <v>22</v>
      </c>
      <c r="N2015" s="10" t="s">
        <v>22</v>
      </c>
      <c r="O2015" s="10" t="s">
        <v>22</v>
      </c>
      <c r="P2015" s="10" t="s">
        <v>22</v>
      </c>
      <c r="Q2015" s="10" t="s">
        <v>22</v>
      </c>
      <c r="R2015" s="10" t="s">
        <v>22</v>
      </c>
      <c r="S2015" s="10" t="s">
        <v>22</v>
      </c>
      <c r="T2015" s="10" t="s">
        <v>22</v>
      </c>
      <c r="U2015" s="10" t="s">
        <v>22</v>
      </c>
      <c r="V2015" s="10" t="s">
        <v>22</v>
      </c>
      <c r="W2015" s="10" t="s">
        <v>22</v>
      </c>
      <c r="X2015" s="10" t="s">
        <v>22</v>
      </c>
      <c r="Y2015" s="10" t="s">
        <v>22</v>
      </c>
      <c r="Z2015" s="10" t="s">
        <v>22</v>
      </c>
    </row>
    <row r="2016" spans="1:26" ht="24" customHeight="1" x14ac:dyDescent="0.2">
      <c r="A2016" s="9" t="s">
        <v>19259</v>
      </c>
      <c r="B2016" s="9" t="s">
        <v>14</v>
      </c>
      <c r="C2016" s="9" t="s">
        <v>9637</v>
      </c>
      <c r="D2016" s="6" t="s">
        <v>9638</v>
      </c>
      <c r="E2016" s="22">
        <v>45694</v>
      </c>
      <c r="F2016" s="22">
        <v>47519</v>
      </c>
      <c r="G2016" s="6" t="s">
        <v>9639</v>
      </c>
      <c r="H2016" s="6" t="s">
        <v>18</v>
      </c>
      <c r="I2016" s="6" t="s">
        <v>19</v>
      </c>
      <c r="J2016" s="6" t="s">
        <v>20984</v>
      </c>
      <c r="K2016" s="9" t="s">
        <v>20985</v>
      </c>
      <c r="L2016" s="10" t="s">
        <v>22</v>
      </c>
      <c r="M2016" s="10" t="s">
        <v>22</v>
      </c>
      <c r="N2016" s="10" t="s">
        <v>22</v>
      </c>
      <c r="O2016" s="10" t="s">
        <v>22</v>
      </c>
      <c r="P2016" s="10" t="s">
        <v>22</v>
      </c>
      <c r="Q2016" s="10" t="s">
        <v>22</v>
      </c>
      <c r="R2016" s="10" t="s">
        <v>22</v>
      </c>
      <c r="S2016" s="10" t="s">
        <v>22</v>
      </c>
      <c r="T2016" s="10" t="s">
        <v>22</v>
      </c>
      <c r="U2016" s="10" t="s">
        <v>22</v>
      </c>
      <c r="V2016" s="10" t="s">
        <v>22</v>
      </c>
      <c r="W2016" s="10" t="s">
        <v>22</v>
      </c>
      <c r="X2016" s="10" t="s">
        <v>22</v>
      </c>
      <c r="Y2016" s="10" t="s">
        <v>22</v>
      </c>
      <c r="Z2016" s="10" t="s">
        <v>22</v>
      </c>
    </row>
    <row r="2017" spans="1:26" ht="24" customHeight="1" x14ac:dyDescent="0.2">
      <c r="A2017" s="9" t="s">
        <v>19260</v>
      </c>
      <c r="B2017" s="9" t="s">
        <v>14</v>
      </c>
      <c r="C2017" s="9" t="s">
        <v>9640</v>
      </c>
      <c r="D2017" s="6" t="s">
        <v>9641</v>
      </c>
      <c r="E2017" s="22">
        <v>45694</v>
      </c>
      <c r="F2017" s="22">
        <v>47519</v>
      </c>
      <c r="G2017" s="6" t="s">
        <v>9642</v>
      </c>
      <c r="H2017" s="6" t="s">
        <v>18</v>
      </c>
      <c r="I2017" s="6" t="s">
        <v>19</v>
      </c>
      <c r="J2017" s="6" t="s">
        <v>20986</v>
      </c>
      <c r="K2017" s="9" t="s">
        <v>9643</v>
      </c>
      <c r="L2017" s="10" t="s">
        <v>22</v>
      </c>
      <c r="M2017" s="10" t="s">
        <v>22</v>
      </c>
      <c r="N2017" s="10" t="s">
        <v>22</v>
      </c>
      <c r="O2017" s="10" t="s">
        <v>22</v>
      </c>
      <c r="P2017" s="10" t="s">
        <v>22</v>
      </c>
      <c r="Q2017" s="10" t="s">
        <v>22</v>
      </c>
      <c r="R2017" s="10" t="s">
        <v>22</v>
      </c>
      <c r="S2017" s="10" t="s">
        <v>22</v>
      </c>
      <c r="T2017" s="10" t="s">
        <v>22</v>
      </c>
      <c r="U2017" s="10" t="s">
        <v>22</v>
      </c>
      <c r="V2017" s="10" t="s">
        <v>22</v>
      </c>
      <c r="W2017" s="10" t="s">
        <v>22</v>
      </c>
      <c r="X2017" s="10" t="s">
        <v>22</v>
      </c>
      <c r="Y2017" s="10" t="s">
        <v>22</v>
      </c>
      <c r="Z2017" s="10" t="s">
        <v>22</v>
      </c>
    </row>
    <row r="2018" spans="1:26" ht="24" customHeight="1" x14ac:dyDescent="0.2">
      <c r="A2018" s="9" t="s">
        <v>19261</v>
      </c>
      <c r="B2018" s="9" t="s">
        <v>14</v>
      </c>
      <c r="C2018" s="9" t="s">
        <v>9644</v>
      </c>
      <c r="D2018" s="6" t="s">
        <v>9645</v>
      </c>
      <c r="E2018" s="22">
        <v>43871</v>
      </c>
      <c r="F2018" s="22">
        <v>45697</v>
      </c>
      <c r="G2018" s="6" t="s">
        <v>9646</v>
      </c>
      <c r="H2018" s="6" t="s">
        <v>202</v>
      </c>
      <c r="I2018" s="6" t="s">
        <v>863</v>
      </c>
      <c r="J2018" s="6" t="s">
        <v>9647</v>
      </c>
      <c r="K2018" s="9" t="s">
        <v>9648</v>
      </c>
      <c r="L2018" s="10" t="s">
        <v>22</v>
      </c>
      <c r="M2018" s="10" t="s">
        <v>22</v>
      </c>
      <c r="N2018" s="10" t="s">
        <v>22</v>
      </c>
      <c r="O2018" s="10" t="s">
        <v>22</v>
      </c>
      <c r="P2018" s="10" t="s">
        <v>22</v>
      </c>
      <c r="Q2018" s="10" t="s">
        <v>22</v>
      </c>
      <c r="U2018" s="10" t="s">
        <v>22</v>
      </c>
      <c r="V2018" s="10" t="s">
        <v>22</v>
      </c>
      <c r="W2018" s="10" t="s">
        <v>22</v>
      </c>
      <c r="X2018" s="10" t="s">
        <v>22</v>
      </c>
      <c r="Y2018" s="10" t="s">
        <v>22</v>
      </c>
      <c r="Z2018" s="10" t="s">
        <v>22</v>
      </c>
    </row>
    <row r="2019" spans="1:26" ht="24" customHeight="1" x14ac:dyDescent="0.2">
      <c r="A2019" s="9" t="s">
        <v>19262</v>
      </c>
      <c r="B2019" s="9" t="s">
        <v>14</v>
      </c>
      <c r="C2019" s="9" t="s">
        <v>9649</v>
      </c>
      <c r="D2019" s="6" t="s">
        <v>9650</v>
      </c>
      <c r="E2019" s="22">
        <v>43871</v>
      </c>
      <c r="F2019" s="22">
        <v>45697</v>
      </c>
      <c r="G2019" s="6" t="s">
        <v>9651</v>
      </c>
      <c r="H2019" s="6" t="s">
        <v>62</v>
      </c>
      <c r="I2019" s="6" t="s">
        <v>306</v>
      </c>
      <c r="J2019" s="6" t="s">
        <v>9652</v>
      </c>
      <c r="K2019" s="9" t="s">
        <v>9653</v>
      </c>
      <c r="L2019" s="10" t="s">
        <v>22</v>
      </c>
      <c r="M2019" s="10" t="s">
        <v>22</v>
      </c>
      <c r="N2019" s="10" t="s">
        <v>22</v>
      </c>
      <c r="O2019" s="10" t="s">
        <v>22</v>
      </c>
      <c r="P2019" s="10" t="s">
        <v>22</v>
      </c>
      <c r="Q2019" s="10" t="s">
        <v>22</v>
      </c>
      <c r="R2019" s="10" t="s">
        <v>22</v>
      </c>
      <c r="S2019" s="10" t="s">
        <v>22</v>
      </c>
      <c r="T2019" s="10" t="s">
        <v>22</v>
      </c>
      <c r="U2019" s="10" t="s">
        <v>22</v>
      </c>
      <c r="V2019" s="10" t="s">
        <v>22</v>
      </c>
      <c r="W2019" s="10" t="s">
        <v>22</v>
      </c>
      <c r="X2019" s="10" t="s">
        <v>22</v>
      </c>
      <c r="Y2019" s="10" t="s">
        <v>22</v>
      </c>
      <c r="Z2019" s="10" t="s">
        <v>22</v>
      </c>
    </row>
    <row r="2020" spans="1:26" ht="24" customHeight="1" x14ac:dyDescent="0.2">
      <c r="A2020" s="9" t="s">
        <v>19263</v>
      </c>
      <c r="B2020" s="9" t="s">
        <v>14</v>
      </c>
      <c r="C2020" s="9" t="s">
        <v>9654</v>
      </c>
      <c r="D2020" s="6" t="s">
        <v>9655</v>
      </c>
      <c r="E2020" s="22">
        <v>45698</v>
      </c>
      <c r="F2020" s="22">
        <v>47523</v>
      </c>
      <c r="G2020" s="6" t="s">
        <v>9656</v>
      </c>
      <c r="H2020" s="6" t="s">
        <v>18</v>
      </c>
      <c r="I2020" s="6" t="s">
        <v>19</v>
      </c>
      <c r="J2020" s="6" t="s">
        <v>9657</v>
      </c>
      <c r="K2020" s="9" t="s">
        <v>9658</v>
      </c>
      <c r="L2020" s="10" t="s">
        <v>22</v>
      </c>
      <c r="M2020" s="10" t="s">
        <v>22</v>
      </c>
      <c r="N2020" s="10" t="s">
        <v>22</v>
      </c>
      <c r="O2020" s="10" t="s">
        <v>22</v>
      </c>
      <c r="P2020" s="10" t="s">
        <v>22</v>
      </c>
      <c r="Q2020" s="10" t="s">
        <v>22</v>
      </c>
      <c r="R2020" s="10" t="s">
        <v>22</v>
      </c>
      <c r="S2020" s="10" t="s">
        <v>22</v>
      </c>
      <c r="T2020" s="10" t="s">
        <v>22</v>
      </c>
      <c r="U2020" s="10" t="s">
        <v>22</v>
      </c>
      <c r="V2020" s="10" t="s">
        <v>22</v>
      </c>
      <c r="W2020" s="10" t="s">
        <v>22</v>
      </c>
      <c r="X2020" s="10" t="s">
        <v>22</v>
      </c>
      <c r="Y2020" s="10" t="s">
        <v>22</v>
      </c>
      <c r="Z2020" s="10" t="s">
        <v>22</v>
      </c>
    </row>
    <row r="2021" spans="1:26" ht="24" customHeight="1" x14ac:dyDescent="0.2">
      <c r="A2021" s="9" t="s">
        <v>19264</v>
      </c>
      <c r="B2021" s="9" t="s">
        <v>14</v>
      </c>
      <c r="C2021" s="9" t="s">
        <v>9659</v>
      </c>
      <c r="D2021" s="6" t="s">
        <v>9660</v>
      </c>
      <c r="E2021" s="22">
        <v>45698</v>
      </c>
      <c r="F2021" s="22">
        <v>47523</v>
      </c>
      <c r="G2021" s="6" t="s">
        <v>9661</v>
      </c>
      <c r="H2021" s="6" t="s">
        <v>18</v>
      </c>
      <c r="I2021" s="6" t="s">
        <v>1691</v>
      </c>
      <c r="J2021" s="6" t="s">
        <v>9662</v>
      </c>
      <c r="K2021" s="9" t="s">
        <v>9663</v>
      </c>
      <c r="L2021" s="10" t="s">
        <v>22</v>
      </c>
      <c r="M2021" s="10" t="s">
        <v>22</v>
      </c>
      <c r="N2021" s="10" t="s">
        <v>22</v>
      </c>
      <c r="O2021" s="10" t="s">
        <v>22</v>
      </c>
      <c r="P2021" s="10" t="s">
        <v>22</v>
      </c>
      <c r="Q2021" s="10" t="s">
        <v>22</v>
      </c>
      <c r="R2021" s="10" t="s">
        <v>22</v>
      </c>
      <c r="S2021" s="10" t="s">
        <v>22</v>
      </c>
      <c r="T2021" s="10" t="s">
        <v>22</v>
      </c>
      <c r="U2021" s="10" t="s">
        <v>22</v>
      </c>
      <c r="V2021" s="10" t="s">
        <v>22</v>
      </c>
      <c r="W2021" s="10" t="s">
        <v>22</v>
      </c>
      <c r="X2021" s="10" t="s">
        <v>22</v>
      </c>
      <c r="Y2021" s="10" t="s">
        <v>22</v>
      </c>
      <c r="Z2021" s="10" t="s">
        <v>22</v>
      </c>
    </row>
    <row r="2022" spans="1:26" ht="24" customHeight="1" x14ac:dyDescent="0.2">
      <c r="A2022" s="9" t="s">
        <v>19265</v>
      </c>
      <c r="B2022" s="9" t="s">
        <v>14</v>
      </c>
      <c r="C2022" s="9" t="s">
        <v>9664</v>
      </c>
      <c r="D2022" s="6" t="s">
        <v>9665</v>
      </c>
      <c r="E2022" s="22">
        <v>45698</v>
      </c>
      <c r="F2022" s="22">
        <v>47523</v>
      </c>
      <c r="G2022" s="6" t="s">
        <v>9666</v>
      </c>
      <c r="H2022" s="6" t="s">
        <v>62</v>
      </c>
      <c r="I2022" s="6" t="s">
        <v>414</v>
      </c>
      <c r="J2022" s="6" t="s">
        <v>9667</v>
      </c>
      <c r="K2022" s="9" t="s">
        <v>9668</v>
      </c>
      <c r="L2022" s="10" t="s">
        <v>22</v>
      </c>
      <c r="M2022" s="10" t="s">
        <v>22</v>
      </c>
      <c r="N2022" s="10" t="s">
        <v>22</v>
      </c>
      <c r="O2022" s="10" t="s">
        <v>22</v>
      </c>
      <c r="P2022" s="10" t="s">
        <v>22</v>
      </c>
      <c r="Q2022" s="10" t="s">
        <v>22</v>
      </c>
    </row>
    <row r="2023" spans="1:26" ht="24" customHeight="1" x14ac:dyDescent="0.2">
      <c r="A2023" s="9" t="s">
        <v>19266</v>
      </c>
      <c r="B2023" s="9" t="s">
        <v>14</v>
      </c>
      <c r="C2023" s="9" t="s">
        <v>9669</v>
      </c>
      <c r="D2023" s="6" t="s">
        <v>9670</v>
      </c>
      <c r="E2023" s="22">
        <v>45700</v>
      </c>
      <c r="F2023" s="22">
        <v>47525</v>
      </c>
      <c r="G2023" s="6" t="s">
        <v>9671</v>
      </c>
      <c r="H2023" s="6" t="s">
        <v>62</v>
      </c>
      <c r="I2023" s="6" t="s">
        <v>306</v>
      </c>
      <c r="J2023" s="6" t="s">
        <v>20987</v>
      </c>
      <c r="L2023" s="10" t="s">
        <v>22</v>
      </c>
      <c r="M2023" s="10" t="s">
        <v>22</v>
      </c>
      <c r="N2023" s="10" t="s">
        <v>22</v>
      </c>
      <c r="O2023" s="10" t="s">
        <v>22</v>
      </c>
      <c r="P2023" s="10" t="s">
        <v>22</v>
      </c>
      <c r="Q2023" s="10" t="s">
        <v>22</v>
      </c>
      <c r="R2023" s="10" t="s">
        <v>22</v>
      </c>
      <c r="S2023" s="10" t="s">
        <v>22</v>
      </c>
      <c r="T2023" s="10" t="s">
        <v>22</v>
      </c>
      <c r="U2023" s="10" t="s">
        <v>22</v>
      </c>
      <c r="V2023" s="10" t="s">
        <v>22</v>
      </c>
      <c r="W2023" s="10" t="s">
        <v>22</v>
      </c>
      <c r="X2023" s="10" t="s">
        <v>22</v>
      </c>
      <c r="Y2023" s="10" t="s">
        <v>22</v>
      </c>
      <c r="Z2023" s="10" t="s">
        <v>22</v>
      </c>
    </row>
    <row r="2024" spans="1:26" ht="24" customHeight="1" x14ac:dyDescent="0.2">
      <c r="A2024" s="9" t="s">
        <v>19267</v>
      </c>
      <c r="B2024" s="9" t="s">
        <v>14</v>
      </c>
      <c r="C2024" s="9" t="s">
        <v>9672</v>
      </c>
      <c r="D2024" s="6" t="s">
        <v>9673</v>
      </c>
      <c r="E2024" s="22">
        <v>45700</v>
      </c>
      <c r="F2024" s="22">
        <v>47525</v>
      </c>
      <c r="G2024" s="6" t="s">
        <v>9674</v>
      </c>
      <c r="H2024" s="6" t="s">
        <v>202</v>
      </c>
      <c r="I2024" s="6" t="s">
        <v>857</v>
      </c>
      <c r="J2024" s="6" t="s">
        <v>20988</v>
      </c>
      <c r="K2024" s="9" t="s">
        <v>9675</v>
      </c>
      <c r="L2024" s="10" t="s">
        <v>22</v>
      </c>
      <c r="M2024" s="10" t="s">
        <v>22</v>
      </c>
      <c r="N2024" s="10" t="s">
        <v>22</v>
      </c>
      <c r="O2024" s="10" t="s">
        <v>22</v>
      </c>
      <c r="P2024" s="10" t="s">
        <v>22</v>
      </c>
      <c r="Q2024" s="10" t="s">
        <v>22</v>
      </c>
      <c r="R2024" s="10" t="s">
        <v>22</v>
      </c>
      <c r="S2024" s="10" t="s">
        <v>22</v>
      </c>
      <c r="T2024" s="10" t="s">
        <v>22</v>
      </c>
      <c r="U2024" s="10" t="s">
        <v>22</v>
      </c>
      <c r="V2024" s="10" t="s">
        <v>22</v>
      </c>
      <c r="W2024" s="10" t="s">
        <v>22</v>
      </c>
      <c r="X2024" s="10" t="s">
        <v>22</v>
      </c>
      <c r="Y2024" s="10" t="s">
        <v>22</v>
      </c>
      <c r="Z2024" s="10" t="s">
        <v>22</v>
      </c>
    </row>
    <row r="2025" spans="1:26" ht="24" customHeight="1" x14ac:dyDescent="0.2">
      <c r="A2025" s="9" t="s">
        <v>19268</v>
      </c>
      <c r="B2025" s="9" t="s">
        <v>14</v>
      </c>
      <c r="C2025" s="9" t="s">
        <v>9676</v>
      </c>
      <c r="D2025" s="6" t="s">
        <v>9677</v>
      </c>
      <c r="E2025" s="22">
        <v>45701</v>
      </c>
      <c r="F2025" s="22">
        <v>47526</v>
      </c>
      <c r="G2025" s="6" t="s">
        <v>9678</v>
      </c>
      <c r="H2025" s="6" t="s">
        <v>62</v>
      </c>
      <c r="I2025" s="6" t="s">
        <v>435</v>
      </c>
      <c r="J2025" s="6" t="s">
        <v>9679</v>
      </c>
      <c r="K2025" s="9" t="s">
        <v>9680</v>
      </c>
      <c r="L2025" s="10" t="s">
        <v>22</v>
      </c>
      <c r="M2025" s="10" t="s">
        <v>22</v>
      </c>
      <c r="N2025" s="10" t="s">
        <v>22</v>
      </c>
      <c r="O2025" s="10" t="s">
        <v>22</v>
      </c>
      <c r="P2025" s="10" t="s">
        <v>22</v>
      </c>
      <c r="Q2025" s="10" t="s">
        <v>22</v>
      </c>
      <c r="R2025" s="10" t="s">
        <v>22</v>
      </c>
      <c r="S2025" s="10" t="s">
        <v>22</v>
      </c>
      <c r="T2025" s="10" t="s">
        <v>22</v>
      </c>
      <c r="U2025" s="10" t="s">
        <v>22</v>
      </c>
      <c r="V2025" s="10" t="s">
        <v>22</v>
      </c>
      <c r="W2025" s="10" t="s">
        <v>22</v>
      </c>
      <c r="X2025" s="10" t="s">
        <v>22</v>
      </c>
      <c r="Y2025" s="10" t="s">
        <v>22</v>
      </c>
      <c r="Z2025" s="10" t="s">
        <v>22</v>
      </c>
    </row>
    <row r="2026" spans="1:26" ht="24" customHeight="1" x14ac:dyDescent="0.2">
      <c r="A2026" s="9" t="s">
        <v>19269</v>
      </c>
      <c r="B2026" s="9" t="s">
        <v>14</v>
      </c>
      <c r="C2026" s="9" t="s">
        <v>9681</v>
      </c>
      <c r="D2026" s="6" t="s">
        <v>9682</v>
      </c>
      <c r="E2026" s="22">
        <v>45707</v>
      </c>
      <c r="F2026" s="22">
        <v>47532</v>
      </c>
      <c r="G2026" s="6" t="s">
        <v>9683</v>
      </c>
      <c r="H2026" s="6" t="s">
        <v>1047</v>
      </c>
      <c r="I2026" s="6" t="s">
        <v>1048</v>
      </c>
      <c r="J2026" s="6" t="s">
        <v>9684</v>
      </c>
      <c r="K2026" s="9" t="s">
        <v>9685</v>
      </c>
      <c r="L2026" s="10" t="s">
        <v>22</v>
      </c>
      <c r="M2026" s="10" t="s">
        <v>22</v>
      </c>
      <c r="N2026" s="10" t="s">
        <v>22</v>
      </c>
      <c r="O2026" s="10" t="s">
        <v>22</v>
      </c>
      <c r="P2026" s="10" t="s">
        <v>22</v>
      </c>
      <c r="Q2026" s="10" t="s">
        <v>22</v>
      </c>
      <c r="R2026" s="10" t="s">
        <v>22</v>
      </c>
      <c r="S2026" s="10" t="s">
        <v>22</v>
      </c>
      <c r="T2026" s="10" t="s">
        <v>22</v>
      </c>
      <c r="U2026" s="10" t="s">
        <v>22</v>
      </c>
      <c r="V2026" s="10" t="s">
        <v>22</v>
      </c>
      <c r="W2026" s="10" t="s">
        <v>22</v>
      </c>
      <c r="X2026" s="10" t="s">
        <v>22</v>
      </c>
      <c r="Y2026" s="10" t="s">
        <v>22</v>
      </c>
      <c r="Z2026" s="10" t="s">
        <v>22</v>
      </c>
    </row>
    <row r="2027" spans="1:26" ht="24" customHeight="1" x14ac:dyDescent="0.2">
      <c r="A2027" s="9" t="s">
        <v>19270</v>
      </c>
      <c r="B2027" s="9" t="s">
        <v>14</v>
      </c>
      <c r="C2027" s="9" t="s">
        <v>9686</v>
      </c>
      <c r="D2027" s="6" t="s">
        <v>9687</v>
      </c>
      <c r="E2027" s="22">
        <v>43880</v>
      </c>
      <c r="F2027" s="22">
        <v>45706</v>
      </c>
      <c r="G2027" s="6" t="s">
        <v>9688</v>
      </c>
      <c r="H2027" s="6" t="s">
        <v>229</v>
      </c>
      <c r="I2027" s="6" t="s">
        <v>1885</v>
      </c>
      <c r="J2027" s="6" t="s">
        <v>9689</v>
      </c>
      <c r="K2027" s="9" t="s">
        <v>9690</v>
      </c>
      <c r="L2027" s="10" t="s">
        <v>22</v>
      </c>
      <c r="M2027" s="10" t="s">
        <v>22</v>
      </c>
      <c r="N2027" s="10" t="s">
        <v>22</v>
      </c>
      <c r="O2027" s="10" t="s">
        <v>22</v>
      </c>
      <c r="P2027" s="10" t="s">
        <v>22</v>
      </c>
      <c r="Q2027" s="10" t="s">
        <v>22</v>
      </c>
      <c r="R2027" s="10" t="s">
        <v>22</v>
      </c>
      <c r="S2027" s="10" t="s">
        <v>22</v>
      </c>
      <c r="T2027" s="10" t="s">
        <v>22</v>
      </c>
      <c r="U2027" s="10" t="s">
        <v>22</v>
      </c>
      <c r="V2027" s="10" t="s">
        <v>22</v>
      </c>
      <c r="W2027" s="10" t="s">
        <v>22</v>
      </c>
      <c r="X2027" s="10" t="s">
        <v>22</v>
      </c>
      <c r="Y2027" s="10" t="s">
        <v>22</v>
      </c>
      <c r="Z2027" s="10" t="s">
        <v>22</v>
      </c>
    </row>
    <row r="2028" spans="1:26" ht="24" customHeight="1" x14ac:dyDescent="0.2">
      <c r="A2028" s="9" t="s">
        <v>19271</v>
      </c>
      <c r="B2028" s="9" t="s">
        <v>14</v>
      </c>
      <c r="C2028" s="9" t="s">
        <v>9691</v>
      </c>
      <c r="D2028" s="6" t="s">
        <v>9692</v>
      </c>
      <c r="E2028" s="22">
        <v>45707</v>
      </c>
      <c r="F2028" s="22">
        <v>47532</v>
      </c>
      <c r="G2028" s="6" t="s">
        <v>9693</v>
      </c>
      <c r="H2028" s="6" t="s">
        <v>62</v>
      </c>
      <c r="I2028" s="6" t="s">
        <v>236</v>
      </c>
      <c r="J2028" s="6" t="s">
        <v>9694</v>
      </c>
      <c r="K2028" s="9" t="s">
        <v>9695</v>
      </c>
      <c r="L2028" s="10" t="s">
        <v>22</v>
      </c>
      <c r="M2028" s="10" t="s">
        <v>22</v>
      </c>
      <c r="N2028" s="10" t="s">
        <v>22</v>
      </c>
      <c r="O2028" s="10" t="s">
        <v>22</v>
      </c>
      <c r="P2028" s="10" t="s">
        <v>22</v>
      </c>
      <c r="Q2028" s="10" t="s">
        <v>22</v>
      </c>
      <c r="R2028" s="10" t="s">
        <v>22</v>
      </c>
      <c r="S2028" s="10" t="s">
        <v>22</v>
      </c>
      <c r="T2028" s="10" t="s">
        <v>22</v>
      </c>
      <c r="U2028" s="10" t="s">
        <v>22</v>
      </c>
      <c r="V2028" s="10" t="s">
        <v>22</v>
      </c>
      <c r="W2028" s="10" t="s">
        <v>22</v>
      </c>
      <c r="X2028" s="10" t="s">
        <v>22</v>
      </c>
      <c r="Y2028" s="10" t="s">
        <v>22</v>
      </c>
      <c r="Z2028" s="10" t="s">
        <v>22</v>
      </c>
    </row>
    <row r="2029" spans="1:26" ht="24" customHeight="1" x14ac:dyDescent="0.2">
      <c r="A2029" s="9" t="s">
        <v>19272</v>
      </c>
      <c r="B2029" s="9" t="s">
        <v>14</v>
      </c>
      <c r="C2029" s="9" t="s">
        <v>9696</v>
      </c>
      <c r="D2029" s="6" t="s">
        <v>9697</v>
      </c>
      <c r="E2029" s="22">
        <v>45707</v>
      </c>
      <c r="F2029" s="22">
        <v>47532</v>
      </c>
      <c r="G2029" s="6" t="s">
        <v>9698</v>
      </c>
      <c r="H2029" s="6" t="s">
        <v>18</v>
      </c>
      <c r="I2029" s="6" t="s">
        <v>19</v>
      </c>
      <c r="J2029" s="6" t="s">
        <v>9699</v>
      </c>
      <c r="L2029" s="10" t="s">
        <v>22</v>
      </c>
      <c r="M2029" s="10" t="s">
        <v>22</v>
      </c>
      <c r="N2029" s="10" t="s">
        <v>22</v>
      </c>
      <c r="O2029" s="10" t="s">
        <v>22</v>
      </c>
      <c r="P2029" s="10" t="s">
        <v>22</v>
      </c>
      <c r="Q2029" s="10" t="s">
        <v>22</v>
      </c>
      <c r="R2029" s="10" t="s">
        <v>22</v>
      </c>
      <c r="S2029" s="10" t="s">
        <v>22</v>
      </c>
      <c r="T2029" s="10" t="s">
        <v>22</v>
      </c>
      <c r="U2029" s="10" t="s">
        <v>22</v>
      </c>
      <c r="V2029" s="10" t="s">
        <v>22</v>
      </c>
      <c r="W2029" s="10" t="s">
        <v>22</v>
      </c>
      <c r="X2029" s="10" t="s">
        <v>22</v>
      </c>
      <c r="Y2029" s="10" t="s">
        <v>22</v>
      </c>
      <c r="Z2029" s="10" t="s">
        <v>22</v>
      </c>
    </row>
    <row r="2030" spans="1:26" ht="24" customHeight="1" x14ac:dyDescent="0.2">
      <c r="A2030" s="9" t="s">
        <v>19273</v>
      </c>
      <c r="B2030" s="9" t="s">
        <v>14</v>
      </c>
      <c r="C2030" s="9" t="s">
        <v>9700</v>
      </c>
      <c r="D2030" s="6" t="s">
        <v>9701</v>
      </c>
      <c r="E2030" s="22">
        <v>43888</v>
      </c>
      <c r="F2030" s="22">
        <v>45714</v>
      </c>
      <c r="G2030" s="6" t="s">
        <v>9702</v>
      </c>
      <c r="H2030" s="6" t="s">
        <v>202</v>
      </c>
      <c r="I2030" s="6" t="s">
        <v>3154</v>
      </c>
      <c r="J2030" s="6" t="s">
        <v>9703</v>
      </c>
      <c r="K2030" s="9" t="s">
        <v>9704</v>
      </c>
      <c r="L2030" s="10" t="s">
        <v>22</v>
      </c>
      <c r="M2030" s="10" t="s">
        <v>22</v>
      </c>
      <c r="N2030" s="10" t="s">
        <v>22</v>
      </c>
      <c r="O2030" s="10" t="s">
        <v>22</v>
      </c>
      <c r="P2030" s="10" t="s">
        <v>22</v>
      </c>
      <c r="Q2030" s="10" t="s">
        <v>22</v>
      </c>
      <c r="R2030" s="10" t="s">
        <v>22</v>
      </c>
      <c r="S2030" s="10" t="s">
        <v>22</v>
      </c>
      <c r="T2030" s="10" t="s">
        <v>22</v>
      </c>
      <c r="U2030" s="10" t="s">
        <v>22</v>
      </c>
      <c r="V2030" s="10" t="s">
        <v>22</v>
      </c>
      <c r="W2030" s="10" t="s">
        <v>22</v>
      </c>
      <c r="X2030" s="10" t="s">
        <v>22</v>
      </c>
      <c r="Y2030" s="10" t="s">
        <v>22</v>
      </c>
      <c r="Z2030" s="10" t="s">
        <v>22</v>
      </c>
    </row>
    <row r="2031" spans="1:26" ht="24" customHeight="1" x14ac:dyDescent="0.2">
      <c r="A2031" s="9" t="s">
        <v>19274</v>
      </c>
      <c r="B2031" s="9" t="s">
        <v>14</v>
      </c>
      <c r="C2031" s="9" t="s">
        <v>9705</v>
      </c>
      <c r="D2031" s="6" t="s">
        <v>6718</v>
      </c>
      <c r="E2031" s="22">
        <v>43887</v>
      </c>
      <c r="F2031" s="22">
        <v>45713</v>
      </c>
      <c r="G2031" s="6" t="s">
        <v>6719</v>
      </c>
      <c r="H2031" s="6" t="s">
        <v>701</v>
      </c>
      <c r="I2031" s="6" t="s">
        <v>16263</v>
      </c>
      <c r="J2031" s="6" t="s">
        <v>16264</v>
      </c>
      <c r="K2031" s="9" t="s">
        <v>16265</v>
      </c>
      <c r="L2031" s="10" t="s">
        <v>22</v>
      </c>
      <c r="M2031" s="10" t="s">
        <v>22</v>
      </c>
      <c r="N2031" s="10" t="s">
        <v>22</v>
      </c>
      <c r="O2031" s="10" t="s">
        <v>22</v>
      </c>
      <c r="P2031" s="10" t="s">
        <v>22</v>
      </c>
      <c r="Q2031" s="10" t="s">
        <v>22</v>
      </c>
      <c r="R2031" s="10" t="s">
        <v>22</v>
      </c>
      <c r="S2031" s="10" t="s">
        <v>22</v>
      </c>
      <c r="T2031" s="10" t="s">
        <v>22</v>
      </c>
      <c r="U2031" s="10" t="s">
        <v>22</v>
      </c>
      <c r="V2031" s="10" t="s">
        <v>22</v>
      </c>
      <c r="W2031" s="10" t="s">
        <v>22</v>
      </c>
      <c r="X2031" s="10" t="s">
        <v>22</v>
      </c>
      <c r="Y2031" s="10" t="s">
        <v>22</v>
      </c>
      <c r="Z2031" s="10" t="s">
        <v>22</v>
      </c>
    </row>
    <row r="2032" spans="1:26" ht="24" customHeight="1" x14ac:dyDescent="0.2">
      <c r="A2032" s="9" t="s">
        <v>19275</v>
      </c>
      <c r="B2032" s="9" t="s">
        <v>14</v>
      </c>
      <c r="C2032" s="9" t="s">
        <v>9706</v>
      </c>
      <c r="D2032" s="6" t="s">
        <v>9707</v>
      </c>
      <c r="E2032" s="22">
        <v>45714</v>
      </c>
      <c r="F2032" s="22">
        <v>47539</v>
      </c>
      <c r="G2032" s="6" t="s">
        <v>9708</v>
      </c>
      <c r="H2032" s="6" t="s">
        <v>18</v>
      </c>
      <c r="I2032" s="6" t="s">
        <v>26</v>
      </c>
      <c r="J2032" s="6" t="s">
        <v>9709</v>
      </c>
      <c r="K2032" s="9" t="s">
        <v>9710</v>
      </c>
      <c r="L2032" s="10" t="s">
        <v>22</v>
      </c>
      <c r="M2032" s="10" t="s">
        <v>22</v>
      </c>
      <c r="N2032" s="10" t="s">
        <v>22</v>
      </c>
      <c r="O2032" s="10" t="s">
        <v>22</v>
      </c>
      <c r="P2032" s="10" t="s">
        <v>22</v>
      </c>
      <c r="Q2032" s="10" t="s">
        <v>22</v>
      </c>
      <c r="U2032" s="10" t="s">
        <v>22</v>
      </c>
      <c r="V2032" s="10" t="s">
        <v>22</v>
      </c>
      <c r="W2032" s="10" t="s">
        <v>22</v>
      </c>
      <c r="X2032" s="10" t="s">
        <v>22</v>
      </c>
      <c r="Y2032" s="10" t="s">
        <v>22</v>
      </c>
      <c r="Z2032" s="10" t="s">
        <v>22</v>
      </c>
    </row>
    <row r="2033" spans="1:26" ht="24" customHeight="1" x14ac:dyDescent="0.2">
      <c r="A2033" s="9" t="s">
        <v>19276</v>
      </c>
      <c r="B2033" s="9" t="s">
        <v>14</v>
      </c>
      <c r="C2033" s="9" t="s">
        <v>9711</v>
      </c>
      <c r="D2033" s="6" t="s">
        <v>9712</v>
      </c>
      <c r="E2033" s="22">
        <v>43888</v>
      </c>
      <c r="F2033" s="22">
        <v>45714</v>
      </c>
      <c r="G2033" s="6" t="s">
        <v>9713</v>
      </c>
      <c r="H2033" s="6" t="s">
        <v>62</v>
      </c>
      <c r="I2033" s="6" t="s">
        <v>414</v>
      </c>
      <c r="J2033" s="6" t="s">
        <v>9714</v>
      </c>
      <c r="K2033" s="9" t="s">
        <v>9715</v>
      </c>
      <c r="L2033" s="10" t="s">
        <v>22</v>
      </c>
      <c r="M2033" s="10" t="s">
        <v>22</v>
      </c>
      <c r="N2033" s="10" t="s">
        <v>22</v>
      </c>
      <c r="O2033" s="10" t="s">
        <v>22</v>
      </c>
      <c r="P2033" s="10" t="s">
        <v>22</v>
      </c>
      <c r="Q2033" s="10" t="s">
        <v>22</v>
      </c>
      <c r="R2033" s="10" t="s">
        <v>22</v>
      </c>
      <c r="S2033" s="10" t="s">
        <v>22</v>
      </c>
      <c r="T2033" s="10" t="s">
        <v>22</v>
      </c>
      <c r="U2033" s="10" t="s">
        <v>22</v>
      </c>
      <c r="V2033" s="10" t="s">
        <v>22</v>
      </c>
      <c r="W2033" s="10" t="s">
        <v>22</v>
      </c>
      <c r="X2033" s="10" t="s">
        <v>22</v>
      </c>
      <c r="Y2033" s="10" t="s">
        <v>22</v>
      </c>
      <c r="Z2033" s="10" t="s">
        <v>22</v>
      </c>
    </row>
    <row r="2034" spans="1:26" ht="24" customHeight="1" x14ac:dyDescent="0.2">
      <c r="A2034" s="9" t="s">
        <v>19277</v>
      </c>
      <c r="B2034" s="9" t="s">
        <v>14</v>
      </c>
      <c r="C2034" s="9" t="s">
        <v>9716</v>
      </c>
      <c r="D2034" s="6" t="s">
        <v>9717</v>
      </c>
      <c r="E2034" s="22">
        <v>43892</v>
      </c>
      <c r="F2034" s="22">
        <v>45717</v>
      </c>
      <c r="G2034" s="6" t="s">
        <v>9717</v>
      </c>
      <c r="H2034" s="6" t="s">
        <v>18</v>
      </c>
      <c r="I2034" s="6" t="s">
        <v>19</v>
      </c>
      <c r="J2034" s="6" t="s">
        <v>9718</v>
      </c>
      <c r="K2034" s="9" t="s">
        <v>9719</v>
      </c>
      <c r="L2034" s="10" t="s">
        <v>22</v>
      </c>
      <c r="M2034" s="10" t="s">
        <v>22</v>
      </c>
      <c r="N2034" s="10" t="s">
        <v>22</v>
      </c>
      <c r="R2034" s="10" t="s">
        <v>22</v>
      </c>
      <c r="S2034" s="10" t="s">
        <v>22</v>
      </c>
      <c r="T2034" s="10" t="s">
        <v>22</v>
      </c>
    </row>
    <row r="2035" spans="1:26" ht="24" customHeight="1" x14ac:dyDescent="0.2">
      <c r="A2035" s="9" t="s">
        <v>19278</v>
      </c>
      <c r="B2035" s="9" t="s">
        <v>14</v>
      </c>
      <c r="C2035" s="9" t="s">
        <v>9720</v>
      </c>
      <c r="D2035" s="6" t="s">
        <v>9721</v>
      </c>
      <c r="E2035" s="22">
        <v>45720</v>
      </c>
      <c r="F2035" s="22">
        <v>47545</v>
      </c>
      <c r="G2035" s="6" t="s">
        <v>9722</v>
      </c>
      <c r="H2035" s="6" t="s">
        <v>18</v>
      </c>
      <c r="I2035" s="6" t="s">
        <v>19</v>
      </c>
      <c r="J2035" s="6" t="s">
        <v>9723</v>
      </c>
      <c r="K2035" s="9" t="s">
        <v>9724</v>
      </c>
      <c r="L2035" s="10" t="s">
        <v>22</v>
      </c>
      <c r="M2035" s="10" t="s">
        <v>22</v>
      </c>
      <c r="N2035" s="10" t="s">
        <v>22</v>
      </c>
      <c r="O2035" s="10" t="s">
        <v>22</v>
      </c>
      <c r="P2035" s="10" t="s">
        <v>22</v>
      </c>
      <c r="Q2035" s="10" t="s">
        <v>22</v>
      </c>
      <c r="R2035" s="10" t="s">
        <v>22</v>
      </c>
      <c r="S2035" s="10" t="s">
        <v>22</v>
      </c>
      <c r="T2035" s="10" t="s">
        <v>22</v>
      </c>
    </row>
    <row r="2036" spans="1:26" ht="24" customHeight="1" x14ac:dyDescent="0.2">
      <c r="A2036" s="9" t="s">
        <v>19279</v>
      </c>
      <c r="B2036" s="9" t="s">
        <v>14</v>
      </c>
      <c r="C2036" s="9" t="s">
        <v>9725</v>
      </c>
      <c r="D2036" s="6" t="s">
        <v>9726</v>
      </c>
      <c r="E2036" s="22">
        <v>45720</v>
      </c>
      <c r="F2036" s="22">
        <v>47545</v>
      </c>
      <c r="G2036" s="6" t="s">
        <v>9727</v>
      </c>
      <c r="H2036" s="6" t="s">
        <v>18</v>
      </c>
      <c r="I2036" s="6" t="s">
        <v>26</v>
      </c>
      <c r="J2036" s="6" t="s">
        <v>20989</v>
      </c>
      <c r="K2036" s="9" t="s">
        <v>9728</v>
      </c>
      <c r="L2036" s="10" t="s">
        <v>22</v>
      </c>
      <c r="M2036" s="10" t="s">
        <v>22</v>
      </c>
      <c r="N2036" s="10" t="s">
        <v>22</v>
      </c>
      <c r="O2036" s="10" t="s">
        <v>22</v>
      </c>
      <c r="P2036" s="10" t="s">
        <v>22</v>
      </c>
      <c r="Q2036" s="10" t="s">
        <v>22</v>
      </c>
      <c r="R2036" s="10" t="s">
        <v>22</v>
      </c>
      <c r="S2036" s="10" t="s">
        <v>22</v>
      </c>
      <c r="T2036" s="10" t="s">
        <v>22</v>
      </c>
      <c r="U2036" s="10" t="s">
        <v>22</v>
      </c>
      <c r="V2036" s="10" t="s">
        <v>22</v>
      </c>
      <c r="W2036" s="10" t="s">
        <v>22</v>
      </c>
      <c r="X2036" s="10" t="s">
        <v>22</v>
      </c>
      <c r="Y2036" s="10" t="s">
        <v>22</v>
      </c>
      <c r="Z2036" s="10" t="s">
        <v>22</v>
      </c>
    </row>
    <row r="2037" spans="1:26" ht="34" customHeight="1" x14ac:dyDescent="0.2">
      <c r="A2037" s="9" t="s">
        <v>19280</v>
      </c>
      <c r="B2037" s="9" t="s">
        <v>14</v>
      </c>
      <c r="C2037" s="9" t="s">
        <v>9729</v>
      </c>
      <c r="D2037" s="6" t="s">
        <v>9730</v>
      </c>
      <c r="E2037" s="22">
        <v>43899</v>
      </c>
      <c r="F2037" s="22">
        <v>45724</v>
      </c>
      <c r="G2037" s="6" t="s">
        <v>9731</v>
      </c>
      <c r="H2037" s="6" t="s">
        <v>62</v>
      </c>
      <c r="I2037" s="6" t="s">
        <v>264</v>
      </c>
      <c r="J2037" s="6" t="s">
        <v>9732</v>
      </c>
      <c r="K2037" s="9" t="s">
        <v>9733</v>
      </c>
      <c r="L2037" s="10" t="s">
        <v>22</v>
      </c>
      <c r="M2037" s="10" t="s">
        <v>22</v>
      </c>
      <c r="N2037" s="10" t="s">
        <v>22</v>
      </c>
      <c r="O2037" s="10" t="s">
        <v>22</v>
      </c>
      <c r="P2037" s="10" t="s">
        <v>22</v>
      </c>
      <c r="Q2037" s="10" t="s">
        <v>22</v>
      </c>
      <c r="R2037" s="10" t="s">
        <v>22</v>
      </c>
      <c r="S2037" s="10" t="s">
        <v>22</v>
      </c>
      <c r="T2037" s="10" t="s">
        <v>22</v>
      </c>
      <c r="U2037" s="10" t="s">
        <v>22</v>
      </c>
      <c r="V2037" s="10" t="s">
        <v>22</v>
      </c>
      <c r="W2037" s="10" t="s">
        <v>22</v>
      </c>
      <c r="X2037" s="10" t="s">
        <v>22</v>
      </c>
      <c r="Y2037" s="10" t="s">
        <v>22</v>
      </c>
      <c r="Z2037" s="10" t="s">
        <v>22</v>
      </c>
    </row>
    <row r="2038" spans="1:26" ht="24" customHeight="1" x14ac:dyDescent="0.2">
      <c r="A2038" s="9" t="s">
        <v>19281</v>
      </c>
      <c r="B2038" s="9" t="s">
        <v>14</v>
      </c>
      <c r="C2038" s="9" t="s">
        <v>9734</v>
      </c>
      <c r="D2038" s="6" t="s">
        <v>9735</v>
      </c>
      <c r="E2038" s="22">
        <v>45725</v>
      </c>
      <c r="F2038" s="22">
        <v>47550</v>
      </c>
      <c r="G2038" s="6" t="s">
        <v>9736</v>
      </c>
      <c r="H2038" s="6" t="s">
        <v>62</v>
      </c>
      <c r="I2038" s="6" t="s">
        <v>5452</v>
      </c>
      <c r="J2038" s="6" t="s">
        <v>20990</v>
      </c>
      <c r="K2038" s="9" t="s">
        <v>9737</v>
      </c>
      <c r="L2038" s="10" t="s">
        <v>22</v>
      </c>
      <c r="M2038" s="10" t="s">
        <v>22</v>
      </c>
      <c r="N2038" s="10" t="s">
        <v>22</v>
      </c>
      <c r="O2038" s="10" t="s">
        <v>22</v>
      </c>
      <c r="P2038" s="10" t="s">
        <v>22</v>
      </c>
      <c r="Q2038" s="10" t="s">
        <v>22</v>
      </c>
      <c r="R2038" s="10" t="s">
        <v>22</v>
      </c>
      <c r="S2038" s="10" t="s">
        <v>22</v>
      </c>
      <c r="T2038" s="10" t="s">
        <v>22</v>
      </c>
      <c r="U2038" s="10" t="s">
        <v>22</v>
      </c>
      <c r="V2038" s="10" t="s">
        <v>22</v>
      </c>
      <c r="W2038" s="10" t="s">
        <v>22</v>
      </c>
      <c r="X2038" s="10" t="s">
        <v>22</v>
      </c>
      <c r="Y2038" s="10" t="s">
        <v>22</v>
      </c>
      <c r="Z2038" s="10" t="s">
        <v>22</v>
      </c>
    </row>
    <row r="2039" spans="1:26" ht="24" customHeight="1" x14ac:dyDescent="0.2">
      <c r="A2039" s="9" t="s">
        <v>19282</v>
      </c>
      <c r="B2039" s="9" t="s">
        <v>14</v>
      </c>
      <c r="C2039" s="9" t="s">
        <v>9738</v>
      </c>
      <c r="D2039" s="6" t="s">
        <v>9739</v>
      </c>
      <c r="E2039" s="22">
        <v>45725</v>
      </c>
      <c r="F2039" s="22">
        <v>47550</v>
      </c>
      <c r="G2039" s="6" t="s">
        <v>9740</v>
      </c>
      <c r="H2039" s="6" t="s">
        <v>62</v>
      </c>
      <c r="I2039" s="6" t="s">
        <v>73</v>
      </c>
      <c r="J2039" s="6" t="s">
        <v>9741</v>
      </c>
      <c r="K2039" s="9" t="s">
        <v>9742</v>
      </c>
      <c r="L2039" s="10" t="s">
        <v>22</v>
      </c>
      <c r="M2039" s="10" t="s">
        <v>22</v>
      </c>
      <c r="N2039" s="10" t="s">
        <v>22</v>
      </c>
      <c r="O2039" s="10" t="s">
        <v>22</v>
      </c>
      <c r="P2039" s="10" t="s">
        <v>22</v>
      </c>
      <c r="Q2039" s="10" t="s">
        <v>22</v>
      </c>
      <c r="R2039" s="10" t="s">
        <v>22</v>
      </c>
      <c r="S2039" s="10" t="s">
        <v>22</v>
      </c>
      <c r="T2039" s="10" t="s">
        <v>22</v>
      </c>
      <c r="U2039" s="10" t="s">
        <v>22</v>
      </c>
      <c r="V2039" s="10" t="s">
        <v>22</v>
      </c>
      <c r="W2039" s="10" t="s">
        <v>22</v>
      </c>
      <c r="X2039" s="10" t="s">
        <v>22</v>
      </c>
      <c r="Y2039" s="10" t="s">
        <v>22</v>
      </c>
      <c r="Z2039" s="10" t="s">
        <v>22</v>
      </c>
    </row>
    <row r="2040" spans="1:26" ht="24" customHeight="1" x14ac:dyDescent="0.2">
      <c r="A2040" s="9" t="s">
        <v>19283</v>
      </c>
      <c r="B2040" s="9" t="s">
        <v>14</v>
      </c>
      <c r="C2040" s="9" t="s">
        <v>9743</v>
      </c>
      <c r="D2040" s="6" t="s">
        <v>9744</v>
      </c>
      <c r="E2040" s="22">
        <v>45725</v>
      </c>
      <c r="F2040" s="22">
        <v>47550</v>
      </c>
      <c r="G2040" s="6" t="s">
        <v>9745</v>
      </c>
      <c r="H2040" s="6" t="s">
        <v>3283</v>
      </c>
      <c r="I2040" s="6" t="s">
        <v>9746</v>
      </c>
      <c r="J2040" s="6" t="s">
        <v>9747</v>
      </c>
      <c r="K2040" s="9" t="s">
        <v>9748</v>
      </c>
      <c r="L2040" s="10" t="s">
        <v>22</v>
      </c>
      <c r="M2040" s="10" t="s">
        <v>22</v>
      </c>
      <c r="N2040" s="10" t="s">
        <v>22</v>
      </c>
      <c r="O2040" s="10" t="s">
        <v>22</v>
      </c>
      <c r="P2040" s="10" t="s">
        <v>22</v>
      </c>
      <c r="Q2040" s="10" t="s">
        <v>22</v>
      </c>
      <c r="R2040" s="10" t="s">
        <v>22</v>
      </c>
      <c r="S2040" s="10" t="s">
        <v>22</v>
      </c>
      <c r="T2040" s="10" t="s">
        <v>22</v>
      </c>
      <c r="U2040" s="10" t="s">
        <v>22</v>
      </c>
      <c r="V2040" s="10" t="s">
        <v>22</v>
      </c>
      <c r="W2040" s="10" t="s">
        <v>22</v>
      </c>
      <c r="X2040" s="10" t="s">
        <v>22</v>
      </c>
      <c r="Y2040" s="10" t="s">
        <v>22</v>
      </c>
      <c r="Z2040" s="10" t="s">
        <v>22</v>
      </c>
    </row>
    <row r="2041" spans="1:26" ht="24" customHeight="1" x14ac:dyDescent="0.2">
      <c r="A2041" s="9" t="s">
        <v>19284</v>
      </c>
      <c r="B2041" s="9" t="s">
        <v>14</v>
      </c>
      <c r="C2041" s="9" t="s">
        <v>9749</v>
      </c>
      <c r="D2041" s="6" t="s">
        <v>9750</v>
      </c>
      <c r="E2041" s="22">
        <v>43899</v>
      </c>
      <c r="F2041" s="22">
        <v>45724</v>
      </c>
      <c r="G2041" s="6" t="s">
        <v>9751</v>
      </c>
      <c r="H2041" s="6" t="s">
        <v>62</v>
      </c>
      <c r="I2041" s="6" t="s">
        <v>186</v>
      </c>
      <c r="J2041" s="6" t="s">
        <v>9752</v>
      </c>
      <c r="K2041" s="9" t="s">
        <v>9753</v>
      </c>
      <c r="L2041" s="10" t="s">
        <v>22</v>
      </c>
      <c r="M2041" s="10" t="s">
        <v>22</v>
      </c>
      <c r="N2041" s="10" t="s">
        <v>22</v>
      </c>
      <c r="O2041" s="10" t="s">
        <v>22</v>
      </c>
      <c r="P2041" s="10" t="s">
        <v>22</v>
      </c>
      <c r="Q2041" s="10" t="s">
        <v>22</v>
      </c>
      <c r="R2041" s="10" t="s">
        <v>22</v>
      </c>
      <c r="S2041" s="10" t="s">
        <v>22</v>
      </c>
      <c r="T2041" s="10" t="s">
        <v>22</v>
      </c>
      <c r="U2041" s="10" t="s">
        <v>22</v>
      </c>
      <c r="V2041" s="10" t="s">
        <v>22</v>
      </c>
      <c r="W2041" s="10" t="s">
        <v>22</v>
      </c>
      <c r="X2041" s="10" t="s">
        <v>22</v>
      </c>
      <c r="Y2041" s="10" t="s">
        <v>22</v>
      </c>
      <c r="Z2041" s="10" t="s">
        <v>22</v>
      </c>
    </row>
    <row r="2042" spans="1:26" ht="24" customHeight="1" x14ac:dyDescent="0.2">
      <c r="A2042" s="9" t="s">
        <v>19285</v>
      </c>
      <c r="B2042" s="9" t="s">
        <v>14</v>
      </c>
      <c r="C2042" s="9" t="s">
        <v>9754</v>
      </c>
      <c r="D2042" s="6" t="s">
        <v>9755</v>
      </c>
      <c r="E2042" s="22">
        <v>45726</v>
      </c>
      <c r="F2042" s="22">
        <v>47551</v>
      </c>
      <c r="G2042" s="6" t="s">
        <v>9756</v>
      </c>
      <c r="H2042" s="6" t="s">
        <v>62</v>
      </c>
      <c r="I2042" s="6" t="s">
        <v>290</v>
      </c>
      <c r="J2042" s="6" t="s">
        <v>9757</v>
      </c>
      <c r="L2042" s="10" t="s">
        <v>22</v>
      </c>
      <c r="M2042" s="10" t="s">
        <v>22</v>
      </c>
      <c r="N2042" s="10" t="s">
        <v>22</v>
      </c>
      <c r="O2042" s="10" t="s">
        <v>22</v>
      </c>
      <c r="P2042" s="10" t="s">
        <v>22</v>
      </c>
      <c r="Q2042" s="10" t="s">
        <v>22</v>
      </c>
      <c r="U2042" s="10" t="s">
        <v>22</v>
      </c>
      <c r="V2042" s="10" t="s">
        <v>22</v>
      </c>
      <c r="W2042" s="10" t="s">
        <v>22</v>
      </c>
      <c r="X2042" s="10" t="s">
        <v>22</v>
      </c>
      <c r="Y2042" s="10" t="s">
        <v>22</v>
      </c>
      <c r="Z2042" s="10" t="s">
        <v>22</v>
      </c>
    </row>
    <row r="2043" spans="1:26" ht="24" customHeight="1" x14ac:dyDescent="0.2">
      <c r="A2043" s="9" t="s">
        <v>19286</v>
      </c>
      <c r="B2043" s="9" t="s">
        <v>14</v>
      </c>
      <c r="C2043" s="9" t="s">
        <v>9758</v>
      </c>
      <c r="D2043" s="6" t="s">
        <v>9759</v>
      </c>
      <c r="E2043" s="22">
        <v>45728</v>
      </c>
      <c r="F2043" s="22">
        <v>47553</v>
      </c>
      <c r="G2043" s="6" t="s">
        <v>9760</v>
      </c>
      <c r="H2043" s="6" t="s">
        <v>229</v>
      </c>
      <c r="I2043" s="6" t="s">
        <v>1885</v>
      </c>
      <c r="J2043" s="6" t="s">
        <v>20991</v>
      </c>
      <c r="K2043" s="9" t="s">
        <v>9761</v>
      </c>
      <c r="L2043" s="10" t="s">
        <v>22</v>
      </c>
      <c r="M2043" s="10" t="s">
        <v>22</v>
      </c>
      <c r="N2043" s="10" t="s">
        <v>22</v>
      </c>
      <c r="O2043" s="10" t="s">
        <v>22</v>
      </c>
      <c r="P2043" s="10" t="s">
        <v>22</v>
      </c>
      <c r="Q2043" s="10" t="s">
        <v>22</v>
      </c>
      <c r="U2043" s="10" t="s">
        <v>22</v>
      </c>
      <c r="V2043" s="10" t="s">
        <v>22</v>
      </c>
      <c r="W2043" s="10" t="s">
        <v>22</v>
      </c>
      <c r="X2043" s="10" t="s">
        <v>22</v>
      </c>
      <c r="Y2043" s="10" t="s">
        <v>22</v>
      </c>
      <c r="Z2043" s="10" t="s">
        <v>22</v>
      </c>
    </row>
    <row r="2044" spans="1:26" ht="24" customHeight="1" x14ac:dyDescent="0.2">
      <c r="A2044" s="9" t="s">
        <v>19287</v>
      </c>
      <c r="B2044" s="9" t="s">
        <v>14</v>
      </c>
      <c r="C2044" s="9" t="s">
        <v>9762</v>
      </c>
      <c r="D2044" s="6" t="s">
        <v>9763</v>
      </c>
      <c r="E2044" s="22">
        <v>43902</v>
      </c>
      <c r="F2044" s="22">
        <v>45727</v>
      </c>
      <c r="G2044" s="6" t="s">
        <v>9764</v>
      </c>
      <c r="H2044" s="6" t="s">
        <v>2368</v>
      </c>
      <c r="I2044" s="6" t="s">
        <v>2369</v>
      </c>
      <c r="J2044" s="6" t="s">
        <v>9765</v>
      </c>
      <c r="K2044" s="9" t="s">
        <v>9766</v>
      </c>
      <c r="L2044" s="10" t="s">
        <v>22</v>
      </c>
      <c r="M2044" s="10" t="s">
        <v>22</v>
      </c>
      <c r="N2044" s="10" t="s">
        <v>22</v>
      </c>
      <c r="O2044" s="10" t="s">
        <v>22</v>
      </c>
      <c r="P2044" s="10" t="s">
        <v>22</v>
      </c>
      <c r="Q2044" s="10" t="s">
        <v>22</v>
      </c>
      <c r="R2044" s="10" t="s">
        <v>22</v>
      </c>
      <c r="S2044" s="10" t="s">
        <v>22</v>
      </c>
      <c r="T2044" s="10" t="s">
        <v>22</v>
      </c>
      <c r="U2044" s="10" t="s">
        <v>22</v>
      </c>
      <c r="V2044" s="10" t="s">
        <v>22</v>
      </c>
      <c r="W2044" s="10" t="s">
        <v>22</v>
      </c>
      <c r="X2044" s="10" t="s">
        <v>22</v>
      </c>
      <c r="Y2044" s="10" t="s">
        <v>22</v>
      </c>
      <c r="Z2044" s="10" t="s">
        <v>22</v>
      </c>
    </row>
    <row r="2045" spans="1:26" ht="24" customHeight="1" x14ac:dyDescent="0.2">
      <c r="A2045" s="9" t="s">
        <v>19288</v>
      </c>
      <c r="B2045" s="9" t="s">
        <v>14</v>
      </c>
      <c r="C2045" s="9" t="s">
        <v>9767</v>
      </c>
      <c r="D2045" s="6" t="s">
        <v>9768</v>
      </c>
      <c r="E2045" s="22">
        <v>43907</v>
      </c>
      <c r="F2045" s="22">
        <v>45732</v>
      </c>
      <c r="G2045" s="6" t="s">
        <v>9769</v>
      </c>
      <c r="H2045" s="6" t="s">
        <v>1625</v>
      </c>
      <c r="I2045" s="6" t="s">
        <v>9770</v>
      </c>
      <c r="J2045" s="6" t="s">
        <v>9771</v>
      </c>
      <c r="K2045" s="9" t="s">
        <v>9772</v>
      </c>
      <c r="O2045" s="10" t="s">
        <v>22</v>
      </c>
      <c r="P2045" s="10" t="s">
        <v>22</v>
      </c>
      <c r="Q2045" s="10" t="s">
        <v>22</v>
      </c>
      <c r="X2045" s="10" t="s">
        <v>22</v>
      </c>
      <c r="Y2045" s="10" t="s">
        <v>22</v>
      </c>
      <c r="Z2045" s="10" t="s">
        <v>22</v>
      </c>
    </row>
    <row r="2046" spans="1:26" ht="24" customHeight="1" x14ac:dyDescent="0.2">
      <c r="A2046" s="9" t="s">
        <v>19289</v>
      </c>
      <c r="B2046" s="9" t="s">
        <v>14</v>
      </c>
      <c r="C2046" s="9" t="s">
        <v>9773</v>
      </c>
      <c r="D2046" s="6" t="s">
        <v>9774</v>
      </c>
      <c r="E2046" s="22">
        <v>43907</v>
      </c>
      <c r="F2046" s="22">
        <v>45732</v>
      </c>
      <c r="G2046" s="6" t="s">
        <v>9775</v>
      </c>
      <c r="H2046" s="6" t="s">
        <v>62</v>
      </c>
      <c r="I2046" s="6" t="s">
        <v>352</v>
      </c>
      <c r="J2046" s="6" t="s">
        <v>9776</v>
      </c>
      <c r="K2046" s="9" t="s">
        <v>9777</v>
      </c>
      <c r="L2046" s="10" t="s">
        <v>22</v>
      </c>
      <c r="M2046" s="10" t="s">
        <v>22</v>
      </c>
      <c r="N2046" s="10" t="s">
        <v>22</v>
      </c>
      <c r="O2046" s="10" t="s">
        <v>22</v>
      </c>
      <c r="P2046" s="10" t="s">
        <v>22</v>
      </c>
      <c r="Q2046" s="10" t="s">
        <v>22</v>
      </c>
      <c r="R2046" s="10" t="s">
        <v>22</v>
      </c>
      <c r="S2046" s="10" t="s">
        <v>22</v>
      </c>
      <c r="T2046" s="10" t="s">
        <v>22</v>
      </c>
      <c r="U2046" s="10" t="s">
        <v>22</v>
      </c>
      <c r="V2046" s="10" t="s">
        <v>22</v>
      </c>
      <c r="W2046" s="10" t="s">
        <v>22</v>
      </c>
      <c r="X2046" s="10" t="s">
        <v>22</v>
      </c>
      <c r="Y2046" s="10" t="s">
        <v>22</v>
      </c>
      <c r="Z2046" s="10" t="s">
        <v>22</v>
      </c>
    </row>
    <row r="2047" spans="1:26" ht="24" customHeight="1" x14ac:dyDescent="0.2">
      <c r="A2047" s="9" t="s">
        <v>19290</v>
      </c>
      <c r="B2047" s="9" t="s">
        <v>14</v>
      </c>
      <c r="C2047" s="9" t="s">
        <v>9778</v>
      </c>
      <c r="D2047" s="6" t="s">
        <v>5594</v>
      </c>
      <c r="E2047" s="22">
        <v>45733</v>
      </c>
      <c r="F2047" s="22">
        <v>47558</v>
      </c>
      <c r="G2047" s="6" t="s">
        <v>9779</v>
      </c>
      <c r="H2047" s="6" t="s">
        <v>62</v>
      </c>
      <c r="I2047" s="6" t="s">
        <v>186</v>
      </c>
      <c r="J2047" s="6" t="s">
        <v>9780</v>
      </c>
      <c r="K2047" s="9" t="s">
        <v>9781</v>
      </c>
      <c r="L2047" s="10" t="s">
        <v>22</v>
      </c>
      <c r="M2047" s="10" t="s">
        <v>22</v>
      </c>
      <c r="N2047" s="10" t="s">
        <v>22</v>
      </c>
      <c r="O2047" s="10" t="s">
        <v>22</v>
      </c>
      <c r="P2047" s="10" t="s">
        <v>22</v>
      </c>
      <c r="Q2047" s="10" t="s">
        <v>22</v>
      </c>
      <c r="R2047" s="10" t="s">
        <v>22</v>
      </c>
      <c r="S2047" s="10" t="s">
        <v>22</v>
      </c>
      <c r="T2047" s="10" t="s">
        <v>22</v>
      </c>
      <c r="U2047" s="10" t="s">
        <v>22</v>
      </c>
      <c r="V2047" s="10" t="s">
        <v>22</v>
      </c>
      <c r="W2047" s="10" t="s">
        <v>22</v>
      </c>
      <c r="X2047" s="10" t="s">
        <v>22</v>
      </c>
      <c r="Y2047" s="10" t="s">
        <v>22</v>
      </c>
      <c r="Z2047" s="10" t="s">
        <v>22</v>
      </c>
    </row>
    <row r="2048" spans="1:26" ht="24" customHeight="1" x14ac:dyDescent="0.2">
      <c r="A2048" s="9" t="s">
        <v>19291</v>
      </c>
      <c r="B2048" s="9" t="s">
        <v>14</v>
      </c>
      <c r="C2048" s="9" t="s">
        <v>9778</v>
      </c>
      <c r="D2048" s="6" t="s">
        <v>5594</v>
      </c>
      <c r="E2048" s="22">
        <v>45733</v>
      </c>
      <c r="F2048" s="22">
        <v>47558</v>
      </c>
      <c r="G2048" s="6" t="s">
        <v>5595</v>
      </c>
      <c r="H2048" s="6" t="s">
        <v>229</v>
      </c>
      <c r="I2048" s="6" t="s">
        <v>324</v>
      </c>
      <c r="J2048" s="6" t="s">
        <v>5596</v>
      </c>
      <c r="K2048" s="9" t="s">
        <v>5597</v>
      </c>
      <c r="L2048" s="10" t="s">
        <v>22</v>
      </c>
      <c r="M2048" s="10" t="s">
        <v>22</v>
      </c>
      <c r="N2048" s="10" t="s">
        <v>22</v>
      </c>
      <c r="O2048" s="10" t="s">
        <v>22</v>
      </c>
      <c r="P2048" s="10" t="s">
        <v>22</v>
      </c>
      <c r="Q2048" s="10" t="s">
        <v>22</v>
      </c>
      <c r="U2048" s="10" t="s">
        <v>22</v>
      </c>
      <c r="V2048" s="10" t="s">
        <v>22</v>
      </c>
      <c r="W2048" s="10" t="s">
        <v>22</v>
      </c>
      <c r="X2048" s="10" t="s">
        <v>22</v>
      </c>
      <c r="Y2048" s="10" t="s">
        <v>22</v>
      </c>
      <c r="Z2048" s="10" t="s">
        <v>22</v>
      </c>
    </row>
    <row r="2049" spans="1:26" ht="24" customHeight="1" x14ac:dyDescent="0.2">
      <c r="A2049" s="9" t="s">
        <v>19292</v>
      </c>
      <c r="B2049" s="9" t="s">
        <v>14</v>
      </c>
      <c r="C2049" s="9" t="s">
        <v>9782</v>
      </c>
      <c r="D2049" s="6" t="s">
        <v>9783</v>
      </c>
      <c r="E2049" s="22">
        <v>43907</v>
      </c>
      <c r="F2049" s="22">
        <v>45732</v>
      </c>
      <c r="G2049" s="6" t="s">
        <v>9784</v>
      </c>
      <c r="H2049" s="6" t="s">
        <v>18</v>
      </c>
      <c r="I2049" s="6" t="s">
        <v>1691</v>
      </c>
      <c r="J2049" s="6" t="s">
        <v>9785</v>
      </c>
      <c r="K2049" s="9" t="s">
        <v>9786</v>
      </c>
      <c r="L2049" s="10" t="s">
        <v>22</v>
      </c>
      <c r="M2049" s="10" t="s">
        <v>22</v>
      </c>
      <c r="N2049" s="10" t="s">
        <v>22</v>
      </c>
      <c r="O2049" s="10" t="s">
        <v>22</v>
      </c>
      <c r="P2049" s="10" t="s">
        <v>22</v>
      </c>
      <c r="Q2049" s="10" t="s">
        <v>22</v>
      </c>
      <c r="U2049" s="10" t="s">
        <v>22</v>
      </c>
      <c r="V2049" s="10" t="s">
        <v>22</v>
      </c>
      <c r="W2049" s="10" t="s">
        <v>22</v>
      </c>
      <c r="X2049" s="10" t="s">
        <v>22</v>
      </c>
      <c r="Y2049" s="10" t="s">
        <v>22</v>
      </c>
      <c r="Z2049" s="10" t="s">
        <v>22</v>
      </c>
    </row>
    <row r="2050" spans="1:26" ht="24" customHeight="1" x14ac:dyDescent="0.2">
      <c r="A2050" s="9" t="s">
        <v>19293</v>
      </c>
      <c r="B2050" s="9" t="s">
        <v>14</v>
      </c>
      <c r="C2050" s="9" t="s">
        <v>9787</v>
      </c>
      <c r="D2050" s="6" t="s">
        <v>9788</v>
      </c>
      <c r="E2050" s="22">
        <v>43907</v>
      </c>
      <c r="F2050" s="22">
        <v>45732</v>
      </c>
      <c r="G2050" s="6" t="s">
        <v>9789</v>
      </c>
      <c r="H2050" s="6" t="s">
        <v>62</v>
      </c>
      <c r="I2050" s="6" t="s">
        <v>290</v>
      </c>
      <c r="J2050" s="6" t="s">
        <v>9790</v>
      </c>
      <c r="K2050" s="9" t="s">
        <v>9791</v>
      </c>
      <c r="L2050" s="10" t="s">
        <v>22</v>
      </c>
      <c r="M2050" s="10" t="s">
        <v>22</v>
      </c>
      <c r="N2050" s="10" t="s">
        <v>22</v>
      </c>
      <c r="O2050" s="10" t="s">
        <v>22</v>
      </c>
      <c r="P2050" s="10" t="s">
        <v>22</v>
      </c>
      <c r="Q2050" s="10" t="s">
        <v>22</v>
      </c>
      <c r="R2050" s="10" t="s">
        <v>22</v>
      </c>
      <c r="S2050" s="10" t="s">
        <v>22</v>
      </c>
      <c r="T2050" s="10" t="s">
        <v>22</v>
      </c>
      <c r="U2050" s="10" t="s">
        <v>22</v>
      </c>
      <c r="V2050" s="10" t="s">
        <v>22</v>
      </c>
      <c r="W2050" s="10" t="s">
        <v>22</v>
      </c>
      <c r="X2050" s="10" t="s">
        <v>22</v>
      </c>
      <c r="Y2050" s="10" t="s">
        <v>22</v>
      </c>
      <c r="Z2050" s="10" t="s">
        <v>22</v>
      </c>
    </row>
    <row r="2051" spans="1:26" ht="24" customHeight="1" x14ac:dyDescent="0.2">
      <c r="A2051" s="9" t="s">
        <v>19294</v>
      </c>
      <c r="B2051" s="9" t="s">
        <v>14</v>
      </c>
      <c r="C2051" s="9" t="s">
        <v>9792</v>
      </c>
      <c r="D2051" s="6" t="s">
        <v>9793</v>
      </c>
      <c r="E2051" s="22">
        <v>43922</v>
      </c>
      <c r="F2051" s="22">
        <v>45747</v>
      </c>
      <c r="G2051" s="6" t="s">
        <v>9794</v>
      </c>
      <c r="H2051" s="6" t="s">
        <v>62</v>
      </c>
      <c r="I2051" s="6" t="s">
        <v>551</v>
      </c>
      <c r="J2051" s="6" t="s">
        <v>9795</v>
      </c>
      <c r="K2051" s="9" t="s">
        <v>9796</v>
      </c>
      <c r="L2051" s="10" t="s">
        <v>22</v>
      </c>
      <c r="M2051" s="10" t="s">
        <v>22</v>
      </c>
      <c r="N2051" s="10" t="s">
        <v>22</v>
      </c>
      <c r="O2051" s="10" t="s">
        <v>22</v>
      </c>
      <c r="P2051" s="10" t="s">
        <v>22</v>
      </c>
      <c r="Q2051" s="10" t="s">
        <v>22</v>
      </c>
      <c r="R2051" s="10" t="s">
        <v>22</v>
      </c>
      <c r="S2051" s="10" t="s">
        <v>22</v>
      </c>
      <c r="T2051" s="10" t="s">
        <v>22</v>
      </c>
      <c r="U2051" s="10" t="s">
        <v>22</v>
      </c>
      <c r="V2051" s="10" t="s">
        <v>22</v>
      </c>
      <c r="W2051" s="10" t="s">
        <v>22</v>
      </c>
      <c r="X2051" s="10" t="s">
        <v>22</v>
      </c>
      <c r="Y2051" s="10" t="s">
        <v>22</v>
      </c>
      <c r="Z2051" s="10" t="s">
        <v>22</v>
      </c>
    </row>
    <row r="2052" spans="1:26" ht="24" customHeight="1" x14ac:dyDescent="0.2">
      <c r="A2052" s="9" t="s">
        <v>19295</v>
      </c>
      <c r="B2052" s="9" t="s">
        <v>14</v>
      </c>
      <c r="C2052" s="9" t="s">
        <v>9797</v>
      </c>
      <c r="D2052" s="6" t="s">
        <v>9798</v>
      </c>
      <c r="E2052" s="22">
        <v>43922</v>
      </c>
      <c r="F2052" s="22">
        <v>45747</v>
      </c>
      <c r="G2052" s="6" t="s">
        <v>9799</v>
      </c>
      <c r="H2052" s="6" t="s">
        <v>62</v>
      </c>
      <c r="I2052" s="6" t="s">
        <v>73</v>
      </c>
      <c r="J2052" s="6" t="s">
        <v>9800</v>
      </c>
      <c r="K2052" s="9" t="s">
        <v>9801</v>
      </c>
      <c r="L2052" s="10" t="s">
        <v>22</v>
      </c>
      <c r="M2052" s="10" t="s">
        <v>22</v>
      </c>
      <c r="N2052" s="10" t="s">
        <v>22</v>
      </c>
      <c r="O2052" s="10" t="s">
        <v>22</v>
      </c>
      <c r="P2052" s="10" t="s">
        <v>22</v>
      </c>
      <c r="Q2052" s="10" t="s">
        <v>22</v>
      </c>
      <c r="U2052" s="10" t="s">
        <v>22</v>
      </c>
      <c r="V2052" s="10" t="s">
        <v>22</v>
      </c>
      <c r="W2052" s="10" t="s">
        <v>22</v>
      </c>
      <c r="X2052" s="10" t="s">
        <v>22</v>
      </c>
      <c r="Y2052" s="10" t="s">
        <v>22</v>
      </c>
      <c r="Z2052" s="10" t="s">
        <v>22</v>
      </c>
    </row>
    <row r="2053" spans="1:26" ht="24" customHeight="1" x14ac:dyDescent="0.2">
      <c r="A2053" s="9" t="s">
        <v>19296</v>
      </c>
      <c r="B2053" s="9" t="s">
        <v>14</v>
      </c>
      <c r="C2053" s="9" t="s">
        <v>9802</v>
      </c>
      <c r="D2053" s="6" t="s">
        <v>9803</v>
      </c>
      <c r="E2053" s="22">
        <v>43922</v>
      </c>
      <c r="F2053" s="22">
        <v>45747</v>
      </c>
      <c r="G2053" s="6" t="s">
        <v>9804</v>
      </c>
      <c r="H2053" s="6" t="s">
        <v>202</v>
      </c>
      <c r="I2053" s="6" t="s">
        <v>863</v>
      </c>
      <c r="J2053" s="6" t="s">
        <v>9805</v>
      </c>
      <c r="L2053" s="10" t="s">
        <v>22</v>
      </c>
      <c r="M2053" s="10" t="s">
        <v>22</v>
      </c>
      <c r="N2053" s="10" t="s">
        <v>22</v>
      </c>
      <c r="O2053" s="10" t="s">
        <v>22</v>
      </c>
      <c r="P2053" s="10" t="s">
        <v>22</v>
      </c>
      <c r="Q2053" s="10" t="s">
        <v>22</v>
      </c>
      <c r="R2053" s="10" t="s">
        <v>22</v>
      </c>
      <c r="S2053" s="10" t="s">
        <v>22</v>
      </c>
      <c r="T2053" s="10" t="s">
        <v>22</v>
      </c>
      <c r="U2053" s="10" t="s">
        <v>22</v>
      </c>
      <c r="V2053" s="10" t="s">
        <v>22</v>
      </c>
      <c r="W2053" s="10" t="s">
        <v>22</v>
      </c>
      <c r="X2053" s="10" t="s">
        <v>22</v>
      </c>
      <c r="Y2053" s="10" t="s">
        <v>22</v>
      </c>
      <c r="Z2053" s="10" t="s">
        <v>22</v>
      </c>
    </row>
    <row r="2054" spans="1:26" ht="24" customHeight="1" x14ac:dyDescent="0.2">
      <c r="A2054" s="9" t="s">
        <v>19297</v>
      </c>
      <c r="B2054" s="9" t="s">
        <v>14</v>
      </c>
      <c r="C2054" s="9" t="s">
        <v>9806</v>
      </c>
      <c r="D2054" s="6" t="s">
        <v>9807</v>
      </c>
      <c r="E2054" s="22">
        <v>43922</v>
      </c>
      <c r="F2054" s="22">
        <v>45747</v>
      </c>
      <c r="G2054" s="6" t="s">
        <v>9808</v>
      </c>
      <c r="H2054" s="6" t="s">
        <v>18</v>
      </c>
      <c r="I2054" s="6" t="s">
        <v>19</v>
      </c>
      <c r="J2054" s="6" t="s">
        <v>9809</v>
      </c>
      <c r="K2054" s="9" t="s">
        <v>9810</v>
      </c>
      <c r="L2054" s="10" t="s">
        <v>22</v>
      </c>
      <c r="M2054" s="10" t="s">
        <v>22</v>
      </c>
      <c r="N2054" s="10" t="s">
        <v>22</v>
      </c>
      <c r="O2054" s="10" t="s">
        <v>22</v>
      </c>
      <c r="P2054" s="10" t="s">
        <v>22</v>
      </c>
      <c r="Q2054" s="10" t="s">
        <v>22</v>
      </c>
      <c r="R2054" s="10" t="s">
        <v>22</v>
      </c>
      <c r="S2054" s="10" t="s">
        <v>22</v>
      </c>
      <c r="T2054" s="10" t="s">
        <v>22</v>
      </c>
      <c r="U2054" s="10" t="s">
        <v>22</v>
      </c>
      <c r="V2054" s="10" t="s">
        <v>22</v>
      </c>
      <c r="W2054" s="10" t="s">
        <v>22</v>
      </c>
      <c r="X2054" s="10" t="s">
        <v>22</v>
      </c>
      <c r="Y2054" s="10" t="s">
        <v>22</v>
      </c>
      <c r="Z2054" s="10" t="s">
        <v>22</v>
      </c>
    </row>
    <row r="2055" spans="1:26" ht="24" customHeight="1" x14ac:dyDescent="0.2">
      <c r="A2055" s="9" t="s">
        <v>19298</v>
      </c>
      <c r="B2055" s="9" t="s">
        <v>14</v>
      </c>
      <c r="C2055" s="9" t="s">
        <v>9811</v>
      </c>
      <c r="D2055" s="6" t="s">
        <v>9812</v>
      </c>
      <c r="E2055" s="22">
        <v>43922</v>
      </c>
      <c r="F2055" s="22">
        <v>45747</v>
      </c>
      <c r="G2055" s="6" t="s">
        <v>9813</v>
      </c>
      <c r="H2055" s="6" t="s">
        <v>18</v>
      </c>
      <c r="I2055" s="6" t="s">
        <v>26</v>
      </c>
      <c r="J2055" s="6" t="s">
        <v>9814</v>
      </c>
      <c r="K2055" s="9" t="s">
        <v>9815</v>
      </c>
      <c r="L2055" s="10" t="s">
        <v>22</v>
      </c>
      <c r="M2055" s="10" t="s">
        <v>22</v>
      </c>
      <c r="N2055" s="10" t="s">
        <v>22</v>
      </c>
      <c r="O2055" s="10" t="s">
        <v>22</v>
      </c>
      <c r="P2055" s="10" t="s">
        <v>22</v>
      </c>
      <c r="Q2055" s="10" t="s">
        <v>22</v>
      </c>
      <c r="U2055" s="10" t="s">
        <v>22</v>
      </c>
      <c r="V2055" s="10" t="s">
        <v>22</v>
      </c>
      <c r="W2055" s="10" t="s">
        <v>22</v>
      </c>
      <c r="X2055" s="10" t="s">
        <v>22</v>
      </c>
      <c r="Y2055" s="10" t="s">
        <v>22</v>
      </c>
      <c r="Z2055" s="10" t="s">
        <v>22</v>
      </c>
    </row>
    <row r="2056" spans="1:26" ht="34" customHeight="1" x14ac:dyDescent="0.2">
      <c r="A2056" s="9" t="s">
        <v>19299</v>
      </c>
      <c r="B2056" s="9" t="s">
        <v>14</v>
      </c>
      <c r="C2056" s="9" t="s">
        <v>9816</v>
      </c>
      <c r="D2056" s="6" t="s">
        <v>9817</v>
      </c>
      <c r="E2056" s="22">
        <v>43928</v>
      </c>
      <c r="F2056" s="22">
        <v>45753</v>
      </c>
      <c r="G2056" s="6" t="s">
        <v>9818</v>
      </c>
      <c r="H2056" s="6" t="s">
        <v>202</v>
      </c>
      <c r="I2056" s="6" t="s">
        <v>873</v>
      </c>
      <c r="J2056" s="6" t="s">
        <v>9819</v>
      </c>
      <c r="K2056" s="9" t="s">
        <v>9820</v>
      </c>
      <c r="O2056" s="10" t="s">
        <v>22</v>
      </c>
      <c r="P2056" s="10" t="s">
        <v>22</v>
      </c>
      <c r="Q2056" s="10" t="s">
        <v>22</v>
      </c>
      <c r="X2056" s="10" t="s">
        <v>22</v>
      </c>
      <c r="Y2056" s="10" t="s">
        <v>22</v>
      </c>
      <c r="Z2056" s="10" t="s">
        <v>22</v>
      </c>
    </row>
    <row r="2057" spans="1:26" ht="24" customHeight="1" x14ac:dyDescent="0.2">
      <c r="A2057" s="9" t="s">
        <v>19300</v>
      </c>
      <c r="B2057" s="9" t="s">
        <v>14</v>
      </c>
      <c r="C2057" s="9" t="s">
        <v>9821</v>
      </c>
      <c r="D2057" s="6" t="s">
        <v>9822</v>
      </c>
      <c r="E2057" s="22">
        <v>43928</v>
      </c>
      <c r="F2057" s="22">
        <v>45753</v>
      </c>
      <c r="G2057" s="6" t="s">
        <v>9823</v>
      </c>
      <c r="H2057" s="6" t="s">
        <v>62</v>
      </c>
      <c r="I2057" s="6" t="s">
        <v>4879</v>
      </c>
      <c r="J2057" s="6" t="s">
        <v>9824</v>
      </c>
      <c r="K2057" s="9" t="s">
        <v>9825</v>
      </c>
      <c r="L2057" s="10" t="s">
        <v>22</v>
      </c>
      <c r="M2057" s="10" t="s">
        <v>22</v>
      </c>
      <c r="N2057" s="10" t="s">
        <v>22</v>
      </c>
      <c r="O2057" s="10" t="s">
        <v>22</v>
      </c>
      <c r="P2057" s="10" t="s">
        <v>22</v>
      </c>
      <c r="Q2057" s="10" t="s">
        <v>22</v>
      </c>
      <c r="R2057" s="10" t="s">
        <v>22</v>
      </c>
      <c r="S2057" s="10" t="s">
        <v>22</v>
      </c>
      <c r="T2057" s="10" t="s">
        <v>22</v>
      </c>
      <c r="V2057" s="10" t="s">
        <v>22</v>
      </c>
      <c r="W2057" s="10" t="s">
        <v>22</v>
      </c>
      <c r="Y2057" s="10" t="s">
        <v>22</v>
      </c>
      <c r="Z2057" s="10" t="s">
        <v>22</v>
      </c>
    </row>
    <row r="2058" spans="1:26" ht="24" customHeight="1" x14ac:dyDescent="0.2">
      <c r="A2058" s="9" t="s">
        <v>19301</v>
      </c>
      <c r="B2058" s="9" t="s">
        <v>14</v>
      </c>
      <c r="C2058" s="9" t="s">
        <v>9826</v>
      </c>
      <c r="D2058" s="6" t="s">
        <v>9827</v>
      </c>
      <c r="E2058" s="22">
        <v>43928</v>
      </c>
      <c r="F2058" s="22">
        <v>45753</v>
      </c>
      <c r="G2058" s="6" t="s">
        <v>9828</v>
      </c>
      <c r="H2058" s="6" t="s">
        <v>62</v>
      </c>
      <c r="I2058" s="6" t="s">
        <v>306</v>
      </c>
      <c r="J2058" s="6" t="s">
        <v>9829</v>
      </c>
      <c r="K2058" s="9" t="s">
        <v>9830</v>
      </c>
      <c r="L2058" s="10" t="s">
        <v>22</v>
      </c>
      <c r="M2058" s="10" t="s">
        <v>22</v>
      </c>
      <c r="N2058" s="10" t="s">
        <v>22</v>
      </c>
    </row>
    <row r="2059" spans="1:26" ht="24" customHeight="1" x14ac:dyDescent="0.2">
      <c r="A2059" s="9" t="s">
        <v>19302</v>
      </c>
      <c r="B2059" s="9" t="s">
        <v>14</v>
      </c>
      <c r="C2059" s="9" t="s">
        <v>9831</v>
      </c>
      <c r="D2059" s="6" t="s">
        <v>9832</v>
      </c>
      <c r="E2059" s="22">
        <v>43928</v>
      </c>
      <c r="F2059" s="22">
        <v>45753</v>
      </c>
      <c r="G2059" s="6" t="s">
        <v>9833</v>
      </c>
      <c r="H2059" s="6" t="s">
        <v>18</v>
      </c>
      <c r="I2059" s="6" t="s">
        <v>19</v>
      </c>
      <c r="J2059" s="6" t="s">
        <v>9834</v>
      </c>
      <c r="K2059" s="9" t="s">
        <v>9835</v>
      </c>
      <c r="L2059" s="10" t="s">
        <v>22</v>
      </c>
      <c r="M2059" s="10" t="s">
        <v>22</v>
      </c>
      <c r="N2059" s="10" t="s">
        <v>22</v>
      </c>
      <c r="O2059" s="10" t="s">
        <v>22</v>
      </c>
      <c r="P2059" s="10" t="s">
        <v>22</v>
      </c>
      <c r="Q2059" s="10" t="s">
        <v>22</v>
      </c>
      <c r="R2059" s="10" t="s">
        <v>22</v>
      </c>
      <c r="S2059" s="10" t="s">
        <v>22</v>
      </c>
      <c r="T2059" s="10" t="s">
        <v>22</v>
      </c>
      <c r="U2059" s="10" t="s">
        <v>22</v>
      </c>
      <c r="V2059" s="10" t="s">
        <v>22</v>
      </c>
      <c r="W2059" s="10" t="s">
        <v>22</v>
      </c>
      <c r="X2059" s="10" t="s">
        <v>22</v>
      </c>
      <c r="Y2059" s="10" t="s">
        <v>22</v>
      </c>
      <c r="Z2059" s="10" t="s">
        <v>22</v>
      </c>
    </row>
    <row r="2060" spans="1:26" ht="24" customHeight="1" x14ac:dyDescent="0.2">
      <c r="A2060" s="9" t="s">
        <v>19303</v>
      </c>
      <c r="B2060" s="9" t="s">
        <v>14</v>
      </c>
      <c r="C2060" s="9" t="s">
        <v>9836</v>
      </c>
      <c r="D2060" s="6" t="s">
        <v>9837</v>
      </c>
      <c r="E2060" s="22">
        <v>43928</v>
      </c>
      <c r="F2060" s="22">
        <v>45753</v>
      </c>
      <c r="G2060" s="6" t="s">
        <v>9838</v>
      </c>
      <c r="H2060" s="6" t="s">
        <v>363</v>
      </c>
      <c r="I2060" s="6" t="s">
        <v>4744</v>
      </c>
      <c r="J2060" s="6" t="s">
        <v>9839</v>
      </c>
      <c r="K2060" s="9" t="s">
        <v>9840</v>
      </c>
      <c r="L2060" s="10" t="s">
        <v>22</v>
      </c>
      <c r="M2060" s="10" t="s">
        <v>22</v>
      </c>
      <c r="N2060" s="10" t="s">
        <v>22</v>
      </c>
      <c r="O2060" s="10" t="s">
        <v>22</v>
      </c>
      <c r="P2060" s="10" t="s">
        <v>22</v>
      </c>
      <c r="Q2060" s="10" t="s">
        <v>22</v>
      </c>
      <c r="R2060" s="10" t="s">
        <v>22</v>
      </c>
      <c r="S2060" s="10" t="s">
        <v>22</v>
      </c>
      <c r="T2060" s="10" t="s">
        <v>22</v>
      </c>
      <c r="U2060" s="10" t="s">
        <v>22</v>
      </c>
      <c r="V2060" s="10" t="s">
        <v>22</v>
      </c>
      <c r="W2060" s="10" t="s">
        <v>22</v>
      </c>
      <c r="X2060" s="10" t="s">
        <v>22</v>
      </c>
      <c r="Y2060" s="10" t="s">
        <v>22</v>
      </c>
      <c r="Z2060" s="10" t="s">
        <v>22</v>
      </c>
    </row>
    <row r="2061" spans="1:26" ht="24" customHeight="1" x14ac:dyDescent="0.2">
      <c r="A2061" s="9" t="s">
        <v>19304</v>
      </c>
      <c r="B2061" s="9" t="s">
        <v>14</v>
      </c>
      <c r="C2061" s="9" t="s">
        <v>9841</v>
      </c>
      <c r="D2061" s="6" t="s">
        <v>9842</v>
      </c>
      <c r="E2061" s="22">
        <v>43928</v>
      </c>
      <c r="F2061" s="22">
        <v>45753</v>
      </c>
      <c r="G2061" s="6" t="s">
        <v>9843</v>
      </c>
      <c r="H2061" s="6" t="s">
        <v>18</v>
      </c>
      <c r="I2061" s="6" t="s">
        <v>19</v>
      </c>
      <c r="J2061" s="6" t="s">
        <v>9844</v>
      </c>
      <c r="L2061" s="10" t="s">
        <v>22</v>
      </c>
      <c r="M2061" s="10" t="s">
        <v>22</v>
      </c>
      <c r="N2061" s="10" t="s">
        <v>22</v>
      </c>
      <c r="O2061" s="10" t="s">
        <v>22</v>
      </c>
      <c r="P2061" s="10" t="s">
        <v>22</v>
      </c>
      <c r="Q2061" s="10" t="s">
        <v>22</v>
      </c>
      <c r="R2061" s="10" t="s">
        <v>22</v>
      </c>
      <c r="S2061" s="10" t="s">
        <v>22</v>
      </c>
      <c r="T2061" s="10" t="s">
        <v>22</v>
      </c>
      <c r="U2061" s="10" t="s">
        <v>22</v>
      </c>
      <c r="V2061" s="10" t="s">
        <v>22</v>
      </c>
      <c r="W2061" s="10" t="s">
        <v>22</v>
      </c>
      <c r="X2061" s="10" t="s">
        <v>22</v>
      </c>
      <c r="Y2061" s="10" t="s">
        <v>22</v>
      </c>
      <c r="Z2061" s="10" t="s">
        <v>22</v>
      </c>
    </row>
    <row r="2062" spans="1:26" ht="24" customHeight="1" x14ac:dyDescent="0.2">
      <c r="A2062" s="9" t="s">
        <v>19305</v>
      </c>
      <c r="B2062" s="9" t="s">
        <v>14</v>
      </c>
      <c r="C2062" s="9" t="s">
        <v>9845</v>
      </c>
      <c r="D2062" s="6" t="s">
        <v>9846</v>
      </c>
      <c r="E2062" s="22">
        <v>43928</v>
      </c>
      <c r="F2062" s="22">
        <v>45753</v>
      </c>
      <c r="G2062" s="6" t="s">
        <v>9847</v>
      </c>
      <c r="H2062" s="6" t="s">
        <v>1625</v>
      </c>
      <c r="I2062" s="6" t="s">
        <v>4540</v>
      </c>
      <c r="J2062" s="6" t="s">
        <v>9848</v>
      </c>
      <c r="K2062" s="9" t="s">
        <v>9849</v>
      </c>
      <c r="L2062" s="10" t="s">
        <v>22</v>
      </c>
      <c r="M2062" s="10" t="s">
        <v>22</v>
      </c>
      <c r="N2062" s="10" t="s">
        <v>22</v>
      </c>
      <c r="O2062" s="10" t="s">
        <v>22</v>
      </c>
      <c r="P2062" s="10" t="s">
        <v>22</v>
      </c>
      <c r="Q2062" s="10" t="s">
        <v>22</v>
      </c>
      <c r="R2062" s="10" t="s">
        <v>22</v>
      </c>
      <c r="S2062" s="10" t="s">
        <v>22</v>
      </c>
      <c r="T2062" s="10" t="s">
        <v>22</v>
      </c>
      <c r="U2062" s="10" t="s">
        <v>22</v>
      </c>
      <c r="V2062" s="10" t="s">
        <v>22</v>
      </c>
      <c r="W2062" s="10" t="s">
        <v>22</v>
      </c>
      <c r="X2062" s="10" t="s">
        <v>22</v>
      </c>
      <c r="Y2062" s="10" t="s">
        <v>22</v>
      </c>
      <c r="Z2062" s="10" t="s">
        <v>22</v>
      </c>
    </row>
    <row r="2063" spans="1:26" ht="24" customHeight="1" x14ac:dyDescent="0.2">
      <c r="A2063" s="9" t="s">
        <v>19306</v>
      </c>
      <c r="B2063" s="9" t="s">
        <v>14</v>
      </c>
      <c r="C2063" s="9" t="s">
        <v>9850</v>
      </c>
      <c r="D2063" s="6" t="s">
        <v>9851</v>
      </c>
      <c r="E2063" s="22">
        <v>43934</v>
      </c>
      <c r="F2063" s="22">
        <v>45759</v>
      </c>
      <c r="G2063" s="6" t="s">
        <v>9852</v>
      </c>
      <c r="H2063" s="6" t="s">
        <v>62</v>
      </c>
      <c r="I2063" s="6" t="s">
        <v>1444</v>
      </c>
      <c r="J2063" s="6" t="s">
        <v>9853</v>
      </c>
      <c r="K2063" s="9" t="s">
        <v>9854</v>
      </c>
      <c r="L2063" s="10" t="s">
        <v>22</v>
      </c>
      <c r="M2063" s="10" t="s">
        <v>22</v>
      </c>
      <c r="N2063" s="10" t="s">
        <v>22</v>
      </c>
      <c r="O2063" s="10" t="s">
        <v>22</v>
      </c>
      <c r="P2063" s="10" t="s">
        <v>22</v>
      </c>
      <c r="Q2063" s="10" t="s">
        <v>22</v>
      </c>
      <c r="R2063" s="10" t="s">
        <v>22</v>
      </c>
      <c r="S2063" s="10" t="s">
        <v>22</v>
      </c>
      <c r="T2063" s="10" t="s">
        <v>22</v>
      </c>
      <c r="U2063" s="10" t="s">
        <v>22</v>
      </c>
      <c r="V2063" s="10" t="s">
        <v>22</v>
      </c>
      <c r="W2063" s="10" t="s">
        <v>22</v>
      </c>
      <c r="X2063" s="10" t="s">
        <v>22</v>
      </c>
      <c r="Y2063" s="10" t="s">
        <v>22</v>
      </c>
      <c r="Z2063" s="10" t="s">
        <v>22</v>
      </c>
    </row>
    <row r="2064" spans="1:26" ht="24" customHeight="1" x14ac:dyDescent="0.2">
      <c r="A2064" s="9" t="s">
        <v>19307</v>
      </c>
      <c r="B2064" s="9" t="s">
        <v>14</v>
      </c>
      <c r="C2064" s="9" t="s">
        <v>9855</v>
      </c>
      <c r="D2064" s="6" t="s">
        <v>9856</v>
      </c>
      <c r="E2064" s="22">
        <v>43934</v>
      </c>
      <c r="F2064" s="22">
        <v>45759</v>
      </c>
      <c r="G2064" s="6" t="s">
        <v>9857</v>
      </c>
      <c r="H2064" s="6" t="s">
        <v>62</v>
      </c>
      <c r="I2064" s="6" t="s">
        <v>306</v>
      </c>
      <c r="J2064" s="6" t="s">
        <v>9858</v>
      </c>
      <c r="K2064" s="9" t="s">
        <v>9859</v>
      </c>
      <c r="L2064" s="10" t="s">
        <v>22</v>
      </c>
      <c r="M2064" s="10" t="s">
        <v>22</v>
      </c>
      <c r="N2064" s="10" t="s">
        <v>22</v>
      </c>
      <c r="O2064" s="10" t="s">
        <v>22</v>
      </c>
      <c r="P2064" s="10" t="s">
        <v>22</v>
      </c>
      <c r="Q2064" s="10" t="s">
        <v>22</v>
      </c>
      <c r="R2064" s="10" t="s">
        <v>22</v>
      </c>
      <c r="S2064" s="10" t="s">
        <v>22</v>
      </c>
      <c r="T2064" s="10" t="s">
        <v>22</v>
      </c>
      <c r="U2064" s="10" t="s">
        <v>22</v>
      </c>
      <c r="V2064" s="10" t="s">
        <v>22</v>
      </c>
      <c r="W2064" s="10" t="s">
        <v>22</v>
      </c>
      <c r="X2064" s="10" t="s">
        <v>22</v>
      </c>
      <c r="Y2064" s="10" t="s">
        <v>22</v>
      </c>
      <c r="Z2064" s="10" t="s">
        <v>22</v>
      </c>
    </row>
    <row r="2065" spans="1:26" ht="24" customHeight="1" x14ac:dyDescent="0.2">
      <c r="A2065" s="9" t="s">
        <v>19308</v>
      </c>
      <c r="B2065" s="9" t="s">
        <v>14</v>
      </c>
      <c r="C2065" s="9" t="s">
        <v>9860</v>
      </c>
      <c r="D2065" s="6" t="s">
        <v>9861</v>
      </c>
      <c r="E2065" s="22">
        <v>45760</v>
      </c>
      <c r="F2065" s="22">
        <v>47585</v>
      </c>
      <c r="G2065" s="6" t="s">
        <v>9862</v>
      </c>
      <c r="H2065" s="6" t="s">
        <v>62</v>
      </c>
      <c r="I2065" s="6" t="s">
        <v>2753</v>
      </c>
      <c r="J2065" s="6" t="s">
        <v>9863</v>
      </c>
      <c r="K2065" s="9" t="s">
        <v>9864</v>
      </c>
      <c r="L2065" s="10" t="s">
        <v>22</v>
      </c>
      <c r="M2065" s="10" t="s">
        <v>22</v>
      </c>
      <c r="N2065" s="10" t="s">
        <v>22</v>
      </c>
      <c r="O2065" s="10" t="s">
        <v>22</v>
      </c>
      <c r="P2065" s="10" t="s">
        <v>22</v>
      </c>
      <c r="Q2065" s="10" t="s">
        <v>22</v>
      </c>
      <c r="R2065" s="10" t="s">
        <v>22</v>
      </c>
      <c r="S2065" s="10" t="s">
        <v>22</v>
      </c>
      <c r="T2065" s="10" t="s">
        <v>22</v>
      </c>
      <c r="U2065" s="10" t="s">
        <v>22</v>
      </c>
      <c r="V2065" s="10" t="s">
        <v>22</v>
      </c>
      <c r="W2065" s="10" t="s">
        <v>22</v>
      </c>
      <c r="X2065" s="10" t="s">
        <v>22</v>
      </c>
      <c r="Y2065" s="10" t="s">
        <v>22</v>
      </c>
      <c r="Z2065" s="10" t="s">
        <v>22</v>
      </c>
    </row>
    <row r="2066" spans="1:26" ht="24" customHeight="1" x14ac:dyDescent="0.2">
      <c r="A2066" s="9" t="s">
        <v>19309</v>
      </c>
      <c r="B2066" s="9" t="s">
        <v>14</v>
      </c>
      <c r="C2066" s="9" t="s">
        <v>9865</v>
      </c>
      <c r="D2066" s="6" t="s">
        <v>9866</v>
      </c>
      <c r="E2066" s="22">
        <v>44236</v>
      </c>
      <c r="F2066" s="22">
        <v>46061</v>
      </c>
      <c r="G2066" s="6" t="s">
        <v>9867</v>
      </c>
      <c r="H2066" s="6" t="s">
        <v>18</v>
      </c>
      <c r="I2066" s="6" t="s">
        <v>19</v>
      </c>
      <c r="J2066" s="6" t="s">
        <v>9868</v>
      </c>
      <c r="L2066" s="10" t="s">
        <v>22</v>
      </c>
      <c r="M2066" s="10" t="s">
        <v>22</v>
      </c>
      <c r="N2066" s="10" t="s">
        <v>22</v>
      </c>
      <c r="O2066" s="10" t="s">
        <v>22</v>
      </c>
      <c r="P2066" s="10" t="s">
        <v>22</v>
      </c>
      <c r="Q2066" s="10" t="s">
        <v>22</v>
      </c>
      <c r="R2066" s="10" t="s">
        <v>22</v>
      </c>
      <c r="S2066" s="10" t="s">
        <v>22</v>
      </c>
      <c r="T2066" s="10" t="s">
        <v>22</v>
      </c>
      <c r="U2066" s="10" t="s">
        <v>22</v>
      </c>
      <c r="V2066" s="10" t="s">
        <v>22</v>
      </c>
      <c r="W2066" s="10" t="s">
        <v>22</v>
      </c>
      <c r="X2066" s="10" t="s">
        <v>22</v>
      </c>
      <c r="Y2066" s="10" t="s">
        <v>22</v>
      </c>
      <c r="Z2066" s="10" t="s">
        <v>22</v>
      </c>
    </row>
    <row r="2067" spans="1:26" ht="24" customHeight="1" x14ac:dyDescent="0.2">
      <c r="A2067" s="9" t="s">
        <v>19310</v>
      </c>
      <c r="B2067" s="9" t="s">
        <v>14</v>
      </c>
      <c r="C2067" s="9" t="s">
        <v>9869</v>
      </c>
      <c r="D2067" s="6" t="s">
        <v>9870</v>
      </c>
      <c r="E2067" s="22">
        <v>43942</v>
      </c>
      <c r="F2067" s="22">
        <v>45767</v>
      </c>
      <c r="G2067" s="6" t="s">
        <v>9871</v>
      </c>
      <c r="H2067" s="6" t="s">
        <v>62</v>
      </c>
      <c r="I2067" s="6" t="s">
        <v>312</v>
      </c>
      <c r="J2067" s="6" t="s">
        <v>9872</v>
      </c>
      <c r="K2067" s="9" t="s">
        <v>9873</v>
      </c>
      <c r="L2067" s="10" t="s">
        <v>22</v>
      </c>
      <c r="M2067" s="10" t="s">
        <v>22</v>
      </c>
      <c r="N2067" s="10" t="s">
        <v>22</v>
      </c>
      <c r="O2067" s="10" t="s">
        <v>22</v>
      </c>
      <c r="P2067" s="10" t="s">
        <v>22</v>
      </c>
      <c r="Q2067" s="10" t="s">
        <v>22</v>
      </c>
      <c r="R2067" s="10" t="s">
        <v>22</v>
      </c>
      <c r="S2067" s="10" t="s">
        <v>22</v>
      </c>
      <c r="T2067" s="10" t="s">
        <v>22</v>
      </c>
      <c r="U2067" s="10" t="s">
        <v>22</v>
      </c>
      <c r="V2067" s="10" t="s">
        <v>22</v>
      </c>
      <c r="W2067" s="10" t="s">
        <v>22</v>
      </c>
      <c r="X2067" s="10" t="s">
        <v>22</v>
      </c>
      <c r="Y2067" s="10" t="s">
        <v>22</v>
      </c>
      <c r="Z2067" s="10" t="s">
        <v>22</v>
      </c>
    </row>
    <row r="2068" spans="1:26" ht="24" customHeight="1" x14ac:dyDescent="0.2">
      <c r="A2068" s="9" t="s">
        <v>19311</v>
      </c>
      <c r="B2068" s="9" t="s">
        <v>14</v>
      </c>
      <c r="C2068" s="9" t="s">
        <v>9874</v>
      </c>
      <c r="D2068" s="6" t="s">
        <v>9875</v>
      </c>
      <c r="E2068" s="22">
        <v>43942</v>
      </c>
      <c r="F2068" s="22">
        <v>45767</v>
      </c>
      <c r="G2068" s="6" t="s">
        <v>9876</v>
      </c>
      <c r="H2068" s="6" t="s">
        <v>62</v>
      </c>
      <c r="I2068" s="6" t="s">
        <v>1433</v>
      </c>
      <c r="J2068" s="6" t="s">
        <v>9877</v>
      </c>
      <c r="K2068" s="9" t="s">
        <v>9878</v>
      </c>
      <c r="L2068" s="10" t="s">
        <v>22</v>
      </c>
      <c r="M2068" s="10" t="s">
        <v>22</v>
      </c>
      <c r="N2068" s="10" t="s">
        <v>22</v>
      </c>
      <c r="O2068" s="10" t="s">
        <v>22</v>
      </c>
      <c r="P2068" s="10" t="s">
        <v>22</v>
      </c>
      <c r="Q2068" s="10" t="s">
        <v>22</v>
      </c>
      <c r="R2068" s="10" t="s">
        <v>22</v>
      </c>
      <c r="S2068" s="10" t="s">
        <v>22</v>
      </c>
      <c r="T2068" s="10" t="s">
        <v>22</v>
      </c>
      <c r="U2068" s="10" t="s">
        <v>22</v>
      </c>
      <c r="V2068" s="10" t="s">
        <v>22</v>
      </c>
      <c r="W2068" s="10" t="s">
        <v>22</v>
      </c>
      <c r="X2068" s="10" t="s">
        <v>22</v>
      </c>
      <c r="Y2068" s="10" t="s">
        <v>22</v>
      </c>
      <c r="Z2068" s="10" t="s">
        <v>22</v>
      </c>
    </row>
    <row r="2069" spans="1:26" ht="24" customHeight="1" x14ac:dyDescent="0.2">
      <c r="A2069" s="9" t="s">
        <v>19312</v>
      </c>
      <c r="B2069" s="9" t="s">
        <v>14</v>
      </c>
      <c r="C2069" s="9" t="s">
        <v>9879</v>
      </c>
      <c r="D2069" s="6" t="s">
        <v>9880</v>
      </c>
      <c r="E2069" s="22">
        <v>43942</v>
      </c>
      <c r="F2069" s="22">
        <v>45767</v>
      </c>
      <c r="G2069" s="6" t="s">
        <v>9881</v>
      </c>
      <c r="H2069" s="6" t="s">
        <v>18</v>
      </c>
      <c r="I2069" s="6" t="s">
        <v>26</v>
      </c>
      <c r="J2069" s="6" t="s">
        <v>9882</v>
      </c>
      <c r="K2069" s="9" t="s">
        <v>9883</v>
      </c>
      <c r="L2069" s="10" t="s">
        <v>22</v>
      </c>
      <c r="M2069" s="10" t="s">
        <v>22</v>
      </c>
      <c r="N2069" s="10" t="s">
        <v>22</v>
      </c>
      <c r="O2069" s="10" t="s">
        <v>22</v>
      </c>
      <c r="P2069" s="10" t="s">
        <v>22</v>
      </c>
      <c r="Q2069" s="10" t="s">
        <v>22</v>
      </c>
      <c r="R2069" s="10" t="s">
        <v>22</v>
      </c>
      <c r="S2069" s="10" t="s">
        <v>22</v>
      </c>
      <c r="T2069" s="10" t="s">
        <v>22</v>
      </c>
      <c r="U2069" s="10" t="s">
        <v>22</v>
      </c>
      <c r="V2069" s="10" t="s">
        <v>22</v>
      </c>
      <c r="W2069" s="10" t="s">
        <v>22</v>
      </c>
      <c r="X2069" s="10" t="s">
        <v>22</v>
      </c>
      <c r="Y2069" s="10" t="s">
        <v>22</v>
      </c>
      <c r="Z2069" s="10" t="s">
        <v>22</v>
      </c>
    </row>
    <row r="2070" spans="1:26" ht="24" customHeight="1" x14ac:dyDescent="0.2">
      <c r="A2070" s="9" t="s">
        <v>19313</v>
      </c>
      <c r="B2070" s="9" t="s">
        <v>14</v>
      </c>
      <c r="C2070" s="9" t="s">
        <v>9884</v>
      </c>
      <c r="D2070" s="6" t="s">
        <v>9885</v>
      </c>
      <c r="E2070" s="22">
        <v>43942</v>
      </c>
      <c r="F2070" s="22">
        <v>45767</v>
      </c>
      <c r="G2070" s="6" t="s">
        <v>9886</v>
      </c>
      <c r="H2070" s="6" t="s">
        <v>202</v>
      </c>
      <c r="I2070" s="6" t="s">
        <v>2117</v>
      </c>
      <c r="J2070" s="6" t="s">
        <v>9887</v>
      </c>
      <c r="K2070" s="9" t="s">
        <v>9888</v>
      </c>
      <c r="L2070" s="10" t="s">
        <v>22</v>
      </c>
      <c r="M2070" s="10" t="s">
        <v>22</v>
      </c>
      <c r="N2070" s="10" t="s">
        <v>22</v>
      </c>
      <c r="O2070" s="10" t="s">
        <v>22</v>
      </c>
      <c r="P2070" s="10" t="s">
        <v>22</v>
      </c>
      <c r="Q2070" s="10" t="s">
        <v>22</v>
      </c>
      <c r="R2070" s="10" t="s">
        <v>22</v>
      </c>
      <c r="S2070" s="10" t="s">
        <v>22</v>
      </c>
      <c r="T2070" s="10" t="s">
        <v>22</v>
      </c>
      <c r="U2070" s="10" t="s">
        <v>22</v>
      </c>
      <c r="V2070" s="10" t="s">
        <v>22</v>
      </c>
      <c r="W2070" s="10" t="s">
        <v>22</v>
      </c>
      <c r="X2070" s="10" t="s">
        <v>22</v>
      </c>
      <c r="Y2070" s="10" t="s">
        <v>22</v>
      </c>
      <c r="Z2070" s="10" t="s">
        <v>22</v>
      </c>
    </row>
    <row r="2071" spans="1:26" ht="24" customHeight="1" x14ac:dyDescent="0.2">
      <c r="A2071" s="9" t="s">
        <v>19314</v>
      </c>
      <c r="B2071" s="9" t="s">
        <v>14</v>
      </c>
      <c r="C2071" s="9" t="s">
        <v>9889</v>
      </c>
      <c r="D2071" s="6" t="s">
        <v>9890</v>
      </c>
      <c r="E2071" s="22">
        <v>43945</v>
      </c>
      <c r="F2071" s="22">
        <v>45770</v>
      </c>
      <c r="G2071" s="6" t="s">
        <v>9891</v>
      </c>
      <c r="H2071" s="6" t="s">
        <v>363</v>
      </c>
      <c r="I2071" s="6" t="s">
        <v>364</v>
      </c>
      <c r="J2071" s="6" t="s">
        <v>9892</v>
      </c>
      <c r="K2071" s="9" t="s">
        <v>9893</v>
      </c>
      <c r="L2071" s="10" t="s">
        <v>22</v>
      </c>
      <c r="M2071" s="10" t="s">
        <v>22</v>
      </c>
      <c r="N2071" s="10" t="s">
        <v>22</v>
      </c>
      <c r="O2071" s="10" t="s">
        <v>22</v>
      </c>
      <c r="P2071" s="10" t="s">
        <v>22</v>
      </c>
      <c r="Q2071" s="10" t="s">
        <v>22</v>
      </c>
      <c r="R2071" s="10" t="s">
        <v>22</v>
      </c>
      <c r="S2071" s="10" t="s">
        <v>22</v>
      </c>
      <c r="T2071" s="10" t="s">
        <v>22</v>
      </c>
      <c r="U2071" s="10" t="s">
        <v>22</v>
      </c>
      <c r="V2071" s="10" t="s">
        <v>22</v>
      </c>
      <c r="W2071" s="10" t="s">
        <v>22</v>
      </c>
      <c r="X2071" s="10" t="s">
        <v>22</v>
      </c>
      <c r="Y2071" s="10" t="s">
        <v>22</v>
      </c>
      <c r="Z2071" s="10" t="s">
        <v>22</v>
      </c>
    </row>
    <row r="2072" spans="1:26" ht="24" customHeight="1" x14ac:dyDescent="0.2">
      <c r="A2072" s="9" t="s">
        <v>19315</v>
      </c>
      <c r="B2072" s="9" t="s">
        <v>14</v>
      </c>
      <c r="C2072" s="9" t="s">
        <v>9894</v>
      </c>
      <c r="D2072" s="6" t="s">
        <v>9895</v>
      </c>
      <c r="E2072" s="22">
        <v>43949</v>
      </c>
      <c r="F2072" s="22">
        <v>45774</v>
      </c>
      <c r="G2072" s="6" t="s">
        <v>9895</v>
      </c>
      <c r="H2072" s="6" t="s">
        <v>18</v>
      </c>
      <c r="I2072" s="6" t="s">
        <v>19</v>
      </c>
      <c r="J2072" s="6" t="s">
        <v>9896</v>
      </c>
      <c r="K2072" s="9" t="s">
        <v>9897</v>
      </c>
      <c r="L2072" s="10" t="s">
        <v>22</v>
      </c>
      <c r="M2072" s="10" t="s">
        <v>22</v>
      </c>
      <c r="N2072" s="10" t="s">
        <v>22</v>
      </c>
    </row>
    <row r="2073" spans="1:26" ht="24" customHeight="1" x14ac:dyDescent="0.2">
      <c r="A2073" s="9" t="s">
        <v>19316</v>
      </c>
      <c r="B2073" s="9" t="s">
        <v>14</v>
      </c>
      <c r="C2073" s="9" t="s">
        <v>9898</v>
      </c>
      <c r="D2073" s="6" t="s">
        <v>9899</v>
      </c>
      <c r="E2073" s="22">
        <v>43949</v>
      </c>
      <c r="F2073" s="22">
        <v>45774</v>
      </c>
      <c r="G2073" s="6" t="s">
        <v>9900</v>
      </c>
      <c r="H2073" s="6" t="s">
        <v>363</v>
      </c>
      <c r="I2073" s="6" t="s">
        <v>558</v>
      </c>
      <c r="J2073" s="6" t="s">
        <v>9901</v>
      </c>
      <c r="K2073" s="9" t="s">
        <v>9902</v>
      </c>
      <c r="L2073" s="10" t="s">
        <v>22</v>
      </c>
      <c r="M2073" s="10" t="s">
        <v>22</v>
      </c>
      <c r="N2073" s="10" t="s">
        <v>22</v>
      </c>
      <c r="O2073" s="10" t="s">
        <v>22</v>
      </c>
      <c r="P2073" s="10" t="s">
        <v>22</v>
      </c>
      <c r="Q2073" s="10" t="s">
        <v>22</v>
      </c>
      <c r="R2073" s="10" t="s">
        <v>22</v>
      </c>
      <c r="S2073" s="10" t="s">
        <v>22</v>
      </c>
      <c r="T2073" s="10" t="s">
        <v>22</v>
      </c>
      <c r="U2073" s="10" t="s">
        <v>22</v>
      </c>
      <c r="V2073" s="10" t="s">
        <v>22</v>
      </c>
      <c r="W2073" s="10" t="s">
        <v>22</v>
      </c>
      <c r="X2073" s="10" t="s">
        <v>22</v>
      </c>
      <c r="Y2073" s="10" t="s">
        <v>22</v>
      </c>
      <c r="Z2073" s="10" t="s">
        <v>22</v>
      </c>
    </row>
    <row r="2074" spans="1:26" ht="24" customHeight="1" x14ac:dyDescent="0.2">
      <c r="A2074" s="9" t="s">
        <v>19317</v>
      </c>
      <c r="B2074" s="9" t="s">
        <v>14</v>
      </c>
      <c r="C2074" s="9" t="s">
        <v>9903</v>
      </c>
      <c r="D2074" s="6" t="s">
        <v>9904</v>
      </c>
      <c r="E2074" s="22">
        <v>43949</v>
      </c>
      <c r="F2074" s="22">
        <v>45774</v>
      </c>
      <c r="G2074" s="6" t="s">
        <v>9905</v>
      </c>
      <c r="H2074" s="6" t="s">
        <v>202</v>
      </c>
      <c r="I2074" s="6" t="s">
        <v>336</v>
      </c>
      <c r="J2074" s="6" t="s">
        <v>9906</v>
      </c>
      <c r="K2074" s="9" t="s">
        <v>9907</v>
      </c>
      <c r="L2074" s="10" t="s">
        <v>22</v>
      </c>
      <c r="M2074" s="10" t="s">
        <v>22</v>
      </c>
      <c r="N2074" s="10" t="s">
        <v>22</v>
      </c>
      <c r="O2074" s="10" t="s">
        <v>22</v>
      </c>
      <c r="P2074" s="10" t="s">
        <v>22</v>
      </c>
      <c r="Q2074" s="10" t="s">
        <v>22</v>
      </c>
      <c r="R2074" s="10" t="s">
        <v>22</v>
      </c>
      <c r="S2074" s="10" t="s">
        <v>22</v>
      </c>
      <c r="T2074" s="10" t="s">
        <v>22</v>
      </c>
      <c r="U2074" s="10" t="s">
        <v>22</v>
      </c>
      <c r="V2074" s="10" t="s">
        <v>22</v>
      </c>
      <c r="W2074" s="10" t="s">
        <v>22</v>
      </c>
      <c r="X2074" s="10" t="s">
        <v>22</v>
      </c>
      <c r="Y2074" s="10" t="s">
        <v>22</v>
      </c>
      <c r="Z2074" s="10" t="s">
        <v>22</v>
      </c>
    </row>
    <row r="2075" spans="1:26" ht="24" customHeight="1" x14ac:dyDescent="0.2">
      <c r="A2075" s="9" t="s">
        <v>19318</v>
      </c>
      <c r="B2075" s="9" t="s">
        <v>14</v>
      </c>
      <c r="C2075" s="9" t="s">
        <v>9908</v>
      </c>
      <c r="D2075" s="6" t="s">
        <v>9909</v>
      </c>
      <c r="E2075" s="22">
        <v>43949</v>
      </c>
      <c r="F2075" s="22">
        <v>45774</v>
      </c>
      <c r="G2075" s="6" t="s">
        <v>9910</v>
      </c>
      <c r="H2075" s="6" t="s">
        <v>363</v>
      </c>
      <c r="I2075" s="6" t="s">
        <v>558</v>
      </c>
      <c r="J2075" s="6" t="s">
        <v>9911</v>
      </c>
      <c r="K2075" s="9" t="s">
        <v>9912</v>
      </c>
      <c r="L2075" s="10" t="s">
        <v>22</v>
      </c>
      <c r="M2075" s="10" t="s">
        <v>22</v>
      </c>
      <c r="N2075" s="10" t="s">
        <v>22</v>
      </c>
      <c r="O2075" s="10" t="s">
        <v>22</v>
      </c>
      <c r="P2075" s="10" t="s">
        <v>22</v>
      </c>
      <c r="Q2075" s="10" t="s">
        <v>22</v>
      </c>
      <c r="R2075" s="10" t="s">
        <v>22</v>
      </c>
      <c r="S2075" s="10" t="s">
        <v>22</v>
      </c>
      <c r="T2075" s="10" t="s">
        <v>22</v>
      </c>
      <c r="U2075" s="10" t="s">
        <v>22</v>
      </c>
      <c r="V2075" s="10" t="s">
        <v>22</v>
      </c>
      <c r="W2075" s="10" t="s">
        <v>22</v>
      </c>
      <c r="X2075" s="10" t="s">
        <v>22</v>
      </c>
      <c r="Y2075" s="10" t="s">
        <v>22</v>
      </c>
      <c r="Z2075" s="10" t="s">
        <v>22</v>
      </c>
    </row>
    <row r="2076" spans="1:26" ht="24" customHeight="1" x14ac:dyDescent="0.2">
      <c r="A2076" s="9" t="s">
        <v>19319</v>
      </c>
      <c r="B2076" s="9" t="s">
        <v>14</v>
      </c>
      <c r="C2076" s="9" t="s">
        <v>9913</v>
      </c>
      <c r="D2076" s="6" t="s">
        <v>9914</v>
      </c>
      <c r="E2076" s="22">
        <v>43952</v>
      </c>
      <c r="F2076" s="22">
        <v>45777</v>
      </c>
      <c r="G2076" s="6" t="s">
        <v>9915</v>
      </c>
      <c r="H2076" s="6" t="s">
        <v>2368</v>
      </c>
      <c r="I2076" s="6" t="s">
        <v>2699</v>
      </c>
      <c r="J2076" s="6" t="s">
        <v>9916</v>
      </c>
      <c r="K2076" s="9" t="s">
        <v>9917</v>
      </c>
      <c r="L2076" s="10" t="s">
        <v>22</v>
      </c>
      <c r="M2076" s="10" t="s">
        <v>22</v>
      </c>
      <c r="N2076" s="10" t="s">
        <v>22</v>
      </c>
      <c r="O2076" s="10" t="s">
        <v>22</v>
      </c>
      <c r="P2076" s="10" t="s">
        <v>22</v>
      </c>
      <c r="Q2076" s="10" t="s">
        <v>22</v>
      </c>
      <c r="R2076" s="10" t="s">
        <v>22</v>
      </c>
      <c r="S2076" s="10" t="s">
        <v>22</v>
      </c>
      <c r="T2076" s="10" t="s">
        <v>22</v>
      </c>
      <c r="U2076" s="10" t="s">
        <v>22</v>
      </c>
      <c r="V2076" s="10" t="s">
        <v>22</v>
      </c>
      <c r="W2076" s="10" t="s">
        <v>22</v>
      </c>
      <c r="X2076" s="10" t="s">
        <v>22</v>
      </c>
      <c r="Y2076" s="10" t="s">
        <v>22</v>
      </c>
      <c r="Z2076" s="10" t="s">
        <v>22</v>
      </c>
    </row>
    <row r="2077" spans="1:26" ht="24" customHeight="1" x14ac:dyDescent="0.2">
      <c r="A2077" s="9" t="s">
        <v>19320</v>
      </c>
      <c r="B2077" s="9" t="s">
        <v>14</v>
      </c>
      <c r="C2077" s="9" t="s">
        <v>9918</v>
      </c>
      <c r="D2077" s="6" t="s">
        <v>9919</v>
      </c>
      <c r="E2077" s="22">
        <v>43958</v>
      </c>
      <c r="F2077" s="22">
        <v>45783</v>
      </c>
      <c r="G2077" s="6" t="s">
        <v>9920</v>
      </c>
      <c r="H2077" s="6" t="s">
        <v>202</v>
      </c>
      <c r="I2077" s="6" t="s">
        <v>863</v>
      </c>
      <c r="J2077" s="6" t="s">
        <v>9921</v>
      </c>
      <c r="K2077" s="9" t="s">
        <v>9922</v>
      </c>
      <c r="L2077" s="10" t="s">
        <v>22</v>
      </c>
      <c r="M2077" s="10" t="s">
        <v>22</v>
      </c>
      <c r="N2077" s="10" t="s">
        <v>22</v>
      </c>
      <c r="O2077" s="10" t="s">
        <v>22</v>
      </c>
      <c r="P2077" s="10" t="s">
        <v>22</v>
      </c>
      <c r="Q2077" s="10" t="s">
        <v>22</v>
      </c>
      <c r="R2077" s="10" t="s">
        <v>22</v>
      </c>
      <c r="S2077" s="10" t="s">
        <v>22</v>
      </c>
      <c r="T2077" s="10" t="s">
        <v>22</v>
      </c>
      <c r="U2077" s="10" t="s">
        <v>22</v>
      </c>
      <c r="V2077" s="10" t="s">
        <v>22</v>
      </c>
      <c r="W2077" s="10" t="s">
        <v>22</v>
      </c>
      <c r="X2077" s="10" t="s">
        <v>22</v>
      </c>
      <c r="Y2077" s="10" t="s">
        <v>22</v>
      </c>
      <c r="Z2077" s="10" t="s">
        <v>22</v>
      </c>
    </row>
    <row r="2078" spans="1:26" ht="24" customHeight="1" x14ac:dyDescent="0.2">
      <c r="A2078" s="9" t="s">
        <v>19321</v>
      </c>
      <c r="B2078" s="9" t="s">
        <v>14</v>
      </c>
      <c r="C2078" s="9" t="s">
        <v>9923</v>
      </c>
      <c r="D2078" s="6" t="s">
        <v>9924</v>
      </c>
      <c r="E2078" s="22">
        <v>43958</v>
      </c>
      <c r="F2078" s="22">
        <v>45783</v>
      </c>
      <c r="G2078" s="6" t="s">
        <v>9925</v>
      </c>
      <c r="H2078" s="6" t="s">
        <v>18</v>
      </c>
      <c r="I2078" s="6" t="s">
        <v>19</v>
      </c>
      <c r="J2078" s="6" t="s">
        <v>9926</v>
      </c>
      <c r="K2078" s="9" t="s">
        <v>9927</v>
      </c>
      <c r="L2078" s="10" t="s">
        <v>22</v>
      </c>
      <c r="M2078" s="10" t="s">
        <v>22</v>
      </c>
      <c r="N2078" s="10" t="s">
        <v>22</v>
      </c>
      <c r="U2078" s="10" t="s">
        <v>22</v>
      </c>
      <c r="V2078" s="10" t="s">
        <v>22</v>
      </c>
      <c r="W2078" s="10" t="s">
        <v>22</v>
      </c>
    </row>
    <row r="2079" spans="1:26" ht="24" customHeight="1" x14ac:dyDescent="0.2">
      <c r="A2079" s="9" t="s">
        <v>19322</v>
      </c>
      <c r="B2079" s="9" t="s">
        <v>14</v>
      </c>
      <c r="C2079" s="9" t="s">
        <v>9928</v>
      </c>
      <c r="D2079" s="6" t="s">
        <v>9929</v>
      </c>
      <c r="E2079" s="22">
        <v>43964</v>
      </c>
      <c r="F2079" s="22">
        <v>45789</v>
      </c>
      <c r="G2079" s="6" t="s">
        <v>9930</v>
      </c>
      <c r="H2079" s="6" t="s">
        <v>202</v>
      </c>
      <c r="I2079" s="6" t="s">
        <v>1530</v>
      </c>
      <c r="J2079" s="6" t="s">
        <v>9931</v>
      </c>
      <c r="K2079" s="9" t="s">
        <v>9932</v>
      </c>
      <c r="L2079" s="10" t="s">
        <v>22</v>
      </c>
      <c r="M2079" s="10" t="s">
        <v>22</v>
      </c>
      <c r="N2079" s="10" t="s">
        <v>22</v>
      </c>
      <c r="O2079" s="10" t="s">
        <v>22</v>
      </c>
      <c r="P2079" s="10" t="s">
        <v>22</v>
      </c>
      <c r="Q2079" s="10" t="s">
        <v>22</v>
      </c>
      <c r="R2079" s="10" t="s">
        <v>22</v>
      </c>
      <c r="S2079" s="10" t="s">
        <v>22</v>
      </c>
      <c r="T2079" s="10" t="s">
        <v>22</v>
      </c>
      <c r="U2079" s="10" t="s">
        <v>22</v>
      </c>
      <c r="V2079" s="10" t="s">
        <v>22</v>
      </c>
      <c r="W2079" s="10" t="s">
        <v>22</v>
      </c>
      <c r="X2079" s="10" t="s">
        <v>22</v>
      </c>
      <c r="Y2079" s="10" t="s">
        <v>22</v>
      </c>
      <c r="Z2079" s="10" t="s">
        <v>22</v>
      </c>
    </row>
    <row r="2080" spans="1:26" ht="24" customHeight="1" x14ac:dyDescent="0.2">
      <c r="A2080" s="9" t="s">
        <v>19323</v>
      </c>
      <c r="B2080" s="9" t="s">
        <v>14</v>
      </c>
      <c r="C2080" s="9" t="s">
        <v>9933</v>
      </c>
      <c r="D2080" s="6" t="s">
        <v>9934</v>
      </c>
      <c r="E2080" s="22">
        <v>43958</v>
      </c>
      <c r="F2080" s="22">
        <v>45783</v>
      </c>
      <c r="G2080" s="6" t="s">
        <v>9935</v>
      </c>
      <c r="H2080" s="6" t="s">
        <v>202</v>
      </c>
      <c r="I2080" s="6" t="s">
        <v>863</v>
      </c>
      <c r="J2080" s="6" t="s">
        <v>9936</v>
      </c>
      <c r="K2080" s="9" t="s">
        <v>9937</v>
      </c>
      <c r="L2080" s="10" t="s">
        <v>22</v>
      </c>
      <c r="M2080" s="10" t="s">
        <v>22</v>
      </c>
      <c r="N2080" s="10" t="s">
        <v>22</v>
      </c>
      <c r="O2080" s="10" t="s">
        <v>22</v>
      </c>
      <c r="P2080" s="10" t="s">
        <v>22</v>
      </c>
      <c r="Q2080" s="10" t="s">
        <v>22</v>
      </c>
      <c r="U2080" s="10" t="s">
        <v>22</v>
      </c>
      <c r="V2080" s="10" t="s">
        <v>22</v>
      </c>
      <c r="W2080" s="10" t="s">
        <v>22</v>
      </c>
      <c r="X2080" s="10" t="s">
        <v>22</v>
      </c>
      <c r="Y2080" s="10" t="s">
        <v>22</v>
      </c>
      <c r="Z2080" s="10" t="s">
        <v>22</v>
      </c>
    </row>
    <row r="2081" spans="1:26" ht="34.75" customHeight="1" x14ac:dyDescent="0.2">
      <c r="A2081" s="9" t="s">
        <v>19324</v>
      </c>
      <c r="B2081" s="9" t="s">
        <v>14</v>
      </c>
      <c r="C2081" s="9" t="s">
        <v>9938</v>
      </c>
      <c r="D2081" s="6" t="s">
        <v>9939</v>
      </c>
      <c r="E2081" s="22">
        <v>43958</v>
      </c>
      <c r="F2081" s="22">
        <v>45783</v>
      </c>
      <c r="G2081" s="6" t="s">
        <v>9940</v>
      </c>
      <c r="H2081" s="6" t="s">
        <v>18</v>
      </c>
      <c r="I2081" s="6" t="s">
        <v>19</v>
      </c>
      <c r="J2081" s="6" t="s">
        <v>9941</v>
      </c>
      <c r="K2081" s="9" t="s">
        <v>9942</v>
      </c>
      <c r="L2081" s="10" t="s">
        <v>22</v>
      </c>
      <c r="M2081" s="10" t="s">
        <v>22</v>
      </c>
      <c r="N2081" s="10" t="s">
        <v>22</v>
      </c>
      <c r="O2081" s="10" t="s">
        <v>22</v>
      </c>
      <c r="P2081" s="10" t="s">
        <v>22</v>
      </c>
      <c r="Q2081" s="10" t="s">
        <v>22</v>
      </c>
      <c r="R2081" s="10" t="s">
        <v>22</v>
      </c>
      <c r="S2081" s="10" t="s">
        <v>22</v>
      </c>
      <c r="T2081" s="10" t="s">
        <v>22</v>
      </c>
    </row>
    <row r="2082" spans="1:26" ht="24" customHeight="1" x14ac:dyDescent="0.2">
      <c r="A2082" s="9" t="s">
        <v>19325</v>
      </c>
      <c r="B2082" s="9" t="s">
        <v>14</v>
      </c>
      <c r="C2082" s="9" t="s">
        <v>9943</v>
      </c>
      <c r="D2082" s="6" t="s">
        <v>9944</v>
      </c>
      <c r="E2082" s="22">
        <v>43958</v>
      </c>
      <c r="F2082" s="22">
        <v>45783</v>
      </c>
      <c r="G2082" s="6" t="s">
        <v>9945</v>
      </c>
      <c r="H2082" s="6" t="s">
        <v>62</v>
      </c>
      <c r="I2082" s="6" t="s">
        <v>318</v>
      </c>
      <c r="J2082" s="6" t="s">
        <v>9946</v>
      </c>
      <c r="K2082" s="9" t="s">
        <v>9947</v>
      </c>
      <c r="L2082" s="10" t="s">
        <v>22</v>
      </c>
      <c r="M2082" s="10" t="s">
        <v>22</v>
      </c>
      <c r="N2082" s="10" t="s">
        <v>22</v>
      </c>
      <c r="O2082" s="10" t="s">
        <v>22</v>
      </c>
      <c r="P2082" s="10" t="s">
        <v>22</v>
      </c>
      <c r="Q2082" s="10" t="s">
        <v>22</v>
      </c>
      <c r="R2082" s="10" t="s">
        <v>22</v>
      </c>
      <c r="S2082" s="10" t="s">
        <v>22</v>
      </c>
      <c r="T2082" s="10" t="s">
        <v>22</v>
      </c>
      <c r="U2082" s="10" t="s">
        <v>22</v>
      </c>
      <c r="V2082" s="10" t="s">
        <v>22</v>
      </c>
      <c r="W2082" s="10" t="s">
        <v>22</v>
      </c>
      <c r="X2082" s="10" t="s">
        <v>22</v>
      </c>
      <c r="Y2082" s="10" t="s">
        <v>22</v>
      </c>
      <c r="Z2082" s="10" t="s">
        <v>22</v>
      </c>
    </row>
    <row r="2083" spans="1:26" ht="24" customHeight="1" x14ac:dyDescent="0.2">
      <c r="A2083" s="9" t="s">
        <v>19326</v>
      </c>
      <c r="B2083" s="9" t="s">
        <v>14</v>
      </c>
      <c r="C2083" s="9" t="s">
        <v>9948</v>
      </c>
      <c r="D2083" s="6" t="s">
        <v>9949</v>
      </c>
      <c r="E2083" s="22">
        <v>43958</v>
      </c>
      <c r="F2083" s="22">
        <v>45783</v>
      </c>
      <c r="G2083" s="6" t="s">
        <v>9950</v>
      </c>
      <c r="H2083" s="6" t="s">
        <v>363</v>
      </c>
      <c r="I2083" s="6" t="s">
        <v>597</v>
      </c>
      <c r="J2083" s="6" t="s">
        <v>9951</v>
      </c>
      <c r="K2083" s="9" t="s">
        <v>9952</v>
      </c>
      <c r="L2083" s="10" t="s">
        <v>22</v>
      </c>
      <c r="M2083" s="10" t="s">
        <v>22</v>
      </c>
      <c r="N2083" s="10" t="s">
        <v>22</v>
      </c>
      <c r="O2083" s="10" t="s">
        <v>22</v>
      </c>
      <c r="P2083" s="10" t="s">
        <v>22</v>
      </c>
      <c r="Q2083" s="10" t="s">
        <v>22</v>
      </c>
      <c r="R2083" s="10" t="s">
        <v>22</v>
      </c>
      <c r="S2083" s="10" t="s">
        <v>22</v>
      </c>
      <c r="T2083" s="10" t="s">
        <v>22</v>
      </c>
    </row>
    <row r="2084" spans="1:26" ht="24" customHeight="1" x14ac:dyDescent="0.2">
      <c r="A2084" s="9" t="s">
        <v>19327</v>
      </c>
      <c r="B2084" s="9" t="s">
        <v>14</v>
      </c>
      <c r="C2084" s="9" t="s">
        <v>9953</v>
      </c>
      <c r="D2084" s="6" t="s">
        <v>9954</v>
      </c>
      <c r="E2084" s="22">
        <v>43958</v>
      </c>
      <c r="F2084" s="22">
        <v>45783</v>
      </c>
      <c r="G2084" s="6" t="s">
        <v>9955</v>
      </c>
      <c r="H2084" s="6" t="s">
        <v>18</v>
      </c>
      <c r="I2084" s="6" t="s">
        <v>19</v>
      </c>
      <c r="J2084" s="6" t="s">
        <v>9956</v>
      </c>
      <c r="K2084" s="9" t="s">
        <v>9957</v>
      </c>
      <c r="L2084" s="10" t="s">
        <v>22</v>
      </c>
      <c r="M2084" s="10" t="s">
        <v>22</v>
      </c>
      <c r="N2084" s="10" t="s">
        <v>22</v>
      </c>
      <c r="O2084" s="10" t="s">
        <v>22</v>
      </c>
      <c r="P2084" s="10" t="s">
        <v>22</v>
      </c>
      <c r="Q2084" s="10" t="s">
        <v>22</v>
      </c>
      <c r="R2084" s="10" t="s">
        <v>22</v>
      </c>
      <c r="S2084" s="10" t="s">
        <v>22</v>
      </c>
      <c r="T2084" s="10" t="s">
        <v>22</v>
      </c>
      <c r="U2084" s="10" t="s">
        <v>22</v>
      </c>
      <c r="V2084" s="10" t="s">
        <v>22</v>
      </c>
      <c r="W2084" s="10" t="s">
        <v>22</v>
      </c>
      <c r="X2084" s="10" t="s">
        <v>22</v>
      </c>
      <c r="Y2084" s="10" t="s">
        <v>22</v>
      </c>
      <c r="Z2084" s="10" t="s">
        <v>22</v>
      </c>
    </row>
    <row r="2085" spans="1:26" ht="24" customHeight="1" x14ac:dyDescent="0.2">
      <c r="A2085" s="9" t="s">
        <v>19328</v>
      </c>
      <c r="B2085" s="9" t="s">
        <v>14</v>
      </c>
      <c r="C2085" s="9" t="s">
        <v>9958</v>
      </c>
      <c r="D2085" s="6" t="s">
        <v>9959</v>
      </c>
      <c r="E2085" s="22">
        <v>43969</v>
      </c>
      <c r="F2085" s="22">
        <v>45794</v>
      </c>
      <c r="G2085" s="6" t="s">
        <v>9960</v>
      </c>
      <c r="H2085" s="6" t="s">
        <v>62</v>
      </c>
      <c r="I2085" s="6" t="s">
        <v>352</v>
      </c>
      <c r="J2085" s="6" t="s">
        <v>9961</v>
      </c>
      <c r="K2085" s="9" t="s">
        <v>9962</v>
      </c>
      <c r="L2085" s="10" t="s">
        <v>22</v>
      </c>
      <c r="M2085" s="10" t="s">
        <v>22</v>
      </c>
      <c r="N2085" s="10" t="s">
        <v>22</v>
      </c>
      <c r="U2085" s="10" t="s">
        <v>22</v>
      </c>
      <c r="V2085" s="10" t="s">
        <v>22</v>
      </c>
      <c r="W2085" s="10" t="s">
        <v>22</v>
      </c>
    </row>
    <row r="2086" spans="1:26" ht="24" customHeight="1" x14ac:dyDescent="0.2">
      <c r="A2086" s="9" t="s">
        <v>19329</v>
      </c>
      <c r="B2086" s="9" t="s">
        <v>14</v>
      </c>
      <c r="C2086" s="9" t="s">
        <v>9963</v>
      </c>
      <c r="D2086" s="6" t="s">
        <v>9964</v>
      </c>
      <c r="E2086" s="22">
        <v>43964</v>
      </c>
      <c r="F2086" s="22">
        <v>45789</v>
      </c>
      <c r="G2086" s="6" t="s">
        <v>9965</v>
      </c>
      <c r="H2086" s="6" t="s">
        <v>1047</v>
      </c>
      <c r="I2086" s="6" t="s">
        <v>1056</v>
      </c>
      <c r="J2086" s="6" t="s">
        <v>9966</v>
      </c>
      <c r="K2086" s="9" t="s">
        <v>9967</v>
      </c>
      <c r="L2086" s="10" t="s">
        <v>22</v>
      </c>
      <c r="M2086" s="10" t="s">
        <v>22</v>
      </c>
      <c r="N2086" s="10" t="s">
        <v>22</v>
      </c>
      <c r="O2086" s="10" t="s">
        <v>22</v>
      </c>
      <c r="P2086" s="10" t="s">
        <v>22</v>
      </c>
      <c r="Q2086" s="10" t="s">
        <v>22</v>
      </c>
      <c r="S2086" s="10" t="s">
        <v>22</v>
      </c>
      <c r="T2086" s="10" t="s">
        <v>22</v>
      </c>
    </row>
    <row r="2087" spans="1:26" ht="24" customHeight="1" x14ac:dyDescent="0.2">
      <c r="A2087" s="9" t="s">
        <v>19330</v>
      </c>
      <c r="B2087" s="9" t="s">
        <v>14</v>
      </c>
      <c r="C2087" s="9" t="s">
        <v>9968</v>
      </c>
      <c r="D2087" s="6" t="s">
        <v>9969</v>
      </c>
      <c r="E2087" s="22">
        <v>43964</v>
      </c>
      <c r="F2087" s="22">
        <v>45789</v>
      </c>
      <c r="G2087" s="6" t="s">
        <v>9970</v>
      </c>
      <c r="H2087" s="6" t="s">
        <v>62</v>
      </c>
      <c r="I2087" s="6" t="s">
        <v>236</v>
      </c>
      <c r="J2087" s="6" t="s">
        <v>9971</v>
      </c>
      <c r="K2087" s="9" t="s">
        <v>9972</v>
      </c>
      <c r="L2087" s="10" t="s">
        <v>22</v>
      </c>
      <c r="M2087" s="10" t="s">
        <v>22</v>
      </c>
      <c r="N2087" s="10" t="s">
        <v>22</v>
      </c>
      <c r="O2087" s="10" t="s">
        <v>22</v>
      </c>
      <c r="P2087" s="10" t="s">
        <v>22</v>
      </c>
      <c r="Q2087" s="10" t="s">
        <v>22</v>
      </c>
      <c r="R2087" s="10" t="s">
        <v>22</v>
      </c>
      <c r="S2087" s="10" t="s">
        <v>22</v>
      </c>
      <c r="T2087" s="10" t="s">
        <v>22</v>
      </c>
      <c r="U2087" s="10" t="s">
        <v>22</v>
      </c>
      <c r="V2087" s="10" t="s">
        <v>22</v>
      </c>
      <c r="W2087" s="10" t="s">
        <v>22</v>
      </c>
      <c r="X2087" s="10" t="s">
        <v>22</v>
      </c>
      <c r="Y2087" s="10" t="s">
        <v>22</v>
      </c>
      <c r="Z2087" s="10" t="s">
        <v>22</v>
      </c>
    </row>
    <row r="2088" spans="1:26" ht="24" customHeight="1" x14ac:dyDescent="0.2">
      <c r="A2088" s="9" t="s">
        <v>19331</v>
      </c>
      <c r="B2088" s="9" t="s">
        <v>14</v>
      </c>
      <c r="C2088" s="9" t="s">
        <v>9973</v>
      </c>
      <c r="D2088" s="6" t="s">
        <v>9974</v>
      </c>
      <c r="E2088" s="22">
        <v>43969</v>
      </c>
      <c r="F2088" s="22">
        <v>45794</v>
      </c>
      <c r="G2088" s="6" t="s">
        <v>9975</v>
      </c>
      <c r="H2088" s="6" t="s">
        <v>363</v>
      </c>
      <c r="I2088" s="6" t="s">
        <v>5754</v>
      </c>
      <c r="J2088" s="6" t="s">
        <v>9976</v>
      </c>
      <c r="K2088" s="9" t="s">
        <v>9977</v>
      </c>
      <c r="L2088" s="10" t="s">
        <v>22</v>
      </c>
      <c r="M2088" s="10" t="s">
        <v>22</v>
      </c>
      <c r="N2088" s="10" t="s">
        <v>22</v>
      </c>
      <c r="O2088" s="10" t="s">
        <v>22</v>
      </c>
      <c r="P2088" s="10" t="s">
        <v>22</v>
      </c>
      <c r="Q2088" s="10" t="s">
        <v>22</v>
      </c>
      <c r="U2088" s="10" t="s">
        <v>22</v>
      </c>
      <c r="V2088" s="10" t="s">
        <v>22</v>
      </c>
      <c r="W2088" s="10" t="s">
        <v>22</v>
      </c>
      <c r="X2088" s="10" t="s">
        <v>22</v>
      </c>
      <c r="Y2088" s="10" t="s">
        <v>22</v>
      </c>
      <c r="Z2088" s="10" t="s">
        <v>22</v>
      </c>
    </row>
    <row r="2089" spans="1:26" ht="24" customHeight="1" x14ac:dyDescent="0.2">
      <c r="A2089" s="9" t="s">
        <v>19332</v>
      </c>
      <c r="B2089" s="9" t="s">
        <v>14</v>
      </c>
      <c r="C2089" s="9" t="s">
        <v>9978</v>
      </c>
      <c r="D2089" s="6" t="s">
        <v>9979</v>
      </c>
      <c r="E2089" s="22">
        <v>43969</v>
      </c>
      <c r="F2089" s="22">
        <v>45794</v>
      </c>
      <c r="G2089" s="6" t="s">
        <v>9980</v>
      </c>
      <c r="H2089" s="6" t="s">
        <v>62</v>
      </c>
      <c r="I2089" s="6" t="s">
        <v>186</v>
      </c>
      <c r="J2089" s="6" t="s">
        <v>9981</v>
      </c>
      <c r="K2089" s="9" t="s">
        <v>9982</v>
      </c>
      <c r="L2089" s="10" t="s">
        <v>22</v>
      </c>
      <c r="M2089" s="10" t="s">
        <v>22</v>
      </c>
      <c r="N2089" s="10" t="s">
        <v>22</v>
      </c>
      <c r="O2089" s="10" t="s">
        <v>22</v>
      </c>
      <c r="P2089" s="10" t="s">
        <v>22</v>
      </c>
      <c r="Q2089" s="10" t="s">
        <v>22</v>
      </c>
      <c r="R2089" s="10" t="s">
        <v>22</v>
      </c>
      <c r="S2089" s="10" t="s">
        <v>22</v>
      </c>
      <c r="T2089" s="10" t="s">
        <v>22</v>
      </c>
      <c r="U2089" s="10" t="s">
        <v>22</v>
      </c>
      <c r="V2089" s="10" t="s">
        <v>22</v>
      </c>
      <c r="W2089" s="10" t="s">
        <v>22</v>
      </c>
      <c r="X2089" s="10" t="s">
        <v>22</v>
      </c>
      <c r="Y2089" s="10" t="s">
        <v>22</v>
      </c>
      <c r="Z2089" s="10" t="s">
        <v>22</v>
      </c>
    </row>
    <row r="2090" spans="1:26" ht="24" customHeight="1" x14ac:dyDescent="0.2">
      <c r="A2090" s="9" t="s">
        <v>19333</v>
      </c>
      <c r="B2090" s="9" t="s">
        <v>14</v>
      </c>
      <c r="C2090" s="9" t="s">
        <v>9983</v>
      </c>
      <c r="D2090" s="6" t="s">
        <v>9984</v>
      </c>
      <c r="E2090" s="22">
        <v>43969</v>
      </c>
      <c r="F2090" s="22">
        <v>45794</v>
      </c>
      <c r="G2090" s="6" t="s">
        <v>9985</v>
      </c>
      <c r="H2090" s="6" t="s">
        <v>62</v>
      </c>
      <c r="I2090" s="6" t="s">
        <v>994</v>
      </c>
      <c r="J2090" s="6" t="s">
        <v>9986</v>
      </c>
      <c r="K2090" s="9" t="s">
        <v>9987</v>
      </c>
      <c r="L2090" s="10" t="s">
        <v>22</v>
      </c>
      <c r="M2090" s="10" t="s">
        <v>22</v>
      </c>
      <c r="N2090" s="10" t="s">
        <v>22</v>
      </c>
      <c r="O2090" s="10" t="s">
        <v>22</v>
      </c>
      <c r="P2090" s="10" t="s">
        <v>22</v>
      </c>
      <c r="Q2090" s="10" t="s">
        <v>22</v>
      </c>
      <c r="U2090" s="10" t="s">
        <v>22</v>
      </c>
      <c r="V2090" s="10" t="s">
        <v>22</v>
      </c>
      <c r="W2090" s="10" t="s">
        <v>22</v>
      </c>
      <c r="X2090" s="10" t="s">
        <v>22</v>
      </c>
      <c r="Y2090" s="10" t="s">
        <v>22</v>
      </c>
      <c r="Z2090" s="10" t="s">
        <v>22</v>
      </c>
    </row>
    <row r="2091" spans="1:26" ht="24" customHeight="1" x14ac:dyDescent="0.2">
      <c r="A2091" s="9" t="s">
        <v>19334</v>
      </c>
      <c r="B2091" s="9" t="s">
        <v>14</v>
      </c>
      <c r="C2091" s="9" t="s">
        <v>9988</v>
      </c>
      <c r="D2091" s="6" t="s">
        <v>9989</v>
      </c>
      <c r="E2091" s="22">
        <v>43979</v>
      </c>
      <c r="F2091" s="22">
        <v>45804</v>
      </c>
      <c r="G2091" s="6" t="s">
        <v>9990</v>
      </c>
      <c r="H2091" s="6" t="s">
        <v>18</v>
      </c>
      <c r="I2091" s="6" t="s">
        <v>19</v>
      </c>
      <c r="J2091" s="6" t="s">
        <v>9991</v>
      </c>
      <c r="K2091" s="9" t="s">
        <v>9992</v>
      </c>
      <c r="L2091" s="10" t="s">
        <v>22</v>
      </c>
      <c r="N2091" s="10" t="s">
        <v>22</v>
      </c>
      <c r="U2091" s="10" t="s">
        <v>22</v>
      </c>
      <c r="W2091" s="10" t="s">
        <v>22</v>
      </c>
    </row>
    <row r="2092" spans="1:26" ht="24" customHeight="1" x14ac:dyDescent="0.2">
      <c r="A2092" s="9" t="s">
        <v>19335</v>
      </c>
      <c r="B2092" s="9" t="s">
        <v>14</v>
      </c>
      <c r="C2092" s="9" t="s">
        <v>9993</v>
      </c>
      <c r="D2092" s="6" t="s">
        <v>9994</v>
      </c>
      <c r="E2092" s="22">
        <v>43979</v>
      </c>
      <c r="F2092" s="22">
        <v>45804</v>
      </c>
      <c r="G2092" s="6" t="s">
        <v>9995</v>
      </c>
      <c r="H2092" s="6" t="s">
        <v>1625</v>
      </c>
      <c r="I2092" s="6" t="s">
        <v>4540</v>
      </c>
      <c r="J2092" s="6" t="s">
        <v>9996</v>
      </c>
      <c r="K2092" s="9" t="s">
        <v>9997</v>
      </c>
      <c r="L2092" s="10" t="s">
        <v>22</v>
      </c>
      <c r="M2092" s="10" t="s">
        <v>22</v>
      </c>
      <c r="N2092" s="10" t="s">
        <v>22</v>
      </c>
      <c r="O2092" s="10" t="s">
        <v>22</v>
      </c>
      <c r="P2092" s="10" t="s">
        <v>22</v>
      </c>
      <c r="Q2092" s="10" t="s">
        <v>22</v>
      </c>
      <c r="R2092" s="10" t="s">
        <v>22</v>
      </c>
      <c r="S2092" s="10" t="s">
        <v>22</v>
      </c>
      <c r="T2092" s="10" t="s">
        <v>22</v>
      </c>
      <c r="U2092" s="10" t="s">
        <v>22</v>
      </c>
      <c r="V2092" s="10" t="s">
        <v>22</v>
      </c>
      <c r="W2092" s="10" t="s">
        <v>22</v>
      </c>
      <c r="X2092" s="10" t="s">
        <v>22</v>
      </c>
      <c r="Y2092" s="10" t="s">
        <v>22</v>
      </c>
      <c r="Z2092" s="10" t="s">
        <v>22</v>
      </c>
    </row>
    <row r="2093" spans="1:26" ht="24" customHeight="1" x14ac:dyDescent="0.2">
      <c r="A2093" s="9" t="s">
        <v>19336</v>
      </c>
      <c r="B2093" s="9" t="s">
        <v>14</v>
      </c>
      <c r="C2093" s="9" t="s">
        <v>9998</v>
      </c>
      <c r="D2093" s="6" t="s">
        <v>9999</v>
      </c>
      <c r="E2093" s="22">
        <v>43979</v>
      </c>
      <c r="F2093" s="22">
        <v>45804</v>
      </c>
      <c r="G2093" s="6" t="s">
        <v>10000</v>
      </c>
      <c r="H2093" s="6" t="s">
        <v>62</v>
      </c>
      <c r="I2093" s="6" t="s">
        <v>264</v>
      </c>
      <c r="J2093" s="6" t="s">
        <v>10001</v>
      </c>
      <c r="K2093" s="9" t="s">
        <v>10002</v>
      </c>
      <c r="L2093" s="10" t="s">
        <v>22</v>
      </c>
      <c r="M2093" s="10" t="s">
        <v>22</v>
      </c>
      <c r="N2093" s="10" t="s">
        <v>22</v>
      </c>
      <c r="O2093" s="10" t="s">
        <v>22</v>
      </c>
      <c r="P2093" s="10" t="s">
        <v>22</v>
      </c>
      <c r="Q2093" s="10" t="s">
        <v>22</v>
      </c>
      <c r="R2093" s="10" t="s">
        <v>22</v>
      </c>
      <c r="S2093" s="10" t="s">
        <v>22</v>
      </c>
      <c r="T2093" s="10" t="s">
        <v>22</v>
      </c>
      <c r="U2093" s="10" t="s">
        <v>22</v>
      </c>
      <c r="V2093" s="10" t="s">
        <v>22</v>
      </c>
      <c r="W2093" s="10" t="s">
        <v>22</v>
      </c>
      <c r="X2093" s="10" t="s">
        <v>22</v>
      </c>
      <c r="Y2093" s="10" t="s">
        <v>22</v>
      </c>
      <c r="Z2093" s="10" t="s">
        <v>22</v>
      </c>
    </row>
    <row r="2094" spans="1:26" ht="24" customHeight="1" x14ac:dyDescent="0.2">
      <c r="A2094" s="9" t="s">
        <v>19337</v>
      </c>
      <c r="B2094" s="9" t="s">
        <v>14</v>
      </c>
      <c r="C2094" s="9" t="s">
        <v>10003</v>
      </c>
      <c r="D2094" s="6" t="s">
        <v>10004</v>
      </c>
      <c r="E2094" s="22">
        <v>43979</v>
      </c>
      <c r="F2094" s="22">
        <v>45804</v>
      </c>
      <c r="G2094" s="6" t="s">
        <v>10005</v>
      </c>
      <c r="H2094" s="6" t="s">
        <v>62</v>
      </c>
      <c r="I2094" s="6" t="s">
        <v>306</v>
      </c>
      <c r="J2094" s="6" t="s">
        <v>10006</v>
      </c>
      <c r="K2094" s="9" t="s">
        <v>10007</v>
      </c>
      <c r="L2094" s="10" t="s">
        <v>22</v>
      </c>
      <c r="M2094" s="10" t="s">
        <v>22</v>
      </c>
      <c r="N2094" s="10" t="s">
        <v>22</v>
      </c>
      <c r="O2094" s="10" t="s">
        <v>22</v>
      </c>
      <c r="P2094" s="10" t="s">
        <v>22</v>
      </c>
      <c r="Q2094" s="10" t="s">
        <v>22</v>
      </c>
      <c r="U2094" s="10" t="s">
        <v>22</v>
      </c>
      <c r="V2094" s="10" t="s">
        <v>22</v>
      </c>
      <c r="W2094" s="10" t="s">
        <v>22</v>
      </c>
      <c r="X2094" s="10" t="s">
        <v>22</v>
      </c>
      <c r="Y2094" s="10" t="s">
        <v>22</v>
      </c>
      <c r="Z2094" s="10" t="s">
        <v>22</v>
      </c>
    </row>
    <row r="2095" spans="1:26" ht="24" customHeight="1" x14ac:dyDescent="0.2">
      <c r="A2095" s="9" t="s">
        <v>19338</v>
      </c>
      <c r="B2095" s="9" t="s">
        <v>14</v>
      </c>
      <c r="C2095" s="9" t="s">
        <v>10008</v>
      </c>
      <c r="D2095" s="6" t="s">
        <v>10009</v>
      </c>
      <c r="E2095" s="22">
        <v>43979</v>
      </c>
      <c r="F2095" s="22">
        <v>45804</v>
      </c>
      <c r="G2095" s="6" t="s">
        <v>10010</v>
      </c>
      <c r="H2095" s="6" t="s">
        <v>229</v>
      </c>
      <c r="I2095" s="6" t="s">
        <v>4848</v>
      </c>
      <c r="J2095" s="6" t="s">
        <v>10011</v>
      </c>
      <c r="K2095" s="9" t="s">
        <v>10012</v>
      </c>
      <c r="L2095" s="10" t="s">
        <v>22</v>
      </c>
      <c r="M2095" s="10" t="s">
        <v>22</v>
      </c>
      <c r="N2095" s="10" t="s">
        <v>22</v>
      </c>
      <c r="O2095" s="10" t="s">
        <v>22</v>
      </c>
      <c r="P2095" s="10" t="s">
        <v>22</v>
      </c>
      <c r="Q2095" s="10" t="s">
        <v>22</v>
      </c>
      <c r="R2095" s="10" t="s">
        <v>22</v>
      </c>
      <c r="S2095" s="10" t="s">
        <v>22</v>
      </c>
      <c r="T2095" s="10" t="s">
        <v>22</v>
      </c>
      <c r="U2095" s="10" t="s">
        <v>22</v>
      </c>
      <c r="V2095" s="10" t="s">
        <v>22</v>
      </c>
      <c r="W2095" s="10" t="s">
        <v>22</v>
      </c>
      <c r="X2095" s="10" t="s">
        <v>22</v>
      </c>
      <c r="Y2095" s="10" t="s">
        <v>22</v>
      </c>
      <c r="Z2095" s="10" t="s">
        <v>22</v>
      </c>
    </row>
    <row r="2096" spans="1:26" ht="24" customHeight="1" x14ac:dyDescent="0.2">
      <c r="A2096" s="9" t="s">
        <v>19339</v>
      </c>
      <c r="B2096" s="9" t="s">
        <v>14</v>
      </c>
      <c r="C2096" s="9" t="s">
        <v>10013</v>
      </c>
      <c r="D2096" s="6" t="s">
        <v>10014</v>
      </c>
      <c r="E2096" s="22">
        <v>43979</v>
      </c>
      <c r="F2096" s="22">
        <v>45804</v>
      </c>
      <c r="G2096" s="6" t="s">
        <v>10015</v>
      </c>
      <c r="H2096" s="6" t="s">
        <v>62</v>
      </c>
      <c r="I2096" s="6" t="s">
        <v>279</v>
      </c>
      <c r="J2096" s="6" t="s">
        <v>10016</v>
      </c>
      <c r="K2096" s="9" t="s">
        <v>10017</v>
      </c>
      <c r="L2096" s="10" t="s">
        <v>22</v>
      </c>
      <c r="M2096" s="10" t="s">
        <v>22</v>
      </c>
      <c r="N2096" s="10" t="s">
        <v>22</v>
      </c>
      <c r="O2096" s="10" t="s">
        <v>22</v>
      </c>
      <c r="P2096" s="10" t="s">
        <v>22</v>
      </c>
      <c r="Q2096" s="10" t="s">
        <v>22</v>
      </c>
      <c r="R2096" s="10" t="s">
        <v>22</v>
      </c>
      <c r="S2096" s="10" t="s">
        <v>22</v>
      </c>
      <c r="T2096" s="10" t="s">
        <v>22</v>
      </c>
      <c r="U2096" s="10" t="s">
        <v>22</v>
      </c>
      <c r="V2096" s="10" t="s">
        <v>22</v>
      </c>
      <c r="W2096" s="10" t="s">
        <v>22</v>
      </c>
      <c r="X2096" s="10" t="s">
        <v>22</v>
      </c>
      <c r="Y2096" s="10" t="s">
        <v>22</v>
      </c>
      <c r="Z2096" s="10" t="s">
        <v>22</v>
      </c>
    </row>
    <row r="2097" spans="1:26" ht="24" customHeight="1" x14ac:dyDescent="0.2">
      <c r="A2097" s="9" t="s">
        <v>19340</v>
      </c>
      <c r="B2097" s="9" t="s">
        <v>14</v>
      </c>
      <c r="C2097" s="9" t="s">
        <v>10013</v>
      </c>
      <c r="D2097" s="6" t="s">
        <v>10014</v>
      </c>
      <c r="E2097" s="22">
        <v>43979</v>
      </c>
      <c r="F2097" s="22">
        <v>45804</v>
      </c>
      <c r="G2097" s="6" t="s">
        <v>10018</v>
      </c>
      <c r="H2097" s="6" t="s">
        <v>2368</v>
      </c>
      <c r="I2097" s="6" t="s">
        <v>2369</v>
      </c>
      <c r="J2097" s="6" t="s">
        <v>10019</v>
      </c>
      <c r="K2097" s="9" t="s">
        <v>10020</v>
      </c>
      <c r="L2097" s="10" t="s">
        <v>22</v>
      </c>
      <c r="M2097" s="10" t="s">
        <v>22</v>
      </c>
      <c r="N2097" s="10" t="s">
        <v>22</v>
      </c>
      <c r="O2097" s="10" t="s">
        <v>22</v>
      </c>
      <c r="P2097" s="10" t="s">
        <v>22</v>
      </c>
      <c r="Q2097" s="10" t="s">
        <v>22</v>
      </c>
      <c r="R2097" s="10" t="s">
        <v>22</v>
      </c>
      <c r="S2097" s="10" t="s">
        <v>22</v>
      </c>
      <c r="T2097" s="10" t="s">
        <v>22</v>
      </c>
      <c r="U2097" s="10" t="s">
        <v>22</v>
      </c>
      <c r="V2097" s="10" t="s">
        <v>22</v>
      </c>
      <c r="W2097" s="10" t="s">
        <v>22</v>
      </c>
      <c r="X2097" s="10" t="s">
        <v>22</v>
      </c>
      <c r="Y2097" s="10" t="s">
        <v>22</v>
      </c>
      <c r="Z2097" s="10" t="s">
        <v>22</v>
      </c>
    </row>
    <row r="2098" spans="1:26" ht="24" customHeight="1" x14ac:dyDescent="0.2">
      <c r="A2098" s="9" t="s">
        <v>19341</v>
      </c>
      <c r="B2098" s="9" t="s">
        <v>14</v>
      </c>
      <c r="C2098" s="9" t="s">
        <v>10021</v>
      </c>
      <c r="D2098" s="6" t="s">
        <v>10022</v>
      </c>
      <c r="E2098" s="22">
        <v>43980</v>
      </c>
      <c r="F2098" s="22">
        <v>45805</v>
      </c>
      <c r="G2098" s="6" t="s">
        <v>10023</v>
      </c>
      <c r="H2098" s="6" t="s">
        <v>562</v>
      </c>
      <c r="I2098" s="6" t="s">
        <v>10024</v>
      </c>
      <c r="J2098" s="6" t="s">
        <v>10025</v>
      </c>
      <c r="K2098" s="9" t="s">
        <v>10026</v>
      </c>
      <c r="L2098" s="10" t="s">
        <v>22</v>
      </c>
      <c r="M2098" s="10" t="s">
        <v>22</v>
      </c>
      <c r="N2098" s="10" t="s">
        <v>22</v>
      </c>
      <c r="O2098" s="10" t="s">
        <v>22</v>
      </c>
      <c r="P2098" s="10" t="s">
        <v>22</v>
      </c>
      <c r="Q2098" s="10" t="s">
        <v>22</v>
      </c>
      <c r="U2098" s="10" t="s">
        <v>22</v>
      </c>
      <c r="V2098" s="10" t="s">
        <v>22</v>
      </c>
      <c r="W2098" s="10" t="s">
        <v>22</v>
      </c>
      <c r="X2098" s="10" t="s">
        <v>22</v>
      </c>
      <c r="Y2098" s="10" t="s">
        <v>22</v>
      </c>
      <c r="Z2098" s="10" t="s">
        <v>22</v>
      </c>
    </row>
    <row r="2099" spans="1:26" ht="24" customHeight="1" x14ac:dyDescent="0.2">
      <c r="A2099" s="9" t="s">
        <v>19342</v>
      </c>
      <c r="B2099" s="9" t="s">
        <v>14</v>
      </c>
      <c r="C2099" s="9" t="s">
        <v>10027</v>
      </c>
      <c r="D2099" s="6" t="s">
        <v>10028</v>
      </c>
      <c r="E2099" s="22">
        <v>43984</v>
      </c>
      <c r="F2099" s="22">
        <v>45809</v>
      </c>
      <c r="G2099" s="6" t="s">
        <v>10029</v>
      </c>
      <c r="H2099" s="6" t="s">
        <v>62</v>
      </c>
      <c r="I2099" s="6" t="s">
        <v>352</v>
      </c>
      <c r="J2099" s="6" t="s">
        <v>10030</v>
      </c>
      <c r="K2099" s="9" t="s">
        <v>10031</v>
      </c>
      <c r="P2099" s="10" t="s">
        <v>22</v>
      </c>
      <c r="Q2099" s="10" t="s">
        <v>22</v>
      </c>
      <c r="Y2099" s="10" t="s">
        <v>22</v>
      </c>
      <c r="Z2099" s="10" t="s">
        <v>22</v>
      </c>
    </row>
    <row r="2100" spans="1:26" ht="24" customHeight="1" x14ac:dyDescent="0.2">
      <c r="A2100" s="9" t="s">
        <v>19343</v>
      </c>
      <c r="B2100" s="9" t="s">
        <v>14</v>
      </c>
      <c r="C2100" s="9" t="s">
        <v>10032</v>
      </c>
      <c r="D2100" s="6" t="s">
        <v>10033</v>
      </c>
      <c r="E2100" s="22">
        <v>43984</v>
      </c>
      <c r="F2100" s="22">
        <v>45809</v>
      </c>
      <c r="G2100" s="6" t="s">
        <v>10034</v>
      </c>
      <c r="H2100" s="6" t="s">
        <v>62</v>
      </c>
      <c r="I2100" s="6" t="s">
        <v>264</v>
      </c>
      <c r="J2100" s="6" t="s">
        <v>10035</v>
      </c>
      <c r="K2100" s="9" t="s">
        <v>10036</v>
      </c>
      <c r="L2100" s="10" t="s">
        <v>22</v>
      </c>
      <c r="M2100" s="10" t="s">
        <v>22</v>
      </c>
      <c r="N2100" s="10" t="s">
        <v>22</v>
      </c>
      <c r="O2100" s="10" t="s">
        <v>22</v>
      </c>
      <c r="P2100" s="10" t="s">
        <v>22</v>
      </c>
      <c r="Q2100" s="10" t="s">
        <v>22</v>
      </c>
      <c r="U2100" s="10" t="s">
        <v>22</v>
      </c>
      <c r="V2100" s="10" t="s">
        <v>22</v>
      </c>
      <c r="W2100" s="10" t="s">
        <v>22</v>
      </c>
      <c r="X2100" s="10" t="s">
        <v>22</v>
      </c>
      <c r="Y2100" s="10" t="s">
        <v>22</v>
      </c>
      <c r="Z2100" s="10" t="s">
        <v>22</v>
      </c>
    </row>
    <row r="2101" spans="1:26" ht="24" customHeight="1" x14ac:dyDescent="0.2">
      <c r="A2101" s="9" t="s">
        <v>19344</v>
      </c>
      <c r="B2101" s="9" t="s">
        <v>14</v>
      </c>
      <c r="C2101" s="9" t="s">
        <v>10037</v>
      </c>
      <c r="D2101" s="6" t="s">
        <v>10038</v>
      </c>
      <c r="E2101" s="22">
        <v>43984</v>
      </c>
      <c r="F2101" s="22">
        <v>45809</v>
      </c>
      <c r="G2101" s="6" t="s">
        <v>10039</v>
      </c>
      <c r="H2101" s="6" t="s">
        <v>62</v>
      </c>
      <c r="I2101" s="6" t="s">
        <v>994</v>
      </c>
      <c r="J2101" s="6" t="s">
        <v>10040</v>
      </c>
      <c r="K2101" s="9" t="s">
        <v>10041</v>
      </c>
      <c r="L2101" s="10" t="s">
        <v>22</v>
      </c>
      <c r="M2101" s="10" t="s">
        <v>22</v>
      </c>
      <c r="N2101" s="10" t="s">
        <v>22</v>
      </c>
      <c r="O2101" s="10" t="s">
        <v>22</v>
      </c>
      <c r="P2101" s="10" t="s">
        <v>22</v>
      </c>
      <c r="Q2101" s="10" t="s">
        <v>22</v>
      </c>
      <c r="R2101" s="10" t="s">
        <v>22</v>
      </c>
      <c r="S2101" s="10" t="s">
        <v>22</v>
      </c>
      <c r="T2101" s="10" t="s">
        <v>22</v>
      </c>
      <c r="V2101" s="10" t="s">
        <v>22</v>
      </c>
      <c r="W2101" s="10" t="s">
        <v>22</v>
      </c>
    </row>
    <row r="2102" spans="1:26" ht="24" customHeight="1" x14ac:dyDescent="0.2">
      <c r="A2102" s="9" t="s">
        <v>19345</v>
      </c>
      <c r="B2102" s="9" t="s">
        <v>14</v>
      </c>
      <c r="C2102" s="9" t="s">
        <v>10042</v>
      </c>
      <c r="D2102" s="6" t="s">
        <v>10043</v>
      </c>
      <c r="E2102" s="22">
        <v>43991</v>
      </c>
      <c r="F2102" s="22">
        <v>45816</v>
      </c>
      <c r="G2102" s="6" t="s">
        <v>10044</v>
      </c>
      <c r="H2102" s="6" t="s">
        <v>18</v>
      </c>
      <c r="I2102" s="6" t="s">
        <v>26</v>
      </c>
      <c r="J2102" s="6" t="s">
        <v>10045</v>
      </c>
      <c r="K2102" s="9" t="s">
        <v>10046</v>
      </c>
      <c r="L2102" s="10" t="s">
        <v>22</v>
      </c>
      <c r="M2102" s="10" t="s">
        <v>22</v>
      </c>
      <c r="N2102" s="10" t="s">
        <v>22</v>
      </c>
      <c r="O2102" s="10" t="s">
        <v>22</v>
      </c>
      <c r="P2102" s="10" t="s">
        <v>22</v>
      </c>
      <c r="Q2102" s="10" t="s">
        <v>22</v>
      </c>
      <c r="R2102" s="10" t="s">
        <v>22</v>
      </c>
      <c r="S2102" s="10" t="s">
        <v>22</v>
      </c>
      <c r="T2102" s="10" t="s">
        <v>22</v>
      </c>
      <c r="U2102" s="10" t="s">
        <v>22</v>
      </c>
      <c r="V2102" s="10" t="s">
        <v>22</v>
      </c>
      <c r="W2102" s="10" t="s">
        <v>22</v>
      </c>
      <c r="X2102" s="10" t="s">
        <v>22</v>
      </c>
      <c r="Y2102" s="10" t="s">
        <v>22</v>
      </c>
      <c r="Z2102" s="10" t="s">
        <v>22</v>
      </c>
    </row>
    <row r="2103" spans="1:26" ht="24" customHeight="1" x14ac:dyDescent="0.2">
      <c r="A2103" s="9" t="s">
        <v>19346</v>
      </c>
      <c r="B2103" s="9" t="s">
        <v>14</v>
      </c>
      <c r="C2103" s="9" t="s">
        <v>10047</v>
      </c>
      <c r="D2103" s="6" t="s">
        <v>10048</v>
      </c>
      <c r="E2103" s="22">
        <v>43991</v>
      </c>
      <c r="F2103" s="22">
        <v>45816</v>
      </c>
      <c r="G2103" s="6" t="s">
        <v>10049</v>
      </c>
      <c r="H2103" s="6" t="s">
        <v>363</v>
      </c>
      <c r="I2103" s="6" t="s">
        <v>558</v>
      </c>
      <c r="J2103" s="6" t="s">
        <v>10050</v>
      </c>
      <c r="K2103" s="9" t="s">
        <v>10051</v>
      </c>
      <c r="L2103" s="10" t="s">
        <v>22</v>
      </c>
      <c r="M2103" s="10" t="s">
        <v>22</v>
      </c>
      <c r="N2103" s="10" t="s">
        <v>22</v>
      </c>
      <c r="O2103" s="10" t="s">
        <v>22</v>
      </c>
      <c r="P2103" s="10" t="s">
        <v>22</v>
      </c>
      <c r="Q2103" s="10" t="s">
        <v>22</v>
      </c>
      <c r="R2103" s="10" t="s">
        <v>22</v>
      </c>
      <c r="S2103" s="10" t="s">
        <v>22</v>
      </c>
      <c r="T2103" s="10" t="s">
        <v>22</v>
      </c>
      <c r="U2103" s="10" t="s">
        <v>22</v>
      </c>
      <c r="V2103" s="10" t="s">
        <v>22</v>
      </c>
      <c r="W2103" s="10" t="s">
        <v>22</v>
      </c>
      <c r="X2103" s="10" t="s">
        <v>22</v>
      </c>
      <c r="Y2103" s="10" t="s">
        <v>22</v>
      </c>
      <c r="Z2103" s="10" t="s">
        <v>22</v>
      </c>
    </row>
    <row r="2104" spans="1:26" ht="24" customHeight="1" x14ac:dyDescent="0.2">
      <c r="A2104" s="9" t="s">
        <v>19347</v>
      </c>
      <c r="B2104" s="9" t="s">
        <v>14</v>
      </c>
      <c r="C2104" s="9" t="s">
        <v>10052</v>
      </c>
      <c r="D2104" s="6" t="s">
        <v>10053</v>
      </c>
      <c r="E2104" s="22">
        <v>43991</v>
      </c>
      <c r="F2104" s="22">
        <v>45816</v>
      </c>
      <c r="G2104" s="6" t="s">
        <v>10054</v>
      </c>
      <c r="H2104" s="6" t="s">
        <v>202</v>
      </c>
      <c r="I2104" s="6" t="s">
        <v>203</v>
      </c>
      <c r="J2104" s="6" t="s">
        <v>10055</v>
      </c>
      <c r="K2104" s="9" t="s">
        <v>10056</v>
      </c>
      <c r="L2104" s="10" t="s">
        <v>22</v>
      </c>
      <c r="M2104" s="10" t="s">
        <v>22</v>
      </c>
      <c r="N2104" s="10" t="s">
        <v>22</v>
      </c>
      <c r="U2104" s="10" t="s">
        <v>22</v>
      </c>
      <c r="V2104" s="10" t="s">
        <v>22</v>
      </c>
      <c r="W2104" s="10" t="s">
        <v>22</v>
      </c>
    </row>
    <row r="2105" spans="1:26" ht="24" customHeight="1" x14ac:dyDescent="0.2">
      <c r="A2105" s="9" t="s">
        <v>19348</v>
      </c>
      <c r="B2105" s="9" t="s">
        <v>14</v>
      </c>
      <c r="C2105" s="9" t="s">
        <v>10057</v>
      </c>
      <c r="D2105" s="6" t="s">
        <v>10058</v>
      </c>
      <c r="E2105" s="22">
        <v>43991</v>
      </c>
      <c r="F2105" s="22">
        <v>45816</v>
      </c>
      <c r="G2105" s="6" t="s">
        <v>10059</v>
      </c>
      <c r="H2105" s="6" t="s">
        <v>18</v>
      </c>
      <c r="I2105" s="6" t="s">
        <v>19</v>
      </c>
      <c r="J2105" s="6" t="s">
        <v>10060</v>
      </c>
      <c r="K2105" s="9" t="s">
        <v>10061</v>
      </c>
      <c r="L2105" s="10" t="s">
        <v>22</v>
      </c>
      <c r="M2105" s="10" t="s">
        <v>22</v>
      </c>
      <c r="N2105" s="10" t="s">
        <v>22</v>
      </c>
      <c r="O2105" s="10" t="s">
        <v>22</v>
      </c>
      <c r="P2105" s="10" t="s">
        <v>22</v>
      </c>
      <c r="Q2105" s="10" t="s">
        <v>22</v>
      </c>
      <c r="R2105" s="10" t="s">
        <v>22</v>
      </c>
      <c r="S2105" s="10" t="s">
        <v>22</v>
      </c>
      <c r="T2105" s="10" t="s">
        <v>22</v>
      </c>
      <c r="U2105" s="10" t="s">
        <v>22</v>
      </c>
      <c r="V2105" s="10" t="s">
        <v>22</v>
      </c>
      <c r="W2105" s="10" t="s">
        <v>22</v>
      </c>
      <c r="X2105" s="10" t="s">
        <v>22</v>
      </c>
      <c r="Y2105" s="10" t="s">
        <v>22</v>
      </c>
      <c r="Z2105" s="10" t="s">
        <v>22</v>
      </c>
    </row>
    <row r="2106" spans="1:26" ht="24" customHeight="1" x14ac:dyDescent="0.2">
      <c r="A2106" s="9" t="s">
        <v>19349</v>
      </c>
      <c r="B2106" s="9" t="s">
        <v>14</v>
      </c>
      <c r="C2106" s="9" t="s">
        <v>10062</v>
      </c>
      <c r="D2106" s="6" t="s">
        <v>10063</v>
      </c>
      <c r="E2106" s="22">
        <v>43994</v>
      </c>
      <c r="F2106" s="22">
        <v>45819</v>
      </c>
      <c r="G2106" s="6" t="s">
        <v>10064</v>
      </c>
      <c r="H2106" s="6" t="s">
        <v>18</v>
      </c>
      <c r="I2106" s="6" t="s">
        <v>26</v>
      </c>
      <c r="J2106" s="6" t="s">
        <v>10065</v>
      </c>
      <c r="K2106" s="9" t="s">
        <v>10066</v>
      </c>
      <c r="L2106" s="10" t="s">
        <v>22</v>
      </c>
      <c r="M2106" s="10" t="s">
        <v>22</v>
      </c>
      <c r="N2106" s="10" t="s">
        <v>22</v>
      </c>
      <c r="O2106" s="10" t="s">
        <v>22</v>
      </c>
      <c r="P2106" s="10" t="s">
        <v>22</v>
      </c>
      <c r="Q2106" s="10" t="s">
        <v>22</v>
      </c>
      <c r="R2106" s="10" t="s">
        <v>22</v>
      </c>
      <c r="S2106" s="10" t="s">
        <v>22</v>
      </c>
      <c r="T2106" s="10" t="s">
        <v>22</v>
      </c>
      <c r="U2106" s="10" t="s">
        <v>22</v>
      </c>
      <c r="V2106" s="10" t="s">
        <v>22</v>
      </c>
      <c r="W2106" s="10" t="s">
        <v>22</v>
      </c>
      <c r="X2106" s="10" t="s">
        <v>22</v>
      </c>
      <c r="Y2106" s="10" t="s">
        <v>22</v>
      </c>
      <c r="Z2106" s="10" t="s">
        <v>22</v>
      </c>
    </row>
    <row r="2107" spans="1:26" ht="24" customHeight="1" x14ac:dyDescent="0.2">
      <c r="A2107" s="9" t="s">
        <v>19350</v>
      </c>
      <c r="B2107" s="9" t="s">
        <v>14</v>
      </c>
      <c r="C2107" s="9" t="s">
        <v>10067</v>
      </c>
      <c r="D2107" s="6" t="s">
        <v>10068</v>
      </c>
      <c r="E2107" s="22">
        <v>43994</v>
      </c>
      <c r="F2107" s="22">
        <v>45819</v>
      </c>
      <c r="G2107" s="6" t="s">
        <v>10069</v>
      </c>
      <c r="H2107" s="6" t="s">
        <v>202</v>
      </c>
      <c r="I2107" s="6" t="s">
        <v>5138</v>
      </c>
      <c r="J2107" s="6" t="s">
        <v>10070</v>
      </c>
      <c r="K2107" s="9" t="s">
        <v>10071</v>
      </c>
      <c r="L2107" s="10" t="s">
        <v>22</v>
      </c>
      <c r="M2107" s="10" t="s">
        <v>22</v>
      </c>
      <c r="N2107" s="10" t="s">
        <v>22</v>
      </c>
      <c r="O2107" s="10" t="s">
        <v>22</v>
      </c>
      <c r="P2107" s="10" t="s">
        <v>22</v>
      </c>
      <c r="Q2107" s="10" t="s">
        <v>22</v>
      </c>
      <c r="R2107" s="10" t="s">
        <v>22</v>
      </c>
      <c r="S2107" s="10" t="s">
        <v>22</v>
      </c>
      <c r="T2107" s="10" t="s">
        <v>22</v>
      </c>
      <c r="U2107" s="10" t="s">
        <v>22</v>
      </c>
      <c r="V2107" s="10" t="s">
        <v>22</v>
      </c>
      <c r="W2107" s="10" t="s">
        <v>22</v>
      </c>
      <c r="X2107" s="10" t="s">
        <v>22</v>
      </c>
      <c r="Y2107" s="10" t="s">
        <v>22</v>
      </c>
      <c r="Z2107" s="10" t="s">
        <v>22</v>
      </c>
    </row>
    <row r="2108" spans="1:26" ht="24" customHeight="1" x14ac:dyDescent="0.2">
      <c r="A2108" s="9" t="s">
        <v>19351</v>
      </c>
      <c r="B2108" s="9" t="s">
        <v>14</v>
      </c>
      <c r="C2108" s="9" t="s">
        <v>10072</v>
      </c>
      <c r="D2108" s="6" t="s">
        <v>10073</v>
      </c>
      <c r="E2108" s="22">
        <v>44000</v>
      </c>
      <c r="F2108" s="22">
        <v>45825</v>
      </c>
      <c r="G2108" s="6" t="s">
        <v>10074</v>
      </c>
      <c r="H2108" s="6" t="s">
        <v>62</v>
      </c>
      <c r="I2108" s="6" t="s">
        <v>306</v>
      </c>
      <c r="J2108" s="6" t="s">
        <v>10075</v>
      </c>
      <c r="K2108" s="9" t="s">
        <v>10076</v>
      </c>
      <c r="L2108" s="10" t="s">
        <v>22</v>
      </c>
      <c r="M2108" s="10" t="s">
        <v>22</v>
      </c>
      <c r="N2108" s="10" t="s">
        <v>22</v>
      </c>
      <c r="O2108" s="10" t="s">
        <v>22</v>
      </c>
      <c r="P2108" s="10" t="s">
        <v>22</v>
      </c>
      <c r="Q2108" s="10" t="s">
        <v>22</v>
      </c>
      <c r="U2108" s="10" t="s">
        <v>22</v>
      </c>
      <c r="V2108" s="10" t="s">
        <v>22</v>
      </c>
      <c r="W2108" s="10" t="s">
        <v>22</v>
      </c>
      <c r="X2108" s="10" t="s">
        <v>22</v>
      </c>
      <c r="Y2108" s="10" t="s">
        <v>22</v>
      </c>
      <c r="Z2108" s="10" t="s">
        <v>22</v>
      </c>
    </row>
    <row r="2109" spans="1:26" ht="24" customHeight="1" x14ac:dyDescent="0.2">
      <c r="A2109" s="9" t="s">
        <v>19352</v>
      </c>
      <c r="B2109" s="9" t="s">
        <v>14</v>
      </c>
      <c r="C2109" s="9" t="s">
        <v>10077</v>
      </c>
      <c r="D2109" s="6" t="s">
        <v>10078</v>
      </c>
      <c r="E2109" s="22">
        <v>44000</v>
      </c>
      <c r="F2109" s="22">
        <v>45825</v>
      </c>
      <c r="G2109" s="6" t="s">
        <v>10079</v>
      </c>
      <c r="H2109" s="6" t="s">
        <v>202</v>
      </c>
      <c r="I2109" s="6" t="s">
        <v>5223</v>
      </c>
      <c r="J2109" s="6" t="s">
        <v>10080</v>
      </c>
      <c r="K2109" s="9" t="s">
        <v>10081</v>
      </c>
      <c r="L2109" s="10" t="s">
        <v>22</v>
      </c>
      <c r="M2109" s="10" t="s">
        <v>22</v>
      </c>
      <c r="N2109" s="10" t="s">
        <v>22</v>
      </c>
      <c r="O2109" s="10" t="s">
        <v>22</v>
      </c>
      <c r="P2109" s="10" t="s">
        <v>22</v>
      </c>
      <c r="Q2109" s="10" t="s">
        <v>22</v>
      </c>
      <c r="R2109" s="10" t="s">
        <v>22</v>
      </c>
      <c r="S2109" s="10" t="s">
        <v>22</v>
      </c>
      <c r="T2109" s="10" t="s">
        <v>22</v>
      </c>
      <c r="U2109" s="10" t="s">
        <v>22</v>
      </c>
      <c r="V2109" s="10" t="s">
        <v>22</v>
      </c>
      <c r="W2109" s="10" t="s">
        <v>22</v>
      </c>
      <c r="X2109" s="10" t="s">
        <v>22</v>
      </c>
      <c r="Y2109" s="10" t="s">
        <v>22</v>
      </c>
      <c r="Z2109" s="10" t="s">
        <v>22</v>
      </c>
    </row>
    <row r="2110" spans="1:26" ht="24" customHeight="1" x14ac:dyDescent="0.2">
      <c r="A2110" s="9" t="s">
        <v>19353</v>
      </c>
      <c r="B2110" s="9" t="s">
        <v>14</v>
      </c>
      <c r="C2110" s="9" t="s">
        <v>10082</v>
      </c>
      <c r="D2110" s="6" t="s">
        <v>10083</v>
      </c>
      <c r="E2110" s="22">
        <v>44000</v>
      </c>
      <c r="F2110" s="22">
        <v>45825</v>
      </c>
      <c r="G2110" s="6" t="s">
        <v>10084</v>
      </c>
      <c r="H2110" s="6" t="s">
        <v>363</v>
      </c>
      <c r="I2110" s="6" t="s">
        <v>597</v>
      </c>
      <c r="J2110" s="6" t="s">
        <v>10085</v>
      </c>
      <c r="K2110" s="9" t="s">
        <v>10086</v>
      </c>
      <c r="L2110" s="10" t="s">
        <v>22</v>
      </c>
      <c r="M2110" s="10" t="s">
        <v>22</v>
      </c>
      <c r="N2110" s="10" t="s">
        <v>22</v>
      </c>
      <c r="O2110" s="10" t="s">
        <v>22</v>
      </c>
      <c r="P2110" s="10" t="s">
        <v>22</v>
      </c>
      <c r="Q2110" s="10" t="s">
        <v>22</v>
      </c>
      <c r="R2110" s="10" t="s">
        <v>22</v>
      </c>
      <c r="S2110" s="10" t="s">
        <v>22</v>
      </c>
      <c r="T2110" s="10" t="s">
        <v>22</v>
      </c>
      <c r="U2110" s="10" t="s">
        <v>22</v>
      </c>
      <c r="V2110" s="10" t="s">
        <v>22</v>
      </c>
      <c r="W2110" s="10" t="s">
        <v>22</v>
      </c>
      <c r="X2110" s="10" t="s">
        <v>22</v>
      </c>
      <c r="Y2110" s="10" t="s">
        <v>22</v>
      </c>
      <c r="Z2110" s="10" t="s">
        <v>22</v>
      </c>
    </row>
    <row r="2111" spans="1:26" ht="24" customHeight="1" x14ac:dyDescent="0.2">
      <c r="A2111" s="9" t="s">
        <v>19354</v>
      </c>
      <c r="B2111" s="9" t="s">
        <v>14</v>
      </c>
      <c r="C2111" s="9" t="s">
        <v>10087</v>
      </c>
      <c r="D2111" s="6" t="s">
        <v>10088</v>
      </c>
      <c r="E2111" s="22">
        <v>44000</v>
      </c>
      <c r="F2111" s="22">
        <v>45825</v>
      </c>
      <c r="G2111" s="6" t="s">
        <v>10089</v>
      </c>
      <c r="H2111" s="6" t="s">
        <v>62</v>
      </c>
      <c r="I2111" s="6" t="s">
        <v>279</v>
      </c>
      <c r="J2111" s="6" t="s">
        <v>10090</v>
      </c>
      <c r="K2111" s="9" t="s">
        <v>10091</v>
      </c>
      <c r="L2111" s="10" t="s">
        <v>22</v>
      </c>
      <c r="M2111" s="10" t="s">
        <v>22</v>
      </c>
      <c r="N2111" s="10" t="s">
        <v>22</v>
      </c>
      <c r="O2111" s="10" t="s">
        <v>22</v>
      </c>
      <c r="P2111" s="10" t="s">
        <v>22</v>
      </c>
      <c r="Q2111" s="10" t="s">
        <v>22</v>
      </c>
      <c r="R2111" s="10" t="s">
        <v>22</v>
      </c>
      <c r="S2111" s="10" t="s">
        <v>22</v>
      </c>
      <c r="T2111" s="10" t="s">
        <v>22</v>
      </c>
      <c r="U2111" s="10" t="s">
        <v>22</v>
      </c>
      <c r="V2111" s="10" t="s">
        <v>22</v>
      </c>
      <c r="W2111" s="10" t="s">
        <v>22</v>
      </c>
      <c r="X2111" s="10" t="s">
        <v>22</v>
      </c>
      <c r="Y2111" s="10" t="s">
        <v>22</v>
      </c>
      <c r="Z2111" s="10" t="s">
        <v>22</v>
      </c>
    </row>
    <row r="2112" spans="1:26" ht="24" customHeight="1" x14ac:dyDescent="0.2">
      <c r="A2112" s="9" t="s">
        <v>19355</v>
      </c>
      <c r="B2112" s="9" t="s">
        <v>14</v>
      </c>
      <c r="C2112" s="9" t="s">
        <v>10092</v>
      </c>
      <c r="D2112" s="6" t="s">
        <v>10093</v>
      </c>
      <c r="E2112" s="22">
        <v>44000</v>
      </c>
      <c r="F2112" s="22">
        <v>45825</v>
      </c>
      <c r="G2112" s="6" t="s">
        <v>10094</v>
      </c>
      <c r="H2112" s="6" t="s">
        <v>62</v>
      </c>
      <c r="I2112" s="6" t="s">
        <v>186</v>
      </c>
      <c r="J2112" s="6" t="s">
        <v>10095</v>
      </c>
      <c r="K2112" s="9" t="s">
        <v>10096</v>
      </c>
      <c r="L2112" s="10" t="s">
        <v>22</v>
      </c>
      <c r="M2112" s="10" t="s">
        <v>22</v>
      </c>
      <c r="N2112" s="10" t="s">
        <v>22</v>
      </c>
      <c r="O2112" s="10" t="s">
        <v>22</v>
      </c>
      <c r="P2112" s="10" t="s">
        <v>22</v>
      </c>
      <c r="Q2112" s="10" t="s">
        <v>22</v>
      </c>
      <c r="U2112" s="10" t="s">
        <v>22</v>
      </c>
      <c r="V2112" s="10" t="s">
        <v>22</v>
      </c>
      <c r="W2112" s="10" t="s">
        <v>22</v>
      </c>
      <c r="X2112" s="10" t="s">
        <v>22</v>
      </c>
      <c r="Y2112" s="10" t="s">
        <v>22</v>
      </c>
      <c r="Z2112" s="10" t="s">
        <v>22</v>
      </c>
    </row>
    <row r="2113" spans="1:26" ht="24" customHeight="1" x14ac:dyDescent="0.2">
      <c r="A2113" s="9" t="s">
        <v>19356</v>
      </c>
      <c r="B2113" s="9" t="s">
        <v>14</v>
      </c>
      <c r="C2113" s="9" t="s">
        <v>10097</v>
      </c>
      <c r="D2113" s="6" t="s">
        <v>10098</v>
      </c>
      <c r="E2113" s="22">
        <v>44000</v>
      </c>
      <c r="F2113" s="22">
        <v>45825</v>
      </c>
      <c r="G2113" s="6" t="s">
        <v>10099</v>
      </c>
      <c r="H2113" s="6" t="s">
        <v>62</v>
      </c>
      <c r="I2113" s="6" t="s">
        <v>1141</v>
      </c>
      <c r="J2113" s="6" t="s">
        <v>10100</v>
      </c>
      <c r="K2113" s="9" t="s">
        <v>10101</v>
      </c>
      <c r="L2113" s="10" t="s">
        <v>22</v>
      </c>
      <c r="M2113" s="10" t="s">
        <v>22</v>
      </c>
      <c r="N2113" s="10" t="s">
        <v>22</v>
      </c>
      <c r="O2113" s="10" t="s">
        <v>22</v>
      </c>
      <c r="P2113" s="10" t="s">
        <v>22</v>
      </c>
      <c r="Q2113" s="10" t="s">
        <v>22</v>
      </c>
      <c r="U2113" s="10" t="s">
        <v>22</v>
      </c>
      <c r="V2113" s="10" t="s">
        <v>22</v>
      </c>
      <c r="W2113" s="10" t="s">
        <v>22</v>
      </c>
      <c r="X2113" s="10" t="s">
        <v>22</v>
      </c>
      <c r="Y2113" s="10" t="s">
        <v>22</v>
      </c>
      <c r="Z2113" s="10" t="s">
        <v>22</v>
      </c>
    </row>
    <row r="2114" spans="1:26" ht="24" customHeight="1" x14ac:dyDescent="0.2">
      <c r="A2114" s="9" t="s">
        <v>19357</v>
      </c>
      <c r="B2114" s="9" t="s">
        <v>14</v>
      </c>
      <c r="C2114" s="9" t="s">
        <v>10102</v>
      </c>
      <c r="D2114" s="6" t="s">
        <v>10103</v>
      </c>
      <c r="E2114" s="22">
        <v>44000</v>
      </c>
      <c r="F2114" s="22">
        <v>45825</v>
      </c>
      <c r="G2114" s="6" t="s">
        <v>10104</v>
      </c>
      <c r="H2114" s="6" t="s">
        <v>202</v>
      </c>
      <c r="I2114" s="6" t="s">
        <v>1707</v>
      </c>
      <c r="J2114" s="6" t="s">
        <v>10105</v>
      </c>
      <c r="K2114" s="9" t="s">
        <v>10106</v>
      </c>
      <c r="L2114" s="10" t="s">
        <v>22</v>
      </c>
      <c r="M2114" s="10" t="s">
        <v>22</v>
      </c>
      <c r="N2114" s="10" t="s">
        <v>22</v>
      </c>
      <c r="O2114" s="10" t="s">
        <v>22</v>
      </c>
      <c r="P2114" s="10" t="s">
        <v>22</v>
      </c>
      <c r="Q2114" s="10" t="s">
        <v>22</v>
      </c>
      <c r="R2114" s="10" t="s">
        <v>22</v>
      </c>
      <c r="S2114" s="10" t="s">
        <v>22</v>
      </c>
      <c r="T2114" s="10" t="s">
        <v>22</v>
      </c>
      <c r="U2114" s="10" t="s">
        <v>22</v>
      </c>
      <c r="V2114" s="10" t="s">
        <v>22</v>
      </c>
      <c r="W2114" s="10" t="s">
        <v>22</v>
      </c>
      <c r="X2114" s="10" t="s">
        <v>22</v>
      </c>
      <c r="Y2114" s="10" t="s">
        <v>22</v>
      </c>
      <c r="Z2114" s="10" t="s">
        <v>22</v>
      </c>
    </row>
    <row r="2115" spans="1:26" ht="24" customHeight="1" x14ac:dyDescent="0.2">
      <c r="A2115" s="9" t="s">
        <v>19358</v>
      </c>
      <c r="B2115" s="9" t="s">
        <v>14</v>
      </c>
      <c r="C2115" s="9" t="s">
        <v>10107</v>
      </c>
      <c r="D2115" s="6" t="s">
        <v>10108</v>
      </c>
      <c r="E2115" s="22">
        <v>44000</v>
      </c>
      <c r="F2115" s="22">
        <v>45825</v>
      </c>
      <c r="G2115" s="6" t="s">
        <v>10109</v>
      </c>
      <c r="H2115" s="6" t="s">
        <v>62</v>
      </c>
      <c r="I2115" s="6" t="s">
        <v>493</v>
      </c>
      <c r="J2115" s="6" t="s">
        <v>10110</v>
      </c>
      <c r="K2115" s="9" t="s">
        <v>10111</v>
      </c>
      <c r="L2115" s="10" t="s">
        <v>22</v>
      </c>
      <c r="M2115" s="10" t="s">
        <v>22</v>
      </c>
      <c r="N2115" s="10" t="s">
        <v>22</v>
      </c>
      <c r="O2115" s="10" t="s">
        <v>22</v>
      </c>
      <c r="P2115" s="10" t="s">
        <v>22</v>
      </c>
      <c r="Q2115" s="10" t="s">
        <v>22</v>
      </c>
      <c r="R2115" s="10" t="s">
        <v>22</v>
      </c>
      <c r="S2115" s="10" t="s">
        <v>22</v>
      </c>
      <c r="T2115" s="10" t="s">
        <v>22</v>
      </c>
      <c r="U2115" s="10" t="s">
        <v>22</v>
      </c>
      <c r="V2115" s="10" t="s">
        <v>22</v>
      </c>
      <c r="W2115" s="10" t="s">
        <v>22</v>
      </c>
      <c r="X2115" s="10" t="s">
        <v>22</v>
      </c>
      <c r="Y2115" s="10" t="s">
        <v>22</v>
      </c>
      <c r="Z2115" s="10" t="s">
        <v>22</v>
      </c>
    </row>
    <row r="2116" spans="1:26" ht="24" customHeight="1" x14ac:dyDescent="0.2">
      <c r="A2116" s="9" t="s">
        <v>19359</v>
      </c>
      <c r="B2116" s="9" t="s">
        <v>14</v>
      </c>
      <c r="C2116" s="9" t="s">
        <v>10112</v>
      </c>
      <c r="D2116" s="6" t="s">
        <v>10113</v>
      </c>
      <c r="E2116" s="22">
        <v>44000</v>
      </c>
      <c r="F2116" s="22">
        <v>45825</v>
      </c>
      <c r="G2116" s="6" t="s">
        <v>10114</v>
      </c>
      <c r="H2116" s="6" t="s">
        <v>2029</v>
      </c>
      <c r="I2116" s="6" t="s">
        <v>3395</v>
      </c>
      <c r="J2116" s="6" t="s">
        <v>10115</v>
      </c>
      <c r="K2116" s="9" t="s">
        <v>10116</v>
      </c>
      <c r="L2116" s="10" t="s">
        <v>22</v>
      </c>
      <c r="M2116" s="10" t="s">
        <v>22</v>
      </c>
      <c r="N2116" s="10" t="s">
        <v>22</v>
      </c>
      <c r="O2116" s="10" t="s">
        <v>22</v>
      </c>
      <c r="P2116" s="10" t="s">
        <v>22</v>
      </c>
      <c r="Q2116" s="10" t="s">
        <v>22</v>
      </c>
      <c r="R2116" s="10" t="s">
        <v>22</v>
      </c>
      <c r="S2116" s="10" t="s">
        <v>22</v>
      </c>
      <c r="T2116" s="10" t="s">
        <v>22</v>
      </c>
      <c r="U2116" s="10" t="s">
        <v>22</v>
      </c>
      <c r="V2116" s="10" t="s">
        <v>22</v>
      </c>
      <c r="W2116" s="10" t="s">
        <v>22</v>
      </c>
      <c r="X2116" s="10" t="s">
        <v>22</v>
      </c>
      <c r="Y2116" s="10" t="s">
        <v>22</v>
      </c>
      <c r="Z2116" s="10" t="s">
        <v>22</v>
      </c>
    </row>
    <row r="2117" spans="1:26" ht="24" customHeight="1" x14ac:dyDescent="0.2">
      <c r="A2117" s="9" t="s">
        <v>19360</v>
      </c>
      <c r="B2117" s="9" t="s">
        <v>14</v>
      </c>
      <c r="C2117" s="9" t="s">
        <v>10117</v>
      </c>
      <c r="D2117" s="6" t="s">
        <v>10118</v>
      </c>
      <c r="E2117" s="22">
        <v>44000</v>
      </c>
      <c r="F2117" s="22">
        <v>45825</v>
      </c>
      <c r="G2117" s="6" t="s">
        <v>10119</v>
      </c>
      <c r="H2117" s="6" t="s">
        <v>18</v>
      </c>
      <c r="I2117" s="6" t="s">
        <v>26</v>
      </c>
      <c r="J2117" s="6" t="s">
        <v>10120</v>
      </c>
      <c r="K2117" s="9" t="s">
        <v>10121</v>
      </c>
      <c r="L2117" s="10" t="s">
        <v>22</v>
      </c>
      <c r="M2117" s="10" t="s">
        <v>22</v>
      </c>
      <c r="N2117" s="10" t="s">
        <v>22</v>
      </c>
      <c r="U2117" s="10" t="s">
        <v>22</v>
      </c>
      <c r="V2117" s="10" t="s">
        <v>22</v>
      </c>
      <c r="W2117" s="10" t="s">
        <v>22</v>
      </c>
    </row>
    <row r="2118" spans="1:26" ht="24" customHeight="1" x14ac:dyDescent="0.2">
      <c r="A2118" s="9" t="s">
        <v>19361</v>
      </c>
      <c r="B2118" s="9" t="s">
        <v>14</v>
      </c>
      <c r="C2118" s="9" t="s">
        <v>10122</v>
      </c>
      <c r="D2118" s="6" t="s">
        <v>10123</v>
      </c>
      <c r="E2118" s="22">
        <v>44000</v>
      </c>
      <c r="F2118" s="22">
        <v>45825</v>
      </c>
      <c r="G2118" s="6" t="s">
        <v>10124</v>
      </c>
      <c r="H2118" s="6" t="s">
        <v>62</v>
      </c>
      <c r="I2118" s="6" t="s">
        <v>1186</v>
      </c>
      <c r="J2118" s="6" t="s">
        <v>10125</v>
      </c>
      <c r="K2118" s="9" t="s">
        <v>10126</v>
      </c>
      <c r="L2118" s="10" t="s">
        <v>22</v>
      </c>
      <c r="M2118" s="10" t="s">
        <v>22</v>
      </c>
      <c r="N2118" s="10" t="s">
        <v>22</v>
      </c>
      <c r="O2118" s="10" t="s">
        <v>22</v>
      </c>
      <c r="P2118" s="10" t="s">
        <v>22</v>
      </c>
      <c r="Q2118" s="10" t="s">
        <v>22</v>
      </c>
      <c r="R2118" s="10" t="s">
        <v>22</v>
      </c>
      <c r="S2118" s="10" t="s">
        <v>22</v>
      </c>
      <c r="T2118" s="10" t="s">
        <v>22</v>
      </c>
      <c r="U2118" s="10" t="s">
        <v>22</v>
      </c>
      <c r="V2118" s="10" t="s">
        <v>22</v>
      </c>
      <c r="W2118" s="10" t="s">
        <v>22</v>
      </c>
      <c r="X2118" s="10" t="s">
        <v>22</v>
      </c>
      <c r="Y2118" s="10" t="s">
        <v>22</v>
      </c>
      <c r="Z2118" s="10" t="s">
        <v>22</v>
      </c>
    </row>
    <row r="2119" spans="1:26" ht="24" customHeight="1" x14ac:dyDescent="0.2">
      <c r="A2119" s="9" t="s">
        <v>19362</v>
      </c>
      <c r="B2119" s="9" t="s">
        <v>14</v>
      </c>
      <c r="C2119" s="9" t="s">
        <v>10127</v>
      </c>
      <c r="D2119" s="6" t="s">
        <v>10128</v>
      </c>
      <c r="E2119" s="22">
        <v>44005</v>
      </c>
      <c r="F2119" s="22">
        <v>45830</v>
      </c>
      <c r="G2119" s="6" t="s">
        <v>10129</v>
      </c>
      <c r="H2119" s="6" t="s">
        <v>62</v>
      </c>
      <c r="I2119" s="6" t="s">
        <v>493</v>
      </c>
      <c r="J2119" s="6" t="s">
        <v>10130</v>
      </c>
      <c r="K2119" s="9" t="s">
        <v>10131</v>
      </c>
      <c r="L2119" s="10" t="s">
        <v>22</v>
      </c>
      <c r="M2119" s="10" t="s">
        <v>22</v>
      </c>
      <c r="N2119" s="10" t="s">
        <v>22</v>
      </c>
      <c r="O2119" s="10" t="s">
        <v>22</v>
      </c>
      <c r="P2119" s="10" t="s">
        <v>22</v>
      </c>
      <c r="Q2119" s="10" t="s">
        <v>22</v>
      </c>
      <c r="U2119" s="10" t="s">
        <v>22</v>
      </c>
      <c r="V2119" s="10" t="s">
        <v>22</v>
      </c>
      <c r="W2119" s="10" t="s">
        <v>22</v>
      </c>
      <c r="X2119" s="10" t="s">
        <v>22</v>
      </c>
      <c r="Y2119" s="10" t="s">
        <v>22</v>
      </c>
      <c r="Z2119" s="10" t="s">
        <v>22</v>
      </c>
    </row>
    <row r="2120" spans="1:26" ht="24" customHeight="1" x14ac:dyDescent="0.2">
      <c r="A2120" s="9" t="s">
        <v>19363</v>
      </c>
      <c r="B2120" s="9" t="s">
        <v>14</v>
      </c>
      <c r="C2120" s="9" t="s">
        <v>10132</v>
      </c>
      <c r="D2120" s="6" t="s">
        <v>10133</v>
      </c>
      <c r="E2120" s="22">
        <v>44005</v>
      </c>
      <c r="F2120" s="22">
        <v>45830</v>
      </c>
      <c r="G2120" s="6" t="s">
        <v>10134</v>
      </c>
      <c r="H2120" s="6" t="s">
        <v>62</v>
      </c>
      <c r="I2120" s="6" t="s">
        <v>10135</v>
      </c>
      <c r="J2120" s="6" t="s">
        <v>10136</v>
      </c>
      <c r="K2120" s="9" t="s">
        <v>10137</v>
      </c>
      <c r="L2120" s="10" t="s">
        <v>22</v>
      </c>
      <c r="M2120" s="10" t="s">
        <v>22</v>
      </c>
      <c r="N2120" s="10" t="s">
        <v>22</v>
      </c>
      <c r="O2120" s="10" t="s">
        <v>22</v>
      </c>
      <c r="P2120" s="10" t="s">
        <v>22</v>
      </c>
      <c r="Q2120" s="10" t="s">
        <v>22</v>
      </c>
      <c r="R2120" s="10" t="s">
        <v>22</v>
      </c>
      <c r="S2120" s="10" t="s">
        <v>22</v>
      </c>
      <c r="T2120" s="10" t="s">
        <v>22</v>
      </c>
      <c r="U2120" s="10" t="s">
        <v>22</v>
      </c>
      <c r="V2120" s="10" t="s">
        <v>22</v>
      </c>
      <c r="W2120" s="10" t="s">
        <v>22</v>
      </c>
      <c r="X2120" s="10" t="s">
        <v>22</v>
      </c>
      <c r="Y2120" s="10" t="s">
        <v>22</v>
      </c>
      <c r="Z2120" s="10" t="s">
        <v>22</v>
      </c>
    </row>
    <row r="2121" spans="1:26" ht="24" customHeight="1" x14ac:dyDescent="0.2">
      <c r="A2121" s="9" t="s">
        <v>19364</v>
      </c>
      <c r="B2121" s="9" t="s">
        <v>14</v>
      </c>
      <c r="C2121" s="9" t="s">
        <v>10138</v>
      </c>
      <c r="D2121" s="6" t="s">
        <v>10139</v>
      </c>
      <c r="E2121" s="22">
        <v>44005</v>
      </c>
      <c r="F2121" s="22">
        <v>45830</v>
      </c>
      <c r="G2121" s="6" t="s">
        <v>10140</v>
      </c>
      <c r="H2121" s="6" t="s">
        <v>62</v>
      </c>
      <c r="I2121" s="6" t="s">
        <v>379</v>
      </c>
      <c r="J2121" s="6" t="s">
        <v>10141</v>
      </c>
      <c r="K2121" s="9" t="s">
        <v>10142</v>
      </c>
      <c r="L2121" s="10" t="s">
        <v>22</v>
      </c>
      <c r="M2121" s="10" t="s">
        <v>22</v>
      </c>
      <c r="N2121" s="10" t="s">
        <v>22</v>
      </c>
      <c r="O2121" s="10" t="s">
        <v>22</v>
      </c>
      <c r="P2121" s="10" t="s">
        <v>22</v>
      </c>
      <c r="Q2121" s="10" t="s">
        <v>22</v>
      </c>
      <c r="R2121" s="10" t="s">
        <v>22</v>
      </c>
      <c r="S2121" s="10" t="s">
        <v>22</v>
      </c>
      <c r="T2121" s="10" t="s">
        <v>22</v>
      </c>
      <c r="U2121" s="10" t="s">
        <v>22</v>
      </c>
      <c r="V2121" s="10" t="s">
        <v>22</v>
      </c>
      <c r="W2121" s="10" t="s">
        <v>22</v>
      </c>
      <c r="X2121" s="10" t="s">
        <v>22</v>
      </c>
      <c r="Y2121" s="10" t="s">
        <v>22</v>
      </c>
      <c r="Z2121" s="10" t="s">
        <v>22</v>
      </c>
    </row>
    <row r="2122" spans="1:26" ht="24" customHeight="1" x14ac:dyDescent="0.2">
      <c r="A2122" s="9" t="s">
        <v>19365</v>
      </c>
      <c r="B2122" s="9" t="s">
        <v>14</v>
      </c>
      <c r="C2122" s="9" t="s">
        <v>10143</v>
      </c>
      <c r="D2122" s="6" t="s">
        <v>10144</v>
      </c>
      <c r="E2122" s="22">
        <v>44018</v>
      </c>
      <c r="F2122" s="22">
        <v>45843</v>
      </c>
      <c r="G2122" s="6" t="s">
        <v>10145</v>
      </c>
      <c r="H2122" s="6" t="s">
        <v>62</v>
      </c>
      <c r="I2122" s="6" t="s">
        <v>842</v>
      </c>
      <c r="J2122" s="6" t="s">
        <v>10146</v>
      </c>
      <c r="K2122" s="9" t="s">
        <v>10147</v>
      </c>
      <c r="L2122" s="10" t="s">
        <v>22</v>
      </c>
      <c r="M2122" s="10" t="s">
        <v>22</v>
      </c>
      <c r="N2122" s="10" t="s">
        <v>22</v>
      </c>
      <c r="O2122" s="10" t="s">
        <v>22</v>
      </c>
      <c r="P2122" s="10" t="s">
        <v>22</v>
      </c>
      <c r="Q2122" s="10" t="s">
        <v>22</v>
      </c>
      <c r="R2122" s="10" t="s">
        <v>22</v>
      </c>
      <c r="S2122" s="10" t="s">
        <v>22</v>
      </c>
      <c r="T2122" s="10" t="s">
        <v>22</v>
      </c>
      <c r="U2122" s="10" t="s">
        <v>22</v>
      </c>
      <c r="V2122" s="10" t="s">
        <v>22</v>
      </c>
      <c r="W2122" s="10" t="s">
        <v>22</v>
      </c>
      <c r="X2122" s="10" t="s">
        <v>22</v>
      </c>
      <c r="Y2122" s="10" t="s">
        <v>22</v>
      </c>
      <c r="Z2122" s="10" t="s">
        <v>22</v>
      </c>
    </row>
    <row r="2123" spans="1:26" ht="24" customHeight="1" x14ac:dyDescent="0.2">
      <c r="A2123" s="9" t="s">
        <v>19366</v>
      </c>
      <c r="B2123" s="9" t="s">
        <v>14</v>
      </c>
      <c r="C2123" s="9" t="s">
        <v>10148</v>
      </c>
      <c r="D2123" s="6" t="s">
        <v>10149</v>
      </c>
      <c r="E2123" s="22">
        <v>44005</v>
      </c>
      <c r="F2123" s="22">
        <v>45830</v>
      </c>
      <c r="G2123" s="6" t="s">
        <v>10150</v>
      </c>
      <c r="H2123" s="6" t="s">
        <v>62</v>
      </c>
      <c r="I2123" s="6" t="s">
        <v>493</v>
      </c>
      <c r="J2123" s="6" t="s">
        <v>10151</v>
      </c>
      <c r="K2123" s="9" t="s">
        <v>10152</v>
      </c>
      <c r="L2123" s="10" t="s">
        <v>22</v>
      </c>
      <c r="M2123" s="10" t="s">
        <v>22</v>
      </c>
      <c r="N2123" s="10" t="s">
        <v>22</v>
      </c>
      <c r="O2123" s="10" t="s">
        <v>22</v>
      </c>
      <c r="P2123" s="10" t="s">
        <v>22</v>
      </c>
      <c r="Q2123" s="10" t="s">
        <v>22</v>
      </c>
      <c r="R2123" s="10" t="s">
        <v>22</v>
      </c>
      <c r="S2123" s="10" t="s">
        <v>22</v>
      </c>
      <c r="T2123" s="10" t="s">
        <v>22</v>
      </c>
      <c r="U2123" s="10" t="s">
        <v>22</v>
      </c>
      <c r="V2123" s="10" t="s">
        <v>22</v>
      </c>
      <c r="W2123" s="10" t="s">
        <v>22</v>
      </c>
      <c r="X2123" s="10" t="s">
        <v>22</v>
      </c>
      <c r="Y2123" s="10" t="s">
        <v>22</v>
      </c>
      <c r="Z2123" s="10" t="s">
        <v>22</v>
      </c>
    </row>
    <row r="2124" spans="1:26" ht="24" customHeight="1" x14ac:dyDescent="0.2">
      <c r="A2124" s="9" t="s">
        <v>17496</v>
      </c>
      <c r="B2124" s="9" t="s">
        <v>14</v>
      </c>
      <c r="C2124" s="9" t="s">
        <v>10153</v>
      </c>
      <c r="D2124" s="6" t="s">
        <v>10154</v>
      </c>
      <c r="E2124" s="22">
        <v>44005</v>
      </c>
      <c r="F2124" s="22">
        <v>45830</v>
      </c>
      <c r="G2124" s="6" t="s">
        <v>10155</v>
      </c>
      <c r="H2124" s="6" t="s">
        <v>18</v>
      </c>
      <c r="I2124" s="6" t="s">
        <v>26</v>
      </c>
      <c r="J2124" s="6" t="s">
        <v>10156</v>
      </c>
      <c r="K2124" s="9" t="s">
        <v>10157</v>
      </c>
      <c r="L2124" s="10" t="s">
        <v>22</v>
      </c>
      <c r="M2124" s="10" t="s">
        <v>22</v>
      </c>
      <c r="N2124" s="10" t="s">
        <v>22</v>
      </c>
      <c r="O2124" s="10" t="s">
        <v>22</v>
      </c>
      <c r="P2124" s="10" t="s">
        <v>22</v>
      </c>
      <c r="Q2124" s="10" t="s">
        <v>22</v>
      </c>
      <c r="R2124" s="10" t="s">
        <v>22</v>
      </c>
      <c r="S2124" s="10" t="s">
        <v>22</v>
      </c>
      <c r="T2124" s="10" t="s">
        <v>22</v>
      </c>
      <c r="U2124" s="10" t="s">
        <v>22</v>
      </c>
      <c r="V2124" s="10" t="s">
        <v>22</v>
      </c>
      <c r="W2124" s="10" t="s">
        <v>22</v>
      </c>
      <c r="X2124" s="10" t="s">
        <v>22</v>
      </c>
      <c r="Y2124" s="10" t="s">
        <v>22</v>
      </c>
      <c r="Z2124" s="10" t="s">
        <v>22</v>
      </c>
    </row>
    <row r="2125" spans="1:26" ht="24" customHeight="1" x14ac:dyDescent="0.2">
      <c r="A2125" s="9" t="s">
        <v>19367</v>
      </c>
      <c r="B2125" s="9" t="s">
        <v>14</v>
      </c>
      <c r="C2125" s="9" t="s">
        <v>10158</v>
      </c>
      <c r="D2125" s="6" t="s">
        <v>10159</v>
      </c>
      <c r="E2125" s="22">
        <v>44006</v>
      </c>
      <c r="F2125" s="22">
        <v>45831</v>
      </c>
      <c r="G2125" s="6" t="s">
        <v>10160</v>
      </c>
      <c r="H2125" s="6" t="s">
        <v>62</v>
      </c>
      <c r="I2125" s="6" t="s">
        <v>352</v>
      </c>
      <c r="J2125" s="6" t="s">
        <v>10161</v>
      </c>
      <c r="K2125" s="9" t="s">
        <v>10162</v>
      </c>
      <c r="L2125" s="10" t="s">
        <v>22</v>
      </c>
      <c r="M2125" s="10" t="s">
        <v>22</v>
      </c>
      <c r="N2125" s="10" t="s">
        <v>22</v>
      </c>
      <c r="O2125" s="10" t="s">
        <v>22</v>
      </c>
      <c r="P2125" s="10" t="s">
        <v>22</v>
      </c>
      <c r="Q2125" s="10" t="s">
        <v>22</v>
      </c>
      <c r="R2125" s="10" t="s">
        <v>22</v>
      </c>
      <c r="S2125" s="10" t="s">
        <v>22</v>
      </c>
      <c r="T2125" s="10" t="s">
        <v>22</v>
      </c>
      <c r="U2125" s="10" t="s">
        <v>22</v>
      </c>
      <c r="V2125" s="10" t="s">
        <v>22</v>
      </c>
      <c r="W2125" s="10" t="s">
        <v>22</v>
      </c>
      <c r="X2125" s="10" t="s">
        <v>22</v>
      </c>
      <c r="Y2125" s="10" t="s">
        <v>22</v>
      </c>
      <c r="Z2125" s="10" t="s">
        <v>22</v>
      </c>
    </row>
    <row r="2126" spans="1:26" ht="24" customHeight="1" x14ac:dyDescent="0.2">
      <c r="A2126" s="9" t="s">
        <v>19368</v>
      </c>
      <c r="B2126" s="9" t="s">
        <v>14</v>
      </c>
      <c r="C2126" s="9" t="s">
        <v>10163</v>
      </c>
      <c r="D2126" s="6" t="s">
        <v>10164</v>
      </c>
      <c r="E2126" s="22">
        <v>44011</v>
      </c>
      <c r="F2126" s="22">
        <v>45836</v>
      </c>
      <c r="G2126" s="6" t="s">
        <v>10165</v>
      </c>
      <c r="H2126" s="6" t="s">
        <v>62</v>
      </c>
      <c r="I2126" s="6" t="s">
        <v>477</v>
      </c>
      <c r="J2126" s="6" t="s">
        <v>10166</v>
      </c>
      <c r="K2126" s="9" t="s">
        <v>10167</v>
      </c>
      <c r="L2126" s="10" t="s">
        <v>22</v>
      </c>
      <c r="M2126" s="10" t="s">
        <v>22</v>
      </c>
      <c r="N2126" s="10" t="s">
        <v>22</v>
      </c>
      <c r="O2126" s="10" t="s">
        <v>22</v>
      </c>
      <c r="P2126" s="10" t="s">
        <v>22</v>
      </c>
      <c r="Q2126" s="10" t="s">
        <v>22</v>
      </c>
      <c r="R2126" s="10" t="s">
        <v>22</v>
      </c>
      <c r="S2126" s="10" t="s">
        <v>22</v>
      </c>
      <c r="T2126" s="10" t="s">
        <v>22</v>
      </c>
      <c r="U2126" s="10" t="s">
        <v>22</v>
      </c>
      <c r="V2126" s="10" t="s">
        <v>22</v>
      </c>
      <c r="W2126" s="10" t="s">
        <v>22</v>
      </c>
      <c r="X2126" s="10" t="s">
        <v>22</v>
      </c>
      <c r="Y2126" s="10" t="s">
        <v>22</v>
      </c>
      <c r="Z2126" s="10" t="s">
        <v>22</v>
      </c>
    </row>
    <row r="2127" spans="1:26" ht="24" customHeight="1" x14ac:dyDescent="0.2">
      <c r="A2127" s="9" t="s">
        <v>19369</v>
      </c>
      <c r="B2127" s="9" t="s">
        <v>14</v>
      </c>
      <c r="C2127" s="9" t="s">
        <v>10168</v>
      </c>
      <c r="D2127" s="6" t="s">
        <v>10169</v>
      </c>
      <c r="E2127" s="22">
        <v>44011</v>
      </c>
      <c r="F2127" s="22">
        <v>45836</v>
      </c>
      <c r="G2127" s="6" t="s">
        <v>10170</v>
      </c>
      <c r="H2127" s="6" t="s">
        <v>62</v>
      </c>
      <c r="I2127" s="6" t="s">
        <v>236</v>
      </c>
      <c r="J2127" s="6" t="s">
        <v>10171</v>
      </c>
      <c r="K2127" s="9" t="s">
        <v>10172</v>
      </c>
      <c r="M2127" s="10" t="s">
        <v>22</v>
      </c>
      <c r="N2127" s="10" t="s">
        <v>22</v>
      </c>
      <c r="W2127" s="10" t="s">
        <v>22</v>
      </c>
    </row>
    <row r="2128" spans="1:26" ht="24" customHeight="1" x14ac:dyDescent="0.2">
      <c r="A2128" s="9" t="s">
        <v>19370</v>
      </c>
      <c r="B2128" s="9" t="s">
        <v>14</v>
      </c>
      <c r="C2128" s="9" t="s">
        <v>10173</v>
      </c>
      <c r="D2128" s="6" t="s">
        <v>10174</v>
      </c>
      <c r="E2128" s="22">
        <v>44011</v>
      </c>
      <c r="F2128" s="22">
        <v>45836</v>
      </c>
      <c r="G2128" s="6" t="s">
        <v>10175</v>
      </c>
      <c r="H2128" s="6" t="s">
        <v>18</v>
      </c>
      <c r="I2128" s="6" t="s">
        <v>26</v>
      </c>
      <c r="J2128" s="6" t="s">
        <v>10176</v>
      </c>
      <c r="K2128" s="9" t="s">
        <v>10177</v>
      </c>
      <c r="M2128" s="10" t="s">
        <v>22</v>
      </c>
      <c r="N2128" s="10" t="s">
        <v>22</v>
      </c>
      <c r="P2128" s="10" t="s">
        <v>22</v>
      </c>
      <c r="Q2128" s="10" t="s">
        <v>22</v>
      </c>
      <c r="W2128" s="10" t="s">
        <v>22</v>
      </c>
      <c r="Z2128" s="10" t="s">
        <v>22</v>
      </c>
    </row>
    <row r="2129" spans="1:26" ht="24" customHeight="1" x14ac:dyDescent="0.2">
      <c r="A2129" s="9" t="s">
        <v>19371</v>
      </c>
      <c r="B2129" s="9" t="s">
        <v>14</v>
      </c>
      <c r="C2129" s="9" t="s">
        <v>10178</v>
      </c>
      <c r="D2129" s="6" t="s">
        <v>10179</v>
      </c>
      <c r="E2129" s="22">
        <v>44012</v>
      </c>
      <c r="F2129" s="22">
        <v>45837</v>
      </c>
      <c r="G2129" s="6" t="s">
        <v>10180</v>
      </c>
      <c r="H2129" s="6" t="s">
        <v>363</v>
      </c>
      <c r="I2129" s="6" t="s">
        <v>6002</v>
      </c>
      <c r="J2129" s="6" t="s">
        <v>10181</v>
      </c>
      <c r="K2129" s="9" t="s">
        <v>10182</v>
      </c>
      <c r="L2129" s="10" t="s">
        <v>22</v>
      </c>
      <c r="M2129" s="10" t="s">
        <v>22</v>
      </c>
      <c r="N2129" s="10" t="s">
        <v>22</v>
      </c>
      <c r="O2129" s="10" t="s">
        <v>22</v>
      </c>
      <c r="P2129" s="10" t="s">
        <v>22</v>
      </c>
      <c r="Q2129" s="10" t="s">
        <v>22</v>
      </c>
      <c r="R2129" s="10" t="s">
        <v>22</v>
      </c>
      <c r="S2129" s="10" t="s">
        <v>22</v>
      </c>
      <c r="T2129" s="10" t="s">
        <v>22</v>
      </c>
      <c r="U2129" s="10" t="s">
        <v>22</v>
      </c>
      <c r="V2129" s="10" t="s">
        <v>22</v>
      </c>
      <c r="W2129" s="10" t="s">
        <v>22</v>
      </c>
      <c r="X2129" s="10" t="s">
        <v>22</v>
      </c>
      <c r="Y2129" s="10" t="s">
        <v>22</v>
      </c>
      <c r="Z2129" s="10" t="s">
        <v>22</v>
      </c>
    </row>
    <row r="2130" spans="1:26" ht="24" customHeight="1" x14ac:dyDescent="0.2">
      <c r="A2130" s="9" t="s">
        <v>19372</v>
      </c>
      <c r="B2130" s="9" t="s">
        <v>14</v>
      </c>
      <c r="C2130" s="9" t="s">
        <v>10183</v>
      </c>
      <c r="D2130" s="6" t="s">
        <v>10184</v>
      </c>
      <c r="E2130" s="22">
        <v>44012</v>
      </c>
      <c r="F2130" s="22">
        <v>45837</v>
      </c>
      <c r="G2130" s="6" t="s">
        <v>10185</v>
      </c>
      <c r="H2130" s="6" t="s">
        <v>62</v>
      </c>
      <c r="I2130" s="6" t="s">
        <v>842</v>
      </c>
      <c r="J2130" s="6" t="s">
        <v>10186</v>
      </c>
      <c r="K2130" s="9" t="s">
        <v>10187</v>
      </c>
      <c r="L2130" s="10" t="s">
        <v>22</v>
      </c>
      <c r="M2130" s="10" t="s">
        <v>22</v>
      </c>
      <c r="N2130" s="10" t="s">
        <v>22</v>
      </c>
      <c r="O2130" s="10" t="s">
        <v>22</v>
      </c>
      <c r="P2130" s="10" t="s">
        <v>22</v>
      </c>
      <c r="Q2130" s="10" t="s">
        <v>22</v>
      </c>
      <c r="U2130" s="10" t="s">
        <v>22</v>
      </c>
      <c r="V2130" s="10" t="s">
        <v>22</v>
      </c>
      <c r="W2130" s="10" t="s">
        <v>22</v>
      </c>
      <c r="X2130" s="10" t="s">
        <v>22</v>
      </c>
      <c r="Y2130" s="10" t="s">
        <v>22</v>
      </c>
      <c r="Z2130" s="10" t="s">
        <v>22</v>
      </c>
    </row>
    <row r="2131" spans="1:26" ht="24" customHeight="1" x14ac:dyDescent="0.2">
      <c r="A2131" s="9" t="s">
        <v>19373</v>
      </c>
      <c r="B2131" s="9" t="s">
        <v>14</v>
      </c>
      <c r="C2131" s="9" t="s">
        <v>10188</v>
      </c>
      <c r="D2131" s="6" t="s">
        <v>10189</v>
      </c>
      <c r="E2131" s="22">
        <v>44018</v>
      </c>
      <c r="F2131" s="22">
        <v>45843</v>
      </c>
      <c r="G2131" s="6" t="s">
        <v>10190</v>
      </c>
      <c r="H2131" s="6" t="s">
        <v>202</v>
      </c>
      <c r="I2131" s="6" t="s">
        <v>336</v>
      </c>
      <c r="J2131" s="6" t="s">
        <v>10191</v>
      </c>
      <c r="K2131" s="9" t="s">
        <v>10192</v>
      </c>
      <c r="L2131" s="10" t="s">
        <v>22</v>
      </c>
      <c r="M2131" s="10" t="s">
        <v>22</v>
      </c>
      <c r="N2131" s="10" t="s">
        <v>22</v>
      </c>
      <c r="U2131" s="10" t="s">
        <v>22</v>
      </c>
      <c r="V2131" s="10" t="s">
        <v>22</v>
      </c>
      <c r="W2131" s="10" t="s">
        <v>22</v>
      </c>
    </row>
    <row r="2132" spans="1:26" ht="24" customHeight="1" x14ac:dyDescent="0.2">
      <c r="A2132" s="9" t="s">
        <v>19374</v>
      </c>
      <c r="B2132" s="9" t="s">
        <v>14</v>
      </c>
      <c r="C2132" s="9" t="s">
        <v>16266</v>
      </c>
      <c r="D2132" s="6" t="s">
        <v>16267</v>
      </c>
      <c r="E2132" s="22">
        <v>44018</v>
      </c>
      <c r="F2132" s="22">
        <v>45843</v>
      </c>
      <c r="G2132" s="6" t="s">
        <v>16268</v>
      </c>
      <c r="H2132" s="6" t="s">
        <v>62</v>
      </c>
      <c r="I2132" s="6" t="s">
        <v>306</v>
      </c>
      <c r="J2132" s="6" t="s">
        <v>12831</v>
      </c>
      <c r="K2132" s="9" t="s">
        <v>12832</v>
      </c>
      <c r="L2132" s="10" t="s">
        <v>22</v>
      </c>
      <c r="M2132" s="10" t="s">
        <v>22</v>
      </c>
      <c r="N2132" s="10" t="s">
        <v>22</v>
      </c>
      <c r="O2132" s="10" t="s">
        <v>22</v>
      </c>
      <c r="P2132" s="10" t="s">
        <v>22</v>
      </c>
      <c r="Q2132" s="10" t="s">
        <v>22</v>
      </c>
      <c r="U2132" s="10" t="s">
        <v>22</v>
      </c>
      <c r="V2132" s="10" t="s">
        <v>22</v>
      </c>
      <c r="W2132" s="10" t="s">
        <v>22</v>
      </c>
      <c r="X2132" s="10" t="s">
        <v>22</v>
      </c>
      <c r="Y2132" s="10" t="s">
        <v>22</v>
      </c>
      <c r="Z2132" s="10" t="s">
        <v>22</v>
      </c>
    </row>
    <row r="2133" spans="1:26" ht="24" customHeight="1" x14ac:dyDescent="0.2">
      <c r="A2133" s="9" t="s">
        <v>19375</v>
      </c>
      <c r="B2133" s="9" t="s">
        <v>14</v>
      </c>
      <c r="C2133" s="9" t="s">
        <v>10193</v>
      </c>
      <c r="D2133" s="6" t="s">
        <v>10194</v>
      </c>
      <c r="E2133" s="22">
        <v>44018</v>
      </c>
      <c r="F2133" s="22">
        <v>45843</v>
      </c>
      <c r="G2133" s="6" t="s">
        <v>10195</v>
      </c>
      <c r="H2133" s="6" t="s">
        <v>229</v>
      </c>
      <c r="I2133" s="6" t="s">
        <v>5604</v>
      </c>
      <c r="J2133" s="6" t="s">
        <v>10196</v>
      </c>
      <c r="K2133" s="9" t="s">
        <v>10197</v>
      </c>
      <c r="L2133" s="10" t="s">
        <v>22</v>
      </c>
      <c r="M2133" s="10" t="s">
        <v>22</v>
      </c>
      <c r="N2133" s="10" t="s">
        <v>22</v>
      </c>
      <c r="O2133" s="10" t="s">
        <v>22</v>
      </c>
      <c r="P2133" s="10" t="s">
        <v>22</v>
      </c>
      <c r="Q2133" s="10" t="s">
        <v>22</v>
      </c>
      <c r="R2133" s="10" t="s">
        <v>22</v>
      </c>
      <c r="S2133" s="10" t="s">
        <v>22</v>
      </c>
      <c r="T2133" s="10" t="s">
        <v>22</v>
      </c>
      <c r="U2133" s="10" t="s">
        <v>22</v>
      </c>
      <c r="V2133" s="10" t="s">
        <v>22</v>
      </c>
      <c r="W2133" s="10" t="s">
        <v>22</v>
      </c>
      <c r="X2133" s="10" t="s">
        <v>22</v>
      </c>
      <c r="Y2133" s="10" t="s">
        <v>22</v>
      </c>
      <c r="Z2133" s="10" t="s">
        <v>22</v>
      </c>
    </row>
    <row r="2134" spans="1:26" ht="24" customHeight="1" x14ac:dyDescent="0.2">
      <c r="A2134" s="9" t="s">
        <v>19376</v>
      </c>
      <c r="B2134" s="9" t="s">
        <v>14</v>
      </c>
      <c r="C2134" s="9" t="s">
        <v>10198</v>
      </c>
      <c r="D2134" s="6" t="s">
        <v>10199</v>
      </c>
      <c r="E2134" s="22">
        <v>44018</v>
      </c>
      <c r="F2134" s="22">
        <v>45843</v>
      </c>
      <c r="G2134" s="6" t="s">
        <v>10199</v>
      </c>
      <c r="H2134" s="6" t="s">
        <v>18</v>
      </c>
      <c r="I2134" s="6" t="s">
        <v>19</v>
      </c>
      <c r="J2134" s="6" t="s">
        <v>10200</v>
      </c>
      <c r="K2134" s="9" t="s">
        <v>10201</v>
      </c>
      <c r="L2134" s="10" t="s">
        <v>22</v>
      </c>
      <c r="M2134" s="10" t="s">
        <v>22</v>
      </c>
      <c r="N2134" s="10" t="s">
        <v>22</v>
      </c>
      <c r="O2134" s="10" t="s">
        <v>22</v>
      </c>
      <c r="P2134" s="10" t="s">
        <v>22</v>
      </c>
      <c r="Q2134" s="10" t="s">
        <v>22</v>
      </c>
      <c r="V2134" s="10" t="s">
        <v>22</v>
      </c>
      <c r="W2134" s="10" t="s">
        <v>22</v>
      </c>
      <c r="Y2134" s="10" t="s">
        <v>22</v>
      </c>
      <c r="Z2134" s="10" t="s">
        <v>22</v>
      </c>
    </row>
    <row r="2135" spans="1:26" ht="24" customHeight="1" x14ac:dyDescent="0.2">
      <c r="A2135" s="9" t="s">
        <v>19377</v>
      </c>
      <c r="B2135" s="9" t="s">
        <v>14</v>
      </c>
      <c r="C2135" s="9" t="s">
        <v>10202</v>
      </c>
      <c r="D2135" s="6" t="s">
        <v>10203</v>
      </c>
      <c r="E2135" s="22">
        <v>44025</v>
      </c>
      <c r="F2135" s="22">
        <v>45850</v>
      </c>
      <c r="G2135" s="6" t="s">
        <v>10204</v>
      </c>
      <c r="H2135" s="6" t="s">
        <v>62</v>
      </c>
      <c r="I2135" s="6" t="s">
        <v>252</v>
      </c>
      <c r="J2135" s="6" t="s">
        <v>10205</v>
      </c>
      <c r="K2135" s="9" t="s">
        <v>10206</v>
      </c>
      <c r="L2135" s="10" t="s">
        <v>22</v>
      </c>
      <c r="M2135" s="10" t="s">
        <v>22</v>
      </c>
      <c r="N2135" s="10" t="s">
        <v>22</v>
      </c>
      <c r="O2135" s="10" t="s">
        <v>22</v>
      </c>
      <c r="P2135" s="10" t="s">
        <v>22</v>
      </c>
      <c r="Q2135" s="10" t="s">
        <v>22</v>
      </c>
      <c r="R2135" s="10" t="s">
        <v>22</v>
      </c>
      <c r="S2135" s="10" t="s">
        <v>22</v>
      </c>
      <c r="T2135" s="10" t="s">
        <v>22</v>
      </c>
      <c r="U2135" s="10" t="s">
        <v>22</v>
      </c>
      <c r="V2135" s="10" t="s">
        <v>22</v>
      </c>
      <c r="W2135" s="10" t="s">
        <v>22</v>
      </c>
      <c r="X2135" s="10" t="s">
        <v>22</v>
      </c>
      <c r="Y2135" s="10" t="s">
        <v>22</v>
      </c>
      <c r="Z2135" s="10" t="s">
        <v>22</v>
      </c>
    </row>
    <row r="2136" spans="1:26" ht="24" customHeight="1" x14ac:dyDescent="0.2">
      <c r="A2136" s="9" t="s">
        <v>19378</v>
      </c>
      <c r="B2136" s="9" t="s">
        <v>14</v>
      </c>
      <c r="C2136" s="9" t="s">
        <v>10207</v>
      </c>
      <c r="D2136" s="6" t="s">
        <v>10208</v>
      </c>
      <c r="E2136" s="22">
        <v>44026</v>
      </c>
      <c r="F2136" s="22">
        <v>45851</v>
      </c>
      <c r="G2136" s="6" t="s">
        <v>10209</v>
      </c>
      <c r="H2136" s="6" t="s">
        <v>18</v>
      </c>
      <c r="I2136" s="6" t="s">
        <v>19</v>
      </c>
      <c r="J2136" s="6" t="s">
        <v>10210</v>
      </c>
      <c r="K2136" s="9" t="s">
        <v>10211</v>
      </c>
      <c r="L2136" s="10" t="s">
        <v>22</v>
      </c>
      <c r="M2136" s="10" t="s">
        <v>22</v>
      </c>
      <c r="N2136" s="10" t="s">
        <v>22</v>
      </c>
      <c r="O2136" s="10" t="s">
        <v>22</v>
      </c>
      <c r="P2136" s="10" t="s">
        <v>22</v>
      </c>
      <c r="Q2136" s="10" t="s">
        <v>22</v>
      </c>
      <c r="U2136" s="10" t="s">
        <v>22</v>
      </c>
      <c r="V2136" s="10" t="s">
        <v>22</v>
      </c>
      <c r="W2136" s="10" t="s">
        <v>22</v>
      </c>
      <c r="X2136" s="10" t="s">
        <v>22</v>
      </c>
      <c r="Y2136" s="10" t="s">
        <v>22</v>
      </c>
      <c r="Z2136" s="10" t="s">
        <v>22</v>
      </c>
    </row>
    <row r="2137" spans="1:26" ht="24" customHeight="1" x14ac:dyDescent="0.2">
      <c r="A2137" s="9" t="s">
        <v>19379</v>
      </c>
      <c r="B2137" s="9" t="s">
        <v>14</v>
      </c>
      <c r="C2137" s="9" t="s">
        <v>10212</v>
      </c>
      <c r="D2137" s="6" t="s">
        <v>10213</v>
      </c>
      <c r="E2137" s="22">
        <v>44026</v>
      </c>
      <c r="F2137" s="22">
        <v>45851</v>
      </c>
      <c r="G2137" s="6" t="s">
        <v>10214</v>
      </c>
      <c r="H2137" s="6" t="s">
        <v>363</v>
      </c>
      <c r="I2137" s="6" t="s">
        <v>10215</v>
      </c>
      <c r="J2137" s="6" t="s">
        <v>10216</v>
      </c>
      <c r="K2137" s="9" t="s">
        <v>10217</v>
      </c>
      <c r="L2137" s="10" t="s">
        <v>22</v>
      </c>
      <c r="M2137" s="10" t="s">
        <v>22</v>
      </c>
      <c r="N2137" s="10" t="s">
        <v>22</v>
      </c>
      <c r="O2137" s="10" t="s">
        <v>22</v>
      </c>
      <c r="P2137" s="10" t="s">
        <v>22</v>
      </c>
      <c r="Q2137" s="10" t="s">
        <v>22</v>
      </c>
      <c r="R2137" s="10" t="s">
        <v>22</v>
      </c>
      <c r="S2137" s="10" t="s">
        <v>22</v>
      </c>
      <c r="T2137" s="10" t="s">
        <v>22</v>
      </c>
      <c r="U2137" s="10" t="s">
        <v>22</v>
      </c>
      <c r="V2137" s="10" t="s">
        <v>22</v>
      </c>
      <c r="W2137" s="10" t="s">
        <v>22</v>
      </c>
      <c r="X2137" s="10" t="s">
        <v>22</v>
      </c>
      <c r="Y2137" s="10" t="s">
        <v>22</v>
      </c>
      <c r="Z2137" s="10" t="s">
        <v>22</v>
      </c>
    </row>
    <row r="2138" spans="1:26" ht="24" customHeight="1" x14ac:dyDescent="0.2">
      <c r="A2138" s="9" t="s">
        <v>19380</v>
      </c>
      <c r="B2138" s="9" t="s">
        <v>14</v>
      </c>
      <c r="C2138" s="9" t="s">
        <v>10218</v>
      </c>
      <c r="D2138" s="6" t="s">
        <v>8781</v>
      </c>
      <c r="E2138" s="22">
        <v>44029</v>
      </c>
      <c r="F2138" s="22">
        <v>45854</v>
      </c>
      <c r="G2138" s="6" t="s">
        <v>8782</v>
      </c>
      <c r="H2138" s="6" t="s">
        <v>62</v>
      </c>
      <c r="I2138" s="6" t="s">
        <v>318</v>
      </c>
      <c r="J2138" s="6" t="s">
        <v>10219</v>
      </c>
      <c r="K2138" s="9" t="s">
        <v>10220</v>
      </c>
      <c r="L2138" s="10" t="s">
        <v>22</v>
      </c>
      <c r="M2138" s="10" t="s">
        <v>22</v>
      </c>
      <c r="N2138" s="10" t="s">
        <v>22</v>
      </c>
      <c r="O2138" s="10" t="s">
        <v>22</v>
      </c>
      <c r="P2138" s="10" t="s">
        <v>22</v>
      </c>
      <c r="Q2138" s="10" t="s">
        <v>22</v>
      </c>
      <c r="R2138" s="10" t="s">
        <v>22</v>
      </c>
      <c r="S2138" s="10" t="s">
        <v>22</v>
      </c>
      <c r="T2138" s="10" t="s">
        <v>22</v>
      </c>
      <c r="U2138" s="10" t="s">
        <v>22</v>
      </c>
      <c r="V2138" s="10" t="s">
        <v>22</v>
      </c>
      <c r="W2138" s="10" t="s">
        <v>22</v>
      </c>
      <c r="X2138" s="10" t="s">
        <v>22</v>
      </c>
      <c r="Y2138" s="10" t="s">
        <v>22</v>
      </c>
      <c r="Z2138" s="10" t="s">
        <v>22</v>
      </c>
    </row>
    <row r="2139" spans="1:26" ht="24" customHeight="1" x14ac:dyDescent="0.2">
      <c r="A2139" s="9" t="s">
        <v>19381</v>
      </c>
      <c r="B2139" s="9" t="s">
        <v>14</v>
      </c>
      <c r="C2139" s="9" t="s">
        <v>10221</v>
      </c>
      <c r="D2139" s="6" t="s">
        <v>10222</v>
      </c>
      <c r="E2139" s="22">
        <v>44029</v>
      </c>
      <c r="F2139" s="22">
        <v>45854</v>
      </c>
      <c r="G2139" s="6" t="s">
        <v>10223</v>
      </c>
      <c r="H2139" s="6" t="s">
        <v>229</v>
      </c>
      <c r="I2139" s="6" t="s">
        <v>5604</v>
      </c>
      <c r="J2139" s="6" t="s">
        <v>10224</v>
      </c>
      <c r="K2139" s="9" t="s">
        <v>10225</v>
      </c>
      <c r="L2139" s="10" t="s">
        <v>22</v>
      </c>
      <c r="M2139" s="10" t="s">
        <v>22</v>
      </c>
      <c r="N2139" s="10" t="s">
        <v>22</v>
      </c>
      <c r="O2139" s="10" t="s">
        <v>22</v>
      </c>
      <c r="P2139" s="10" t="s">
        <v>22</v>
      </c>
      <c r="Q2139" s="10" t="s">
        <v>22</v>
      </c>
      <c r="R2139" s="10" t="s">
        <v>22</v>
      </c>
      <c r="S2139" s="10" t="s">
        <v>22</v>
      </c>
      <c r="T2139" s="10" t="s">
        <v>22</v>
      </c>
      <c r="U2139" s="10" t="s">
        <v>22</v>
      </c>
      <c r="V2139" s="10" t="s">
        <v>22</v>
      </c>
      <c r="W2139" s="10" t="s">
        <v>22</v>
      </c>
      <c r="X2139" s="10" t="s">
        <v>22</v>
      </c>
      <c r="Y2139" s="10" t="s">
        <v>22</v>
      </c>
      <c r="Z2139" s="10" t="s">
        <v>22</v>
      </c>
    </row>
    <row r="2140" spans="1:26" ht="24" customHeight="1" x14ac:dyDescent="0.2">
      <c r="A2140" s="9" t="s">
        <v>19382</v>
      </c>
      <c r="B2140" s="9" t="s">
        <v>14</v>
      </c>
      <c r="C2140" s="9" t="s">
        <v>10226</v>
      </c>
      <c r="D2140" s="6" t="s">
        <v>10227</v>
      </c>
      <c r="E2140" s="22">
        <v>44029</v>
      </c>
      <c r="F2140" s="22">
        <v>45854</v>
      </c>
      <c r="G2140" s="6" t="s">
        <v>10228</v>
      </c>
      <c r="H2140" s="6" t="s">
        <v>62</v>
      </c>
      <c r="I2140" s="6" t="s">
        <v>306</v>
      </c>
      <c r="J2140" s="6" t="s">
        <v>10229</v>
      </c>
      <c r="K2140" s="9" t="s">
        <v>10230</v>
      </c>
      <c r="L2140" s="10" t="s">
        <v>22</v>
      </c>
      <c r="M2140" s="10" t="s">
        <v>22</v>
      </c>
      <c r="N2140" s="10" t="s">
        <v>22</v>
      </c>
      <c r="O2140" s="10" t="s">
        <v>22</v>
      </c>
      <c r="P2140" s="10" t="s">
        <v>22</v>
      </c>
      <c r="Q2140" s="10" t="s">
        <v>22</v>
      </c>
      <c r="R2140" s="10" t="s">
        <v>22</v>
      </c>
      <c r="S2140" s="10" t="s">
        <v>22</v>
      </c>
      <c r="T2140" s="10" t="s">
        <v>22</v>
      </c>
      <c r="U2140" s="10" t="s">
        <v>22</v>
      </c>
      <c r="V2140" s="10" t="s">
        <v>22</v>
      </c>
      <c r="W2140" s="10" t="s">
        <v>22</v>
      </c>
      <c r="X2140" s="10" t="s">
        <v>22</v>
      </c>
      <c r="Y2140" s="10" t="s">
        <v>22</v>
      </c>
      <c r="Z2140" s="10" t="s">
        <v>22</v>
      </c>
    </row>
    <row r="2141" spans="1:26" ht="24" customHeight="1" x14ac:dyDescent="0.2">
      <c r="A2141" s="9" t="s">
        <v>19383</v>
      </c>
      <c r="B2141" s="9" t="s">
        <v>14</v>
      </c>
      <c r="C2141" s="9" t="s">
        <v>10231</v>
      </c>
      <c r="D2141" s="6" t="s">
        <v>10232</v>
      </c>
      <c r="E2141" s="22">
        <v>44029</v>
      </c>
      <c r="F2141" s="22">
        <v>45854</v>
      </c>
      <c r="G2141" s="6" t="s">
        <v>10233</v>
      </c>
      <c r="H2141" s="6" t="s">
        <v>363</v>
      </c>
      <c r="I2141" s="6" t="s">
        <v>6002</v>
      </c>
      <c r="J2141" s="6" t="s">
        <v>10234</v>
      </c>
      <c r="K2141" s="9" t="s">
        <v>10235</v>
      </c>
      <c r="L2141" s="10" t="s">
        <v>22</v>
      </c>
      <c r="M2141" s="10" t="s">
        <v>22</v>
      </c>
      <c r="N2141" s="10" t="s">
        <v>22</v>
      </c>
      <c r="O2141" s="10" t="s">
        <v>22</v>
      </c>
      <c r="P2141" s="10" t="s">
        <v>22</v>
      </c>
      <c r="Q2141" s="10" t="s">
        <v>22</v>
      </c>
      <c r="R2141" s="10" t="s">
        <v>22</v>
      </c>
      <c r="S2141" s="10" t="s">
        <v>22</v>
      </c>
      <c r="T2141" s="10" t="s">
        <v>22</v>
      </c>
      <c r="U2141" s="10" t="s">
        <v>22</v>
      </c>
      <c r="V2141" s="10" t="s">
        <v>22</v>
      </c>
      <c r="W2141" s="10" t="s">
        <v>22</v>
      </c>
      <c r="X2141" s="10" t="s">
        <v>22</v>
      </c>
      <c r="Y2141" s="10" t="s">
        <v>22</v>
      </c>
      <c r="Z2141" s="10" t="s">
        <v>22</v>
      </c>
    </row>
    <row r="2142" spans="1:26" ht="24" customHeight="1" x14ac:dyDescent="0.2">
      <c r="A2142" s="9" t="s">
        <v>19384</v>
      </c>
      <c r="B2142" s="9" t="s">
        <v>14</v>
      </c>
      <c r="C2142" s="9" t="s">
        <v>10236</v>
      </c>
      <c r="D2142" s="6" t="s">
        <v>10237</v>
      </c>
      <c r="E2142" s="22">
        <v>44039</v>
      </c>
      <c r="F2142" s="22">
        <v>45864</v>
      </c>
      <c r="G2142" s="6" t="s">
        <v>10238</v>
      </c>
      <c r="H2142" s="6" t="s">
        <v>18</v>
      </c>
      <c r="I2142" s="6" t="s">
        <v>1691</v>
      </c>
      <c r="J2142" s="6" t="s">
        <v>10239</v>
      </c>
      <c r="K2142" s="9" t="s">
        <v>10240</v>
      </c>
      <c r="Q2142" s="10" t="s">
        <v>22</v>
      </c>
      <c r="Z2142" s="10" t="s">
        <v>22</v>
      </c>
    </row>
    <row r="2143" spans="1:26" ht="24" customHeight="1" x14ac:dyDescent="0.2">
      <c r="A2143" s="9" t="s">
        <v>19385</v>
      </c>
      <c r="B2143" s="9" t="s">
        <v>14</v>
      </c>
      <c r="C2143" s="9" t="s">
        <v>10241</v>
      </c>
      <c r="D2143" s="6" t="s">
        <v>10242</v>
      </c>
      <c r="E2143" s="22">
        <v>44043</v>
      </c>
      <c r="F2143" s="22">
        <v>45868</v>
      </c>
      <c r="G2143" s="6" t="s">
        <v>10243</v>
      </c>
      <c r="H2143" s="6" t="s">
        <v>62</v>
      </c>
      <c r="I2143" s="6" t="s">
        <v>186</v>
      </c>
      <c r="J2143" s="6" t="s">
        <v>10244</v>
      </c>
      <c r="K2143" s="9" t="s">
        <v>10245</v>
      </c>
      <c r="L2143" s="10" t="s">
        <v>22</v>
      </c>
      <c r="M2143" s="10" t="s">
        <v>22</v>
      </c>
      <c r="N2143" s="10" t="s">
        <v>22</v>
      </c>
      <c r="O2143" s="10" t="s">
        <v>22</v>
      </c>
      <c r="P2143" s="10" t="s">
        <v>22</v>
      </c>
      <c r="Q2143" s="10" t="s">
        <v>22</v>
      </c>
      <c r="R2143" s="10" t="s">
        <v>22</v>
      </c>
      <c r="S2143" s="10" t="s">
        <v>22</v>
      </c>
      <c r="T2143" s="10" t="s">
        <v>22</v>
      </c>
      <c r="U2143" s="10" t="s">
        <v>22</v>
      </c>
      <c r="V2143" s="10" t="s">
        <v>22</v>
      </c>
      <c r="W2143" s="10" t="s">
        <v>22</v>
      </c>
      <c r="X2143" s="10" t="s">
        <v>22</v>
      </c>
      <c r="Y2143" s="10" t="s">
        <v>22</v>
      </c>
      <c r="Z2143" s="10" t="s">
        <v>22</v>
      </c>
    </row>
    <row r="2144" spans="1:26" ht="24" customHeight="1" x14ac:dyDescent="0.2">
      <c r="A2144" s="9" t="s">
        <v>19386</v>
      </c>
      <c r="B2144" s="9" t="s">
        <v>14</v>
      </c>
      <c r="C2144" s="9" t="s">
        <v>10246</v>
      </c>
      <c r="D2144" s="6" t="s">
        <v>10247</v>
      </c>
      <c r="E2144" s="22">
        <v>44050</v>
      </c>
      <c r="F2144" s="22">
        <v>45875</v>
      </c>
      <c r="G2144" s="6" t="s">
        <v>10248</v>
      </c>
      <c r="H2144" s="6" t="s">
        <v>202</v>
      </c>
      <c r="I2144" s="6" t="s">
        <v>336</v>
      </c>
      <c r="J2144" s="6" t="s">
        <v>10249</v>
      </c>
      <c r="K2144" s="9" t="s">
        <v>10250</v>
      </c>
      <c r="L2144" s="10" t="s">
        <v>22</v>
      </c>
      <c r="M2144" s="10" t="s">
        <v>22</v>
      </c>
      <c r="N2144" s="10" t="s">
        <v>22</v>
      </c>
      <c r="O2144" s="10" t="s">
        <v>22</v>
      </c>
      <c r="P2144" s="10" t="s">
        <v>22</v>
      </c>
      <c r="Q2144" s="10" t="s">
        <v>22</v>
      </c>
      <c r="R2144" s="10" t="s">
        <v>22</v>
      </c>
      <c r="S2144" s="10" t="s">
        <v>22</v>
      </c>
      <c r="T2144" s="10" t="s">
        <v>22</v>
      </c>
      <c r="U2144" s="10" t="s">
        <v>22</v>
      </c>
      <c r="V2144" s="10" t="s">
        <v>22</v>
      </c>
      <c r="W2144" s="10" t="s">
        <v>22</v>
      </c>
      <c r="X2144" s="10" t="s">
        <v>22</v>
      </c>
      <c r="Y2144" s="10" t="s">
        <v>22</v>
      </c>
      <c r="Z2144" s="10" t="s">
        <v>22</v>
      </c>
    </row>
    <row r="2145" spans="1:26" ht="24" customHeight="1" x14ac:dyDescent="0.2">
      <c r="A2145" s="9" t="s">
        <v>19387</v>
      </c>
      <c r="B2145" s="9" t="s">
        <v>14</v>
      </c>
      <c r="C2145" s="9" t="s">
        <v>10251</v>
      </c>
      <c r="D2145" s="6" t="s">
        <v>10252</v>
      </c>
      <c r="E2145" s="22">
        <v>44050</v>
      </c>
      <c r="F2145" s="22">
        <v>45875</v>
      </c>
      <c r="G2145" s="6" t="s">
        <v>10253</v>
      </c>
      <c r="H2145" s="6" t="s">
        <v>18</v>
      </c>
      <c r="I2145" s="6" t="s">
        <v>19</v>
      </c>
      <c r="J2145" s="6" t="s">
        <v>10254</v>
      </c>
      <c r="K2145" s="9" t="s">
        <v>10255</v>
      </c>
      <c r="L2145" s="10" t="s">
        <v>22</v>
      </c>
      <c r="M2145" s="10" t="s">
        <v>22</v>
      </c>
      <c r="N2145" s="10" t="s">
        <v>22</v>
      </c>
      <c r="O2145" s="10" t="s">
        <v>22</v>
      </c>
      <c r="P2145" s="10" t="s">
        <v>22</v>
      </c>
      <c r="Q2145" s="10" t="s">
        <v>22</v>
      </c>
      <c r="W2145" s="10" t="s">
        <v>22</v>
      </c>
      <c r="Z2145" s="10" t="s">
        <v>22</v>
      </c>
    </row>
    <row r="2146" spans="1:26" ht="24" customHeight="1" x14ac:dyDescent="0.2">
      <c r="A2146" s="9" t="s">
        <v>19388</v>
      </c>
      <c r="B2146" s="9" t="s">
        <v>14</v>
      </c>
      <c r="C2146" s="9" t="s">
        <v>10256</v>
      </c>
      <c r="D2146" s="6" t="s">
        <v>10257</v>
      </c>
      <c r="E2146" s="22">
        <v>44085</v>
      </c>
      <c r="F2146" s="22">
        <v>45910</v>
      </c>
      <c r="G2146" s="6" t="s">
        <v>10258</v>
      </c>
      <c r="H2146" s="6" t="s">
        <v>18</v>
      </c>
      <c r="I2146" s="6" t="s">
        <v>19</v>
      </c>
      <c r="J2146" s="6" t="s">
        <v>10259</v>
      </c>
      <c r="K2146" s="9" t="s">
        <v>10260</v>
      </c>
      <c r="L2146" s="10" t="s">
        <v>22</v>
      </c>
      <c r="M2146" s="10" t="s">
        <v>22</v>
      </c>
      <c r="N2146" s="10" t="s">
        <v>22</v>
      </c>
      <c r="O2146" s="10" t="s">
        <v>22</v>
      </c>
      <c r="P2146" s="10" t="s">
        <v>22</v>
      </c>
      <c r="Q2146" s="10" t="s">
        <v>22</v>
      </c>
      <c r="R2146" s="10" t="s">
        <v>22</v>
      </c>
      <c r="S2146" s="10" t="s">
        <v>22</v>
      </c>
      <c r="T2146" s="10" t="s">
        <v>22</v>
      </c>
      <c r="U2146" s="10" t="s">
        <v>22</v>
      </c>
      <c r="V2146" s="10" t="s">
        <v>22</v>
      </c>
      <c r="W2146" s="10" t="s">
        <v>22</v>
      </c>
      <c r="X2146" s="10" t="s">
        <v>22</v>
      </c>
      <c r="Y2146" s="10" t="s">
        <v>22</v>
      </c>
      <c r="Z2146" s="10" t="s">
        <v>22</v>
      </c>
    </row>
    <row r="2147" spans="1:26" ht="24" customHeight="1" x14ac:dyDescent="0.2">
      <c r="A2147" s="9" t="s">
        <v>19389</v>
      </c>
      <c r="B2147" s="9" t="s">
        <v>14</v>
      </c>
      <c r="C2147" s="9" t="s">
        <v>10261</v>
      </c>
      <c r="D2147" s="6" t="s">
        <v>10262</v>
      </c>
      <c r="E2147" s="22">
        <v>44050</v>
      </c>
      <c r="F2147" s="22">
        <v>45875</v>
      </c>
      <c r="G2147" s="6" t="s">
        <v>10263</v>
      </c>
      <c r="H2147" s="6" t="s">
        <v>363</v>
      </c>
      <c r="I2147" s="6" t="s">
        <v>10264</v>
      </c>
      <c r="J2147" s="6" t="s">
        <v>10265</v>
      </c>
      <c r="K2147" s="9" t="s">
        <v>10266</v>
      </c>
      <c r="L2147" s="10" t="s">
        <v>22</v>
      </c>
      <c r="M2147" s="10" t="s">
        <v>22</v>
      </c>
      <c r="N2147" s="10" t="s">
        <v>22</v>
      </c>
      <c r="O2147" s="10" t="s">
        <v>22</v>
      </c>
      <c r="P2147" s="10" t="s">
        <v>22</v>
      </c>
      <c r="Q2147" s="10" t="s">
        <v>22</v>
      </c>
      <c r="U2147" s="10" t="s">
        <v>22</v>
      </c>
      <c r="V2147" s="10" t="s">
        <v>22</v>
      </c>
      <c r="W2147" s="10" t="s">
        <v>22</v>
      </c>
      <c r="X2147" s="10" t="s">
        <v>22</v>
      </c>
      <c r="Y2147" s="10" t="s">
        <v>22</v>
      </c>
      <c r="Z2147" s="10" t="s">
        <v>22</v>
      </c>
    </row>
    <row r="2148" spans="1:26" ht="24" customHeight="1" x14ac:dyDescent="0.2">
      <c r="A2148" s="9" t="s">
        <v>19390</v>
      </c>
      <c r="B2148" s="9" t="s">
        <v>14</v>
      </c>
      <c r="C2148" s="9" t="s">
        <v>10267</v>
      </c>
      <c r="D2148" s="6" t="s">
        <v>10268</v>
      </c>
      <c r="E2148" s="22">
        <v>44050</v>
      </c>
      <c r="F2148" s="22">
        <v>45875</v>
      </c>
      <c r="G2148" s="6" t="s">
        <v>10269</v>
      </c>
      <c r="H2148" s="6" t="s">
        <v>202</v>
      </c>
      <c r="I2148" s="6" t="s">
        <v>203</v>
      </c>
      <c r="J2148" s="6" t="s">
        <v>10270</v>
      </c>
      <c r="K2148" s="9" t="s">
        <v>10271</v>
      </c>
      <c r="L2148" s="10" t="s">
        <v>22</v>
      </c>
      <c r="M2148" s="10" t="s">
        <v>22</v>
      </c>
      <c r="N2148" s="10" t="s">
        <v>22</v>
      </c>
      <c r="O2148" s="10" t="s">
        <v>22</v>
      </c>
      <c r="P2148" s="10" t="s">
        <v>22</v>
      </c>
      <c r="Q2148" s="10" t="s">
        <v>22</v>
      </c>
      <c r="R2148" s="10" t="s">
        <v>22</v>
      </c>
      <c r="S2148" s="10" t="s">
        <v>22</v>
      </c>
      <c r="T2148" s="10" t="s">
        <v>22</v>
      </c>
      <c r="U2148" s="10" t="s">
        <v>22</v>
      </c>
      <c r="V2148" s="10" t="s">
        <v>22</v>
      </c>
      <c r="W2148" s="10" t="s">
        <v>22</v>
      </c>
      <c r="X2148" s="10" t="s">
        <v>22</v>
      </c>
      <c r="Y2148" s="10" t="s">
        <v>22</v>
      </c>
      <c r="Z2148" s="10" t="s">
        <v>22</v>
      </c>
    </row>
    <row r="2149" spans="1:26" ht="24" customHeight="1" x14ac:dyDescent="0.2">
      <c r="A2149" s="9" t="s">
        <v>19391</v>
      </c>
      <c r="B2149" s="9" t="s">
        <v>14</v>
      </c>
      <c r="C2149" s="9" t="s">
        <v>10272</v>
      </c>
      <c r="D2149" s="6" t="s">
        <v>10273</v>
      </c>
      <c r="E2149" s="22">
        <v>44050</v>
      </c>
      <c r="F2149" s="22">
        <v>45875</v>
      </c>
      <c r="G2149" s="6" t="s">
        <v>10274</v>
      </c>
      <c r="H2149" s="6" t="s">
        <v>62</v>
      </c>
      <c r="I2149" s="6" t="s">
        <v>236</v>
      </c>
      <c r="J2149" s="6" t="s">
        <v>10275</v>
      </c>
      <c r="K2149" s="9" t="s">
        <v>10276</v>
      </c>
      <c r="L2149" s="10" t="s">
        <v>22</v>
      </c>
      <c r="M2149" s="10" t="s">
        <v>22</v>
      </c>
      <c r="N2149" s="10" t="s">
        <v>22</v>
      </c>
      <c r="O2149" s="10" t="s">
        <v>22</v>
      </c>
      <c r="P2149" s="10" t="s">
        <v>22</v>
      </c>
      <c r="Q2149" s="10" t="s">
        <v>22</v>
      </c>
      <c r="R2149" s="10" t="s">
        <v>22</v>
      </c>
      <c r="S2149" s="10" t="s">
        <v>22</v>
      </c>
      <c r="T2149" s="10" t="s">
        <v>22</v>
      </c>
      <c r="U2149" s="10" t="s">
        <v>22</v>
      </c>
      <c r="V2149" s="10" t="s">
        <v>22</v>
      </c>
      <c r="W2149" s="10" t="s">
        <v>22</v>
      </c>
      <c r="X2149" s="10" t="s">
        <v>22</v>
      </c>
      <c r="Y2149" s="10" t="s">
        <v>22</v>
      </c>
      <c r="Z2149" s="10" t="s">
        <v>22</v>
      </c>
    </row>
    <row r="2150" spans="1:26" ht="24" customHeight="1" x14ac:dyDescent="0.2">
      <c r="A2150" s="9" t="s">
        <v>19392</v>
      </c>
      <c r="B2150" s="9" t="s">
        <v>14</v>
      </c>
      <c r="C2150" s="9" t="s">
        <v>10277</v>
      </c>
      <c r="D2150" s="6" t="s">
        <v>10278</v>
      </c>
      <c r="E2150" s="22">
        <v>44050</v>
      </c>
      <c r="F2150" s="22">
        <v>45875</v>
      </c>
      <c r="G2150" s="6" t="s">
        <v>10279</v>
      </c>
      <c r="H2150" s="6" t="s">
        <v>229</v>
      </c>
      <c r="I2150" s="6" t="s">
        <v>1885</v>
      </c>
      <c r="J2150" s="6" t="s">
        <v>10280</v>
      </c>
      <c r="K2150" s="9" t="s">
        <v>10281</v>
      </c>
      <c r="L2150" s="10" t="s">
        <v>22</v>
      </c>
      <c r="M2150" s="10" t="s">
        <v>22</v>
      </c>
      <c r="N2150" s="10" t="s">
        <v>22</v>
      </c>
      <c r="O2150" s="10" t="s">
        <v>22</v>
      </c>
      <c r="P2150" s="10" t="s">
        <v>22</v>
      </c>
      <c r="Q2150" s="10" t="s">
        <v>22</v>
      </c>
      <c r="R2150" s="10" t="s">
        <v>22</v>
      </c>
      <c r="S2150" s="10" t="s">
        <v>22</v>
      </c>
      <c r="T2150" s="10" t="s">
        <v>22</v>
      </c>
      <c r="U2150" s="10" t="s">
        <v>22</v>
      </c>
      <c r="V2150" s="10" t="s">
        <v>22</v>
      </c>
      <c r="W2150" s="10" t="s">
        <v>22</v>
      </c>
      <c r="X2150" s="10" t="s">
        <v>22</v>
      </c>
      <c r="Y2150" s="10" t="s">
        <v>22</v>
      </c>
      <c r="Z2150" s="10" t="s">
        <v>22</v>
      </c>
    </row>
    <row r="2151" spans="1:26" ht="24" customHeight="1" x14ac:dyDescent="0.2">
      <c r="A2151" s="9" t="s">
        <v>19393</v>
      </c>
      <c r="B2151" s="9" t="s">
        <v>14</v>
      </c>
      <c r="C2151" s="9" t="s">
        <v>10282</v>
      </c>
      <c r="D2151" s="6" t="s">
        <v>10283</v>
      </c>
      <c r="E2151" s="22">
        <v>44050</v>
      </c>
      <c r="F2151" s="22">
        <v>45875</v>
      </c>
      <c r="G2151" s="6" t="s">
        <v>10284</v>
      </c>
      <c r="H2151" s="6" t="s">
        <v>62</v>
      </c>
      <c r="I2151" s="6" t="s">
        <v>842</v>
      </c>
      <c r="J2151" s="6" t="s">
        <v>10285</v>
      </c>
      <c r="K2151" s="9" t="s">
        <v>10286</v>
      </c>
      <c r="L2151" s="10" t="s">
        <v>22</v>
      </c>
      <c r="M2151" s="10" t="s">
        <v>22</v>
      </c>
      <c r="N2151" s="10" t="s">
        <v>22</v>
      </c>
      <c r="O2151" s="10" t="s">
        <v>22</v>
      </c>
      <c r="P2151" s="10" t="s">
        <v>22</v>
      </c>
      <c r="Q2151" s="10" t="s">
        <v>22</v>
      </c>
      <c r="R2151" s="10" t="s">
        <v>22</v>
      </c>
      <c r="S2151" s="10" t="s">
        <v>22</v>
      </c>
      <c r="T2151" s="10" t="s">
        <v>22</v>
      </c>
      <c r="U2151" s="10" t="s">
        <v>22</v>
      </c>
      <c r="V2151" s="10" t="s">
        <v>22</v>
      </c>
      <c r="W2151" s="10" t="s">
        <v>22</v>
      </c>
      <c r="X2151" s="10" t="s">
        <v>22</v>
      </c>
      <c r="Y2151" s="10" t="s">
        <v>22</v>
      </c>
      <c r="Z2151" s="10" t="s">
        <v>22</v>
      </c>
    </row>
    <row r="2152" spans="1:26" ht="24" customHeight="1" x14ac:dyDescent="0.2">
      <c r="A2152" s="9" t="s">
        <v>19394</v>
      </c>
      <c r="B2152" s="9" t="s">
        <v>14</v>
      </c>
      <c r="C2152" s="9" t="s">
        <v>10287</v>
      </c>
      <c r="D2152" s="6" t="s">
        <v>10288</v>
      </c>
      <c r="E2152" s="22">
        <v>44055</v>
      </c>
      <c r="F2152" s="22">
        <v>45880</v>
      </c>
      <c r="G2152" s="6" t="s">
        <v>10289</v>
      </c>
      <c r="H2152" s="6" t="s">
        <v>18</v>
      </c>
      <c r="I2152" s="6" t="s">
        <v>19</v>
      </c>
      <c r="J2152" s="6" t="s">
        <v>10290</v>
      </c>
      <c r="K2152" s="9" t="s">
        <v>10291</v>
      </c>
      <c r="M2152" s="10" t="s">
        <v>22</v>
      </c>
      <c r="N2152" s="10" t="s">
        <v>22</v>
      </c>
      <c r="V2152" s="10" t="s">
        <v>22</v>
      </c>
      <c r="W2152" s="10" t="s">
        <v>22</v>
      </c>
    </row>
    <row r="2153" spans="1:26" ht="24" customHeight="1" x14ac:dyDescent="0.2">
      <c r="A2153" s="9" t="s">
        <v>19395</v>
      </c>
      <c r="B2153" s="9" t="s">
        <v>14</v>
      </c>
      <c r="C2153" s="9" t="s">
        <v>10292</v>
      </c>
      <c r="D2153" s="6" t="s">
        <v>10293</v>
      </c>
      <c r="E2153" s="22">
        <v>44062</v>
      </c>
      <c r="F2153" s="22">
        <v>45887</v>
      </c>
      <c r="G2153" s="6" t="s">
        <v>10294</v>
      </c>
      <c r="H2153" s="6" t="s">
        <v>62</v>
      </c>
      <c r="I2153" s="6" t="s">
        <v>186</v>
      </c>
      <c r="J2153" s="6" t="s">
        <v>10295</v>
      </c>
      <c r="K2153" s="9" t="s">
        <v>10296</v>
      </c>
      <c r="L2153" s="10" t="s">
        <v>22</v>
      </c>
      <c r="M2153" s="10" t="s">
        <v>22</v>
      </c>
      <c r="N2153" s="10" t="s">
        <v>22</v>
      </c>
      <c r="O2153" s="10" t="s">
        <v>22</v>
      </c>
      <c r="P2153" s="10" t="s">
        <v>22</v>
      </c>
      <c r="Q2153" s="10" t="s">
        <v>22</v>
      </c>
      <c r="R2153" s="10" t="s">
        <v>22</v>
      </c>
      <c r="S2153" s="10" t="s">
        <v>22</v>
      </c>
      <c r="T2153" s="10" t="s">
        <v>22</v>
      </c>
      <c r="U2153" s="10" t="s">
        <v>22</v>
      </c>
      <c r="V2153" s="10" t="s">
        <v>22</v>
      </c>
      <c r="W2153" s="10" t="s">
        <v>22</v>
      </c>
      <c r="X2153" s="10" t="s">
        <v>22</v>
      </c>
      <c r="Y2153" s="10" t="s">
        <v>22</v>
      </c>
      <c r="Z2153" s="10" t="s">
        <v>22</v>
      </c>
    </row>
    <row r="2154" spans="1:26" ht="24" customHeight="1" x14ac:dyDescent="0.2">
      <c r="A2154" s="9" t="s">
        <v>19396</v>
      </c>
      <c r="B2154" s="9" t="s">
        <v>14</v>
      </c>
      <c r="C2154" s="9" t="s">
        <v>10297</v>
      </c>
      <c r="D2154" s="6" t="s">
        <v>10298</v>
      </c>
      <c r="E2154" s="22">
        <v>44062</v>
      </c>
      <c r="F2154" s="22">
        <v>45887</v>
      </c>
      <c r="G2154" s="6" t="s">
        <v>10299</v>
      </c>
      <c r="H2154" s="6" t="s">
        <v>202</v>
      </c>
      <c r="I2154" s="6" t="s">
        <v>4750</v>
      </c>
      <c r="J2154" s="6" t="s">
        <v>10300</v>
      </c>
      <c r="K2154" s="9" t="s">
        <v>10301</v>
      </c>
      <c r="L2154" s="10" t="s">
        <v>22</v>
      </c>
      <c r="M2154" s="10" t="s">
        <v>22</v>
      </c>
      <c r="N2154" s="10" t="s">
        <v>22</v>
      </c>
      <c r="U2154" s="10" t="s">
        <v>22</v>
      </c>
      <c r="V2154" s="10" t="s">
        <v>22</v>
      </c>
      <c r="W2154" s="10" t="s">
        <v>22</v>
      </c>
    </row>
    <row r="2155" spans="1:26" ht="24" customHeight="1" x14ac:dyDescent="0.2">
      <c r="A2155" s="9" t="s">
        <v>19397</v>
      </c>
      <c r="B2155" s="9" t="s">
        <v>14</v>
      </c>
      <c r="C2155" s="9" t="s">
        <v>10302</v>
      </c>
      <c r="D2155" s="6" t="s">
        <v>8699</v>
      </c>
      <c r="E2155" s="22">
        <v>44062</v>
      </c>
      <c r="F2155" s="22">
        <v>45887</v>
      </c>
      <c r="G2155" s="6" t="s">
        <v>10303</v>
      </c>
      <c r="H2155" s="6" t="s">
        <v>202</v>
      </c>
      <c r="I2155" s="6" t="s">
        <v>1530</v>
      </c>
      <c r="J2155" s="6" t="s">
        <v>10304</v>
      </c>
      <c r="K2155" s="9" t="s">
        <v>10305</v>
      </c>
      <c r="L2155" s="10" t="s">
        <v>22</v>
      </c>
      <c r="M2155" s="10" t="s">
        <v>22</v>
      </c>
      <c r="N2155" s="10" t="s">
        <v>22</v>
      </c>
      <c r="O2155" s="10" t="s">
        <v>22</v>
      </c>
      <c r="P2155" s="10" t="s">
        <v>22</v>
      </c>
      <c r="Q2155" s="10" t="s">
        <v>22</v>
      </c>
      <c r="R2155" s="10" t="s">
        <v>22</v>
      </c>
      <c r="S2155" s="10" t="s">
        <v>22</v>
      </c>
      <c r="T2155" s="10" t="s">
        <v>22</v>
      </c>
      <c r="U2155" s="10" t="s">
        <v>22</v>
      </c>
      <c r="V2155" s="10" t="s">
        <v>22</v>
      </c>
      <c r="W2155" s="10" t="s">
        <v>22</v>
      </c>
      <c r="X2155" s="10" t="s">
        <v>22</v>
      </c>
      <c r="Y2155" s="10" t="s">
        <v>22</v>
      </c>
      <c r="Z2155" s="10" t="s">
        <v>22</v>
      </c>
    </row>
    <row r="2156" spans="1:26" ht="24" customHeight="1" x14ac:dyDescent="0.2">
      <c r="A2156" s="9" t="s">
        <v>19398</v>
      </c>
      <c r="B2156" s="9" t="s">
        <v>14</v>
      </c>
      <c r="C2156" s="9" t="s">
        <v>10306</v>
      </c>
      <c r="D2156" s="6" t="s">
        <v>10307</v>
      </c>
      <c r="E2156" s="22">
        <v>44062</v>
      </c>
      <c r="F2156" s="22">
        <v>45887</v>
      </c>
      <c r="G2156" s="6" t="s">
        <v>10308</v>
      </c>
      <c r="H2156" s="6" t="s">
        <v>18</v>
      </c>
      <c r="I2156" s="6" t="s">
        <v>19</v>
      </c>
      <c r="J2156" s="6" t="s">
        <v>10309</v>
      </c>
      <c r="K2156" s="9" t="s">
        <v>10310</v>
      </c>
      <c r="L2156" s="10" t="s">
        <v>22</v>
      </c>
      <c r="M2156" s="10" t="s">
        <v>22</v>
      </c>
      <c r="N2156" s="10" t="s">
        <v>22</v>
      </c>
      <c r="O2156" s="10" t="s">
        <v>22</v>
      </c>
      <c r="P2156" s="10" t="s">
        <v>22</v>
      </c>
      <c r="Q2156" s="10" t="s">
        <v>22</v>
      </c>
      <c r="R2156" s="10" t="s">
        <v>22</v>
      </c>
      <c r="S2156" s="10" t="s">
        <v>22</v>
      </c>
      <c r="T2156" s="10" t="s">
        <v>22</v>
      </c>
      <c r="U2156" s="10" t="s">
        <v>22</v>
      </c>
      <c r="V2156" s="10" t="s">
        <v>22</v>
      </c>
      <c r="W2156" s="10" t="s">
        <v>22</v>
      </c>
      <c r="X2156" s="10" t="s">
        <v>22</v>
      </c>
      <c r="Y2156" s="10" t="s">
        <v>22</v>
      </c>
      <c r="Z2156" s="10" t="s">
        <v>22</v>
      </c>
    </row>
    <row r="2157" spans="1:26" ht="24" customHeight="1" x14ac:dyDescent="0.2">
      <c r="A2157" s="9" t="s">
        <v>19399</v>
      </c>
      <c r="B2157" s="9" t="s">
        <v>14</v>
      </c>
      <c r="C2157" s="9" t="s">
        <v>10311</v>
      </c>
      <c r="D2157" s="6" t="s">
        <v>10312</v>
      </c>
      <c r="E2157" s="22">
        <v>44062</v>
      </c>
      <c r="F2157" s="22">
        <v>45887</v>
      </c>
      <c r="G2157" s="6" t="s">
        <v>10313</v>
      </c>
      <c r="H2157" s="6" t="s">
        <v>1047</v>
      </c>
      <c r="I2157" s="6" t="s">
        <v>1060</v>
      </c>
      <c r="J2157" s="6" t="s">
        <v>10314</v>
      </c>
      <c r="K2157" s="9" t="s">
        <v>10315</v>
      </c>
      <c r="L2157" s="10" t="s">
        <v>22</v>
      </c>
      <c r="M2157" s="10" t="s">
        <v>22</v>
      </c>
      <c r="N2157" s="10" t="s">
        <v>22</v>
      </c>
      <c r="O2157" s="10" t="s">
        <v>22</v>
      </c>
      <c r="P2157" s="10" t="s">
        <v>22</v>
      </c>
      <c r="Q2157" s="10" t="s">
        <v>22</v>
      </c>
      <c r="R2157" s="10" t="s">
        <v>22</v>
      </c>
      <c r="S2157" s="10" t="s">
        <v>22</v>
      </c>
      <c r="T2157" s="10" t="s">
        <v>22</v>
      </c>
      <c r="U2157" s="10" t="s">
        <v>22</v>
      </c>
      <c r="V2157" s="10" t="s">
        <v>22</v>
      </c>
      <c r="W2157" s="10" t="s">
        <v>22</v>
      </c>
      <c r="X2157" s="10" t="s">
        <v>22</v>
      </c>
      <c r="Y2157" s="10" t="s">
        <v>22</v>
      </c>
      <c r="Z2157" s="10" t="s">
        <v>22</v>
      </c>
    </row>
    <row r="2158" spans="1:26" ht="24" customHeight="1" x14ac:dyDescent="0.2">
      <c r="A2158" s="9" t="s">
        <v>19400</v>
      </c>
      <c r="B2158" s="9" t="s">
        <v>14</v>
      </c>
      <c r="C2158" s="9" t="s">
        <v>10316</v>
      </c>
      <c r="D2158" s="6" t="s">
        <v>10317</v>
      </c>
      <c r="E2158" s="22">
        <v>44068</v>
      </c>
      <c r="F2158" s="22">
        <v>45893</v>
      </c>
      <c r="G2158" s="6" t="s">
        <v>10318</v>
      </c>
      <c r="H2158" s="6" t="s">
        <v>62</v>
      </c>
      <c r="I2158" s="6" t="s">
        <v>290</v>
      </c>
      <c r="J2158" s="6" t="s">
        <v>10319</v>
      </c>
      <c r="K2158" s="9" t="s">
        <v>10320</v>
      </c>
      <c r="L2158" s="10" t="s">
        <v>22</v>
      </c>
      <c r="M2158" s="10" t="s">
        <v>22</v>
      </c>
      <c r="N2158" s="10" t="s">
        <v>22</v>
      </c>
      <c r="O2158" s="10" t="s">
        <v>22</v>
      </c>
      <c r="P2158" s="10" t="s">
        <v>22</v>
      </c>
      <c r="Q2158" s="10" t="s">
        <v>22</v>
      </c>
      <c r="R2158" s="10" t="s">
        <v>22</v>
      </c>
      <c r="S2158" s="10" t="s">
        <v>22</v>
      </c>
      <c r="T2158" s="10" t="s">
        <v>22</v>
      </c>
      <c r="U2158" s="10" t="s">
        <v>22</v>
      </c>
      <c r="V2158" s="10" t="s">
        <v>22</v>
      </c>
      <c r="W2158" s="10" t="s">
        <v>22</v>
      </c>
      <c r="X2158" s="10" t="s">
        <v>22</v>
      </c>
      <c r="Y2158" s="10" t="s">
        <v>22</v>
      </c>
      <c r="Z2158" s="10" t="s">
        <v>22</v>
      </c>
    </row>
    <row r="2159" spans="1:26" ht="24" customHeight="1" x14ac:dyDescent="0.2">
      <c r="A2159" s="9" t="s">
        <v>19401</v>
      </c>
      <c r="B2159" s="9" t="s">
        <v>14</v>
      </c>
      <c r="C2159" s="9" t="s">
        <v>10321</v>
      </c>
      <c r="D2159" s="6" t="s">
        <v>10322</v>
      </c>
      <c r="E2159" s="22">
        <v>44068</v>
      </c>
      <c r="F2159" s="22">
        <v>45893</v>
      </c>
      <c r="G2159" s="6" t="s">
        <v>10323</v>
      </c>
      <c r="H2159" s="6" t="s">
        <v>62</v>
      </c>
      <c r="I2159" s="6" t="s">
        <v>551</v>
      </c>
      <c r="J2159" s="6" t="s">
        <v>10324</v>
      </c>
      <c r="K2159" s="9" t="s">
        <v>10325</v>
      </c>
      <c r="L2159" s="10" t="s">
        <v>22</v>
      </c>
      <c r="M2159" s="10" t="s">
        <v>22</v>
      </c>
      <c r="N2159" s="10" t="s">
        <v>22</v>
      </c>
      <c r="O2159" s="10" t="s">
        <v>22</v>
      </c>
      <c r="P2159" s="10" t="s">
        <v>22</v>
      </c>
      <c r="Q2159" s="10" t="s">
        <v>22</v>
      </c>
      <c r="U2159" s="10" t="s">
        <v>22</v>
      </c>
      <c r="V2159" s="10" t="s">
        <v>22</v>
      </c>
      <c r="W2159" s="10" t="s">
        <v>22</v>
      </c>
      <c r="X2159" s="10" t="s">
        <v>22</v>
      </c>
      <c r="Y2159" s="10" t="s">
        <v>22</v>
      </c>
      <c r="Z2159" s="10" t="s">
        <v>22</v>
      </c>
    </row>
    <row r="2160" spans="1:26" ht="24" customHeight="1" x14ac:dyDescent="0.2">
      <c r="A2160" s="9" t="s">
        <v>19402</v>
      </c>
      <c r="B2160" s="9" t="s">
        <v>14</v>
      </c>
      <c r="C2160" s="9" t="s">
        <v>10326</v>
      </c>
      <c r="D2160" s="6" t="s">
        <v>10327</v>
      </c>
      <c r="E2160" s="22">
        <v>44076</v>
      </c>
      <c r="F2160" s="22">
        <v>45901</v>
      </c>
      <c r="G2160" s="6" t="s">
        <v>10328</v>
      </c>
      <c r="H2160" s="6" t="s">
        <v>2069</v>
      </c>
      <c r="I2160" s="6" t="s">
        <v>10329</v>
      </c>
      <c r="J2160" s="6" t="s">
        <v>10330</v>
      </c>
      <c r="K2160" s="9" t="s">
        <v>10331</v>
      </c>
      <c r="L2160" s="10" t="s">
        <v>22</v>
      </c>
      <c r="M2160" s="10" t="s">
        <v>22</v>
      </c>
      <c r="N2160" s="10" t="s">
        <v>22</v>
      </c>
      <c r="O2160" s="10" t="s">
        <v>22</v>
      </c>
      <c r="P2160" s="10" t="s">
        <v>22</v>
      </c>
      <c r="Q2160" s="10" t="s">
        <v>22</v>
      </c>
      <c r="R2160" s="10" t="s">
        <v>22</v>
      </c>
      <c r="S2160" s="10" t="s">
        <v>22</v>
      </c>
      <c r="T2160" s="10" t="s">
        <v>22</v>
      </c>
      <c r="U2160" s="10" t="s">
        <v>22</v>
      </c>
      <c r="V2160" s="10" t="s">
        <v>22</v>
      </c>
      <c r="W2160" s="10" t="s">
        <v>22</v>
      </c>
      <c r="X2160" s="10" t="s">
        <v>22</v>
      </c>
      <c r="Y2160" s="10" t="s">
        <v>22</v>
      </c>
      <c r="Z2160" s="10" t="s">
        <v>22</v>
      </c>
    </row>
    <row r="2161" spans="1:26" ht="24" customHeight="1" x14ac:dyDescent="0.2">
      <c r="A2161" s="9" t="s">
        <v>19403</v>
      </c>
      <c r="B2161" s="9" t="s">
        <v>14</v>
      </c>
      <c r="C2161" s="9" t="s">
        <v>10332</v>
      </c>
      <c r="D2161" s="6" t="s">
        <v>10333</v>
      </c>
      <c r="E2161" s="22">
        <v>44076</v>
      </c>
      <c r="F2161" s="22">
        <v>45901</v>
      </c>
      <c r="G2161" s="6" t="s">
        <v>10334</v>
      </c>
      <c r="H2161" s="6" t="s">
        <v>62</v>
      </c>
      <c r="I2161" s="6" t="s">
        <v>236</v>
      </c>
      <c r="J2161" s="6" t="s">
        <v>10335</v>
      </c>
      <c r="K2161" s="9" t="s">
        <v>10336</v>
      </c>
      <c r="L2161" s="10" t="s">
        <v>22</v>
      </c>
      <c r="M2161" s="10" t="s">
        <v>22</v>
      </c>
      <c r="N2161" s="10" t="s">
        <v>22</v>
      </c>
      <c r="O2161" s="10" t="s">
        <v>22</v>
      </c>
      <c r="P2161" s="10" t="s">
        <v>22</v>
      </c>
      <c r="Q2161" s="10" t="s">
        <v>22</v>
      </c>
      <c r="R2161" s="10" t="s">
        <v>22</v>
      </c>
      <c r="S2161" s="10" t="s">
        <v>22</v>
      </c>
      <c r="T2161" s="10" t="s">
        <v>22</v>
      </c>
    </row>
    <row r="2162" spans="1:26" ht="24" customHeight="1" x14ac:dyDescent="0.2">
      <c r="A2162" s="9" t="s">
        <v>19404</v>
      </c>
      <c r="B2162" s="9" t="s">
        <v>14</v>
      </c>
      <c r="C2162" s="9" t="s">
        <v>10337</v>
      </c>
      <c r="D2162" s="6" t="s">
        <v>10338</v>
      </c>
      <c r="E2162" s="22">
        <v>44076</v>
      </c>
      <c r="F2162" s="22">
        <v>45901</v>
      </c>
      <c r="G2162" s="6" t="s">
        <v>10339</v>
      </c>
      <c r="H2162" s="6" t="s">
        <v>202</v>
      </c>
      <c r="I2162" s="6" t="s">
        <v>1707</v>
      </c>
      <c r="J2162" s="6" t="s">
        <v>10340</v>
      </c>
      <c r="K2162" s="9" t="s">
        <v>10341</v>
      </c>
      <c r="L2162" s="10" t="s">
        <v>22</v>
      </c>
      <c r="M2162" s="10" t="s">
        <v>22</v>
      </c>
      <c r="N2162" s="10" t="s">
        <v>22</v>
      </c>
      <c r="O2162" s="10" t="s">
        <v>22</v>
      </c>
      <c r="P2162" s="10" t="s">
        <v>22</v>
      </c>
      <c r="Q2162" s="10" t="s">
        <v>22</v>
      </c>
      <c r="R2162" s="10" t="s">
        <v>22</v>
      </c>
      <c r="S2162" s="10" t="s">
        <v>22</v>
      </c>
      <c r="T2162" s="10" t="s">
        <v>22</v>
      </c>
      <c r="U2162" s="10" t="s">
        <v>22</v>
      </c>
      <c r="V2162" s="10" t="s">
        <v>22</v>
      </c>
      <c r="W2162" s="10" t="s">
        <v>22</v>
      </c>
      <c r="X2162" s="10" t="s">
        <v>22</v>
      </c>
      <c r="Y2162" s="10" t="s">
        <v>22</v>
      </c>
      <c r="Z2162" s="10" t="s">
        <v>22</v>
      </c>
    </row>
    <row r="2163" spans="1:26" ht="24" customHeight="1" x14ac:dyDescent="0.2">
      <c r="A2163" s="9" t="s">
        <v>19405</v>
      </c>
      <c r="B2163" s="9" t="s">
        <v>14</v>
      </c>
      <c r="C2163" s="9" t="s">
        <v>10342</v>
      </c>
      <c r="D2163" s="6" t="s">
        <v>10343</v>
      </c>
      <c r="E2163" s="22">
        <v>44078</v>
      </c>
      <c r="F2163" s="22">
        <v>45903</v>
      </c>
      <c r="G2163" s="6" t="s">
        <v>10344</v>
      </c>
      <c r="H2163" s="6" t="s">
        <v>62</v>
      </c>
      <c r="I2163" s="6" t="s">
        <v>414</v>
      </c>
      <c r="J2163" s="6" t="s">
        <v>10345</v>
      </c>
      <c r="K2163" s="9" t="s">
        <v>10346</v>
      </c>
      <c r="L2163" s="10" t="s">
        <v>22</v>
      </c>
      <c r="M2163" s="10" t="s">
        <v>22</v>
      </c>
      <c r="N2163" s="10" t="s">
        <v>22</v>
      </c>
      <c r="O2163" s="10" t="s">
        <v>22</v>
      </c>
      <c r="P2163" s="10" t="s">
        <v>22</v>
      </c>
      <c r="Q2163" s="10" t="s">
        <v>22</v>
      </c>
      <c r="R2163" s="10" t="s">
        <v>22</v>
      </c>
      <c r="S2163" s="10" t="s">
        <v>22</v>
      </c>
      <c r="T2163" s="10" t="s">
        <v>22</v>
      </c>
      <c r="U2163" s="10" t="s">
        <v>22</v>
      </c>
      <c r="V2163" s="10" t="s">
        <v>22</v>
      </c>
      <c r="W2163" s="10" t="s">
        <v>22</v>
      </c>
      <c r="X2163" s="10" t="s">
        <v>22</v>
      </c>
      <c r="Y2163" s="10" t="s">
        <v>22</v>
      </c>
      <c r="Z2163" s="10" t="s">
        <v>22</v>
      </c>
    </row>
    <row r="2164" spans="1:26" ht="24" customHeight="1" x14ac:dyDescent="0.2">
      <c r="A2164" s="9" t="s">
        <v>19406</v>
      </c>
      <c r="B2164" s="9" t="s">
        <v>14</v>
      </c>
      <c r="C2164" s="9" t="s">
        <v>10347</v>
      </c>
      <c r="D2164" s="6" t="s">
        <v>10348</v>
      </c>
      <c r="E2164" s="22">
        <v>44085</v>
      </c>
      <c r="F2164" s="22">
        <v>45910</v>
      </c>
      <c r="G2164" s="6" t="s">
        <v>10349</v>
      </c>
      <c r="H2164" s="6" t="s">
        <v>62</v>
      </c>
      <c r="I2164" s="6" t="s">
        <v>63</v>
      </c>
      <c r="J2164" s="6" t="s">
        <v>10350</v>
      </c>
      <c r="K2164" s="9" t="s">
        <v>10351</v>
      </c>
      <c r="L2164" s="10" t="s">
        <v>22</v>
      </c>
      <c r="M2164" s="10" t="s">
        <v>22</v>
      </c>
      <c r="N2164" s="10" t="s">
        <v>22</v>
      </c>
      <c r="O2164" s="10" t="s">
        <v>22</v>
      </c>
      <c r="P2164" s="10" t="s">
        <v>22</v>
      </c>
      <c r="Q2164" s="10" t="s">
        <v>22</v>
      </c>
      <c r="U2164" s="10" t="s">
        <v>22</v>
      </c>
      <c r="V2164" s="10" t="s">
        <v>22</v>
      </c>
      <c r="W2164" s="10" t="s">
        <v>22</v>
      </c>
      <c r="X2164" s="10" t="s">
        <v>22</v>
      </c>
      <c r="Y2164" s="10" t="s">
        <v>22</v>
      </c>
      <c r="Z2164" s="10" t="s">
        <v>22</v>
      </c>
    </row>
    <row r="2165" spans="1:26" ht="24" customHeight="1" x14ac:dyDescent="0.2">
      <c r="A2165" s="9" t="s">
        <v>19407</v>
      </c>
      <c r="B2165" s="9" t="s">
        <v>14</v>
      </c>
      <c r="C2165" s="9" t="s">
        <v>10352</v>
      </c>
      <c r="D2165" s="6" t="s">
        <v>10353</v>
      </c>
      <c r="E2165" s="22">
        <v>44085</v>
      </c>
      <c r="F2165" s="22">
        <v>45910</v>
      </c>
      <c r="G2165" s="6" t="s">
        <v>10354</v>
      </c>
      <c r="H2165" s="6" t="s">
        <v>62</v>
      </c>
      <c r="I2165" s="6" t="s">
        <v>279</v>
      </c>
      <c r="J2165" s="6" t="s">
        <v>10355</v>
      </c>
      <c r="K2165" s="9" t="s">
        <v>10356</v>
      </c>
      <c r="L2165" s="10" t="s">
        <v>22</v>
      </c>
      <c r="M2165" s="10" t="s">
        <v>22</v>
      </c>
      <c r="N2165" s="10" t="s">
        <v>22</v>
      </c>
      <c r="O2165" s="10" t="s">
        <v>22</v>
      </c>
      <c r="P2165" s="10" t="s">
        <v>22</v>
      </c>
      <c r="Q2165" s="10" t="s">
        <v>22</v>
      </c>
      <c r="U2165" s="10" t="s">
        <v>22</v>
      </c>
      <c r="V2165" s="10" t="s">
        <v>22</v>
      </c>
      <c r="W2165" s="10" t="s">
        <v>22</v>
      </c>
    </row>
    <row r="2166" spans="1:26" ht="24" customHeight="1" x14ac:dyDescent="0.2">
      <c r="A2166" s="9" t="s">
        <v>19408</v>
      </c>
      <c r="B2166" s="9" t="s">
        <v>14</v>
      </c>
      <c r="C2166" s="9" t="s">
        <v>10357</v>
      </c>
      <c r="D2166" s="6" t="s">
        <v>10358</v>
      </c>
      <c r="E2166" s="22">
        <v>44085</v>
      </c>
      <c r="F2166" s="22">
        <v>45910</v>
      </c>
      <c r="G2166" s="6" t="s">
        <v>10359</v>
      </c>
      <c r="H2166" s="6" t="s">
        <v>62</v>
      </c>
      <c r="I2166" s="6" t="s">
        <v>318</v>
      </c>
      <c r="J2166" s="6" t="s">
        <v>10360</v>
      </c>
      <c r="K2166" s="9" t="s">
        <v>10361</v>
      </c>
      <c r="L2166" s="10" t="s">
        <v>22</v>
      </c>
      <c r="M2166" s="10" t="s">
        <v>22</v>
      </c>
      <c r="N2166" s="10" t="s">
        <v>22</v>
      </c>
      <c r="O2166" s="10" t="s">
        <v>22</v>
      </c>
      <c r="P2166" s="10" t="s">
        <v>22</v>
      </c>
      <c r="Q2166" s="10" t="s">
        <v>22</v>
      </c>
      <c r="R2166" s="10" t="s">
        <v>22</v>
      </c>
      <c r="S2166" s="10" t="s">
        <v>22</v>
      </c>
      <c r="T2166" s="10" t="s">
        <v>22</v>
      </c>
      <c r="U2166" s="10" t="s">
        <v>22</v>
      </c>
      <c r="V2166" s="10" t="s">
        <v>22</v>
      </c>
      <c r="W2166" s="10" t="s">
        <v>22</v>
      </c>
      <c r="X2166" s="10" t="s">
        <v>22</v>
      </c>
      <c r="Y2166" s="10" t="s">
        <v>22</v>
      </c>
      <c r="Z2166" s="10" t="s">
        <v>22</v>
      </c>
    </row>
    <row r="2167" spans="1:26" ht="24" customHeight="1" x14ac:dyDescent="0.2">
      <c r="A2167" s="9" t="s">
        <v>19409</v>
      </c>
      <c r="B2167" s="9" t="s">
        <v>14</v>
      </c>
      <c r="C2167" s="9" t="s">
        <v>10362</v>
      </c>
      <c r="D2167" s="6" t="s">
        <v>10363</v>
      </c>
      <c r="E2167" s="22">
        <v>44085</v>
      </c>
      <c r="F2167" s="22">
        <v>45910</v>
      </c>
      <c r="G2167" s="6" t="s">
        <v>10364</v>
      </c>
      <c r="H2167" s="6" t="s">
        <v>18</v>
      </c>
      <c r="I2167" s="6" t="s">
        <v>19</v>
      </c>
      <c r="J2167" s="6" t="s">
        <v>8545</v>
      </c>
      <c r="K2167" s="9" t="s">
        <v>10365</v>
      </c>
      <c r="L2167" s="10" t="s">
        <v>22</v>
      </c>
      <c r="M2167" s="10" t="s">
        <v>22</v>
      </c>
      <c r="N2167" s="10" t="s">
        <v>22</v>
      </c>
      <c r="O2167" s="10" t="s">
        <v>22</v>
      </c>
      <c r="P2167" s="10" t="s">
        <v>22</v>
      </c>
      <c r="Q2167" s="10" t="s">
        <v>22</v>
      </c>
    </row>
    <row r="2168" spans="1:26" ht="24" customHeight="1" x14ac:dyDescent="0.2">
      <c r="A2168" s="9" t="s">
        <v>19410</v>
      </c>
      <c r="B2168" s="9" t="s">
        <v>14</v>
      </c>
      <c r="C2168" s="9" t="s">
        <v>10366</v>
      </c>
      <c r="D2168" s="6" t="s">
        <v>10367</v>
      </c>
      <c r="E2168" s="22">
        <v>44085</v>
      </c>
      <c r="F2168" s="22">
        <v>45910</v>
      </c>
      <c r="G2168" s="6" t="s">
        <v>10368</v>
      </c>
      <c r="H2168" s="6" t="s">
        <v>62</v>
      </c>
      <c r="I2168" s="6" t="s">
        <v>186</v>
      </c>
      <c r="J2168" s="6" t="s">
        <v>10369</v>
      </c>
      <c r="K2168" s="9" t="s">
        <v>10370</v>
      </c>
      <c r="L2168" s="10" t="s">
        <v>22</v>
      </c>
      <c r="M2168" s="10" t="s">
        <v>22</v>
      </c>
      <c r="N2168" s="10" t="s">
        <v>22</v>
      </c>
      <c r="O2168" s="10" t="s">
        <v>22</v>
      </c>
      <c r="P2168" s="10" t="s">
        <v>22</v>
      </c>
      <c r="Q2168" s="10" t="s">
        <v>22</v>
      </c>
      <c r="R2168" s="10" t="s">
        <v>22</v>
      </c>
      <c r="S2168" s="10" t="s">
        <v>22</v>
      </c>
      <c r="T2168" s="10" t="s">
        <v>22</v>
      </c>
      <c r="U2168" s="10" t="s">
        <v>22</v>
      </c>
      <c r="V2168" s="10" t="s">
        <v>22</v>
      </c>
      <c r="W2168" s="10" t="s">
        <v>22</v>
      </c>
      <c r="X2168" s="10" t="s">
        <v>22</v>
      </c>
      <c r="Y2168" s="10" t="s">
        <v>22</v>
      </c>
      <c r="Z2168" s="10" t="s">
        <v>22</v>
      </c>
    </row>
    <row r="2169" spans="1:26" ht="24" customHeight="1" x14ac:dyDescent="0.2">
      <c r="A2169" s="9" t="s">
        <v>19411</v>
      </c>
      <c r="B2169" s="9" t="s">
        <v>14</v>
      </c>
      <c r="C2169" s="9" t="s">
        <v>10371</v>
      </c>
      <c r="D2169" s="6" t="s">
        <v>10372</v>
      </c>
      <c r="E2169" s="22">
        <v>44085</v>
      </c>
      <c r="F2169" s="22">
        <v>45910</v>
      </c>
      <c r="G2169" s="6" t="s">
        <v>10373</v>
      </c>
      <c r="H2169" s="6" t="s">
        <v>202</v>
      </c>
      <c r="I2169" s="6" t="s">
        <v>863</v>
      </c>
      <c r="J2169" s="6" t="s">
        <v>10374</v>
      </c>
      <c r="K2169" s="9" t="s">
        <v>10375</v>
      </c>
      <c r="L2169" s="10" t="s">
        <v>22</v>
      </c>
      <c r="M2169" s="10" t="s">
        <v>22</v>
      </c>
      <c r="N2169" s="10" t="s">
        <v>22</v>
      </c>
      <c r="O2169" s="10" t="s">
        <v>22</v>
      </c>
      <c r="P2169" s="10" t="s">
        <v>22</v>
      </c>
      <c r="Q2169" s="10" t="s">
        <v>22</v>
      </c>
      <c r="R2169" s="10" t="s">
        <v>22</v>
      </c>
      <c r="S2169" s="10" t="s">
        <v>22</v>
      </c>
      <c r="T2169" s="10" t="s">
        <v>22</v>
      </c>
      <c r="U2169" s="10" t="s">
        <v>22</v>
      </c>
      <c r="V2169" s="10" t="s">
        <v>22</v>
      </c>
      <c r="W2169" s="10" t="s">
        <v>22</v>
      </c>
      <c r="X2169" s="10" t="s">
        <v>22</v>
      </c>
      <c r="Y2169" s="10" t="s">
        <v>22</v>
      </c>
      <c r="Z2169" s="10" t="s">
        <v>22</v>
      </c>
    </row>
    <row r="2170" spans="1:26" ht="24" customHeight="1" x14ac:dyDescent="0.2">
      <c r="A2170" s="9" t="s">
        <v>19412</v>
      </c>
      <c r="B2170" s="9" t="s">
        <v>14</v>
      </c>
      <c r="C2170" s="9" t="s">
        <v>10376</v>
      </c>
      <c r="D2170" s="6" t="s">
        <v>10377</v>
      </c>
      <c r="E2170" s="22">
        <v>44089</v>
      </c>
      <c r="F2170" s="22">
        <v>45914</v>
      </c>
      <c r="G2170" s="6" t="s">
        <v>10378</v>
      </c>
      <c r="H2170" s="6" t="s">
        <v>202</v>
      </c>
      <c r="I2170" s="6" t="s">
        <v>7775</v>
      </c>
      <c r="J2170" s="6" t="s">
        <v>10379</v>
      </c>
      <c r="K2170" s="9" t="s">
        <v>10380</v>
      </c>
      <c r="L2170" s="10" t="s">
        <v>22</v>
      </c>
      <c r="M2170" s="10" t="s">
        <v>22</v>
      </c>
      <c r="N2170" s="10" t="s">
        <v>22</v>
      </c>
      <c r="O2170" s="10" t="s">
        <v>22</v>
      </c>
      <c r="P2170" s="10" t="s">
        <v>22</v>
      </c>
      <c r="Q2170" s="10" t="s">
        <v>22</v>
      </c>
      <c r="R2170" s="10" t="s">
        <v>22</v>
      </c>
      <c r="S2170" s="10" t="s">
        <v>22</v>
      </c>
      <c r="T2170" s="10" t="s">
        <v>22</v>
      </c>
      <c r="U2170" s="10" t="s">
        <v>22</v>
      </c>
      <c r="V2170" s="10" t="s">
        <v>22</v>
      </c>
      <c r="W2170" s="10" t="s">
        <v>22</v>
      </c>
      <c r="X2170" s="10" t="s">
        <v>22</v>
      </c>
      <c r="Y2170" s="10" t="s">
        <v>22</v>
      </c>
      <c r="Z2170" s="10" t="s">
        <v>22</v>
      </c>
    </row>
    <row r="2171" spans="1:26" ht="24" customHeight="1" x14ac:dyDescent="0.2">
      <c r="A2171" s="9" t="s">
        <v>19413</v>
      </c>
      <c r="B2171" s="9" t="s">
        <v>14</v>
      </c>
      <c r="C2171" s="9" t="s">
        <v>10381</v>
      </c>
      <c r="D2171" s="6" t="s">
        <v>10382</v>
      </c>
      <c r="E2171" s="22">
        <v>44091</v>
      </c>
      <c r="F2171" s="22">
        <v>45916</v>
      </c>
      <c r="G2171" s="6" t="s">
        <v>10383</v>
      </c>
      <c r="H2171" s="6" t="s">
        <v>363</v>
      </c>
      <c r="I2171" s="6" t="s">
        <v>1966</v>
      </c>
      <c r="J2171" s="6" t="s">
        <v>10384</v>
      </c>
      <c r="K2171" s="9" t="s">
        <v>10385</v>
      </c>
      <c r="L2171" s="10" t="s">
        <v>22</v>
      </c>
      <c r="M2171" s="10" t="s">
        <v>22</v>
      </c>
      <c r="N2171" s="10" t="s">
        <v>22</v>
      </c>
      <c r="O2171" s="10" t="s">
        <v>22</v>
      </c>
      <c r="P2171" s="10" t="s">
        <v>22</v>
      </c>
      <c r="Q2171" s="10" t="s">
        <v>22</v>
      </c>
      <c r="U2171" s="10" t="s">
        <v>22</v>
      </c>
      <c r="V2171" s="10" t="s">
        <v>22</v>
      </c>
      <c r="W2171" s="10" t="s">
        <v>22</v>
      </c>
      <c r="X2171" s="10" t="s">
        <v>22</v>
      </c>
      <c r="Y2171" s="10" t="s">
        <v>22</v>
      </c>
      <c r="Z2171" s="10" t="s">
        <v>22</v>
      </c>
    </row>
    <row r="2172" spans="1:26" ht="24" customHeight="1" x14ac:dyDescent="0.2">
      <c r="A2172" s="9" t="s">
        <v>19414</v>
      </c>
      <c r="B2172" s="9" t="s">
        <v>14</v>
      </c>
      <c r="C2172" s="9" t="s">
        <v>10386</v>
      </c>
      <c r="D2172" s="6" t="s">
        <v>10387</v>
      </c>
      <c r="E2172" s="22">
        <v>44091</v>
      </c>
      <c r="F2172" s="22">
        <v>45916</v>
      </c>
      <c r="G2172" s="6" t="s">
        <v>10388</v>
      </c>
      <c r="H2172" s="6" t="s">
        <v>701</v>
      </c>
      <c r="I2172" s="6" t="s">
        <v>3293</v>
      </c>
      <c r="J2172" s="6" t="s">
        <v>10389</v>
      </c>
      <c r="K2172" s="9" t="s">
        <v>10390</v>
      </c>
      <c r="L2172" s="10" t="s">
        <v>22</v>
      </c>
      <c r="M2172" s="10" t="s">
        <v>22</v>
      </c>
      <c r="N2172" s="10" t="s">
        <v>22</v>
      </c>
      <c r="O2172" s="10" t="s">
        <v>22</v>
      </c>
      <c r="P2172" s="10" t="s">
        <v>22</v>
      </c>
      <c r="Q2172" s="10" t="s">
        <v>22</v>
      </c>
      <c r="R2172" s="10" t="s">
        <v>22</v>
      </c>
      <c r="S2172" s="10" t="s">
        <v>22</v>
      </c>
      <c r="T2172" s="10" t="s">
        <v>22</v>
      </c>
      <c r="U2172" s="10" t="s">
        <v>22</v>
      </c>
      <c r="V2172" s="10" t="s">
        <v>22</v>
      </c>
      <c r="W2172" s="10" t="s">
        <v>22</v>
      </c>
      <c r="X2172" s="10" t="s">
        <v>22</v>
      </c>
      <c r="Y2172" s="10" t="s">
        <v>22</v>
      </c>
      <c r="Z2172" s="10" t="s">
        <v>22</v>
      </c>
    </row>
    <row r="2173" spans="1:26" ht="24" customHeight="1" x14ac:dyDescent="0.2">
      <c r="A2173" s="9" t="s">
        <v>19415</v>
      </c>
      <c r="B2173" s="9" t="s">
        <v>14</v>
      </c>
      <c r="C2173" s="9" t="s">
        <v>10391</v>
      </c>
      <c r="D2173" s="6" t="s">
        <v>10392</v>
      </c>
      <c r="E2173" s="22">
        <v>44099</v>
      </c>
      <c r="F2173" s="22">
        <v>45924</v>
      </c>
      <c r="G2173" s="6" t="s">
        <v>10393</v>
      </c>
      <c r="H2173" s="6" t="s">
        <v>62</v>
      </c>
      <c r="I2173" s="6" t="s">
        <v>4879</v>
      </c>
      <c r="J2173" s="6" t="s">
        <v>10394</v>
      </c>
      <c r="K2173" s="9" t="s">
        <v>10395</v>
      </c>
      <c r="L2173" s="10" t="s">
        <v>22</v>
      </c>
      <c r="M2173" s="10" t="s">
        <v>22</v>
      </c>
      <c r="N2173" s="10" t="s">
        <v>22</v>
      </c>
      <c r="O2173" s="10" t="s">
        <v>22</v>
      </c>
      <c r="P2173" s="10" t="s">
        <v>22</v>
      </c>
      <c r="Q2173" s="10" t="s">
        <v>22</v>
      </c>
      <c r="R2173" s="10" t="s">
        <v>22</v>
      </c>
      <c r="S2173" s="10" t="s">
        <v>22</v>
      </c>
      <c r="T2173" s="10" t="s">
        <v>22</v>
      </c>
      <c r="U2173" s="10" t="s">
        <v>22</v>
      </c>
      <c r="V2173" s="10" t="s">
        <v>22</v>
      </c>
      <c r="W2173" s="10" t="s">
        <v>22</v>
      </c>
      <c r="X2173" s="10" t="s">
        <v>22</v>
      </c>
      <c r="Y2173" s="10" t="s">
        <v>22</v>
      </c>
      <c r="Z2173" s="10" t="s">
        <v>22</v>
      </c>
    </row>
    <row r="2174" spans="1:26" ht="24" customHeight="1" x14ac:dyDescent="0.2">
      <c r="A2174" s="9" t="s">
        <v>19416</v>
      </c>
      <c r="B2174" s="9" t="s">
        <v>14</v>
      </c>
      <c r="C2174" s="9" t="s">
        <v>10396</v>
      </c>
      <c r="D2174" s="6" t="s">
        <v>10397</v>
      </c>
      <c r="E2174" s="22">
        <v>44098</v>
      </c>
      <c r="F2174" s="22">
        <v>45923</v>
      </c>
      <c r="G2174" s="6" t="s">
        <v>10398</v>
      </c>
      <c r="H2174" s="6" t="s">
        <v>62</v>
      </c>
      <c r="I2174" s="6" t="s">
        <v>493</v>
      </c>
      <c r="J2174" s="6" t="s">
        <v>10399</v>
      </c>
      <c r="K2174" s="9" t="s">
        <v>10400</v>
      </c>
      <c r="L2174" s="10" t="s">
        <v>22</v>
      </c>
      <c r="M2174" s="10" t="s">
        <v>22</v>
      </c>
      <c r="N2174" s="10" t="s">
        <v>22</v>
      </c>
      <c r="O2174" s="10" t="s">
        <v>22</v>
      </c>
      <c r="P2174" s="10" t="s">
        <v>22</v>
      </c>
      <c r="Q2174" s="10" t="s">
        <v>22</v>
      </c>
      <c r="R2174" s="10" t="s">
        <v>22</v>
      </c>
      <c r="S2174" s="10" t="s">
        <v>22</v>
      </c>
      <c r="T2174" s="10" t="s">
        <v>22</v>
      </c>
      <c r="U2174" s="10" t="s">
        <v>22</v>
      </c>
      <c r="V2174" s="10" t="s">
        <v>22</v>
      </c>
      <c r="W2174" s="10" t="s">
        <v>22</v>
      </c>
      <c r="X2174" s="10" t="s">
        <v>22</v>
      </c>
      <c r="Y2174" s="10" t="s">
        <v>22</v>
      </c>
      <c r="Z2174" s="10" t="s">
        <v>22</v>
      </c>
    </row>
    <row r="2175" spans="1:26" ht="24" customHeight="1" x14ac:dyDescent="0.2">
      <c r="A2175" s="9" t="s">
        <v>19417</v>
      </c>
      <c r="B2175" s="9" t="s">
        <v>14</v>
      </c>
      <c r="C2175" s="9" t="s">
        <v>10401</v>
      </c>
      <c r="D2175" s="6" t="s">
        <v>10402</v>
      </c>
      <c r="E2175" s="22">
        <v>44106</v>
      </c>
      <c r="F2175" s="22">
        <v>45931</v>
      </c>
      <c r="G2175" s="6" t="s">
        <v>10403</v>
      </c>
      <c r="H2175" s="6" t="s">
        <v>62</v>
      </c>
      <c r="I2175" s="6" t="s">
        <v>306</v>
      </c>
      <c r="J2175" s="6" t="s">
        <v>10404</v>
      </c>
      <c r="K2175" s="9" t="s">
        <v>10405</v>
      </c>
      <c r="M2175" s="10" t="s">
        <v>22</v>
      </c>
      <c r="N2175" s="10" t="s">
        <v>22</v>
      </c>
      <c r="P2175" s="10" t="s">
        <v>22</v>
      </c>
      <c r="Q2175" s="10" t="s">
        <v>22</v>
      </c>
    </row>
    <row r="2176" spans="1:26" ht="24" customHeight="1" x14ac:dyDescent="0.2">
      <c r="A2176" s="9" t="s">
        <v>19418</v>
      </c>
      <c r="B2176" s="9" t="s">
        <v>14</v>
      </c>
      <c r="C2176" s="9" t="s">
        <v>10406</v>
      </c>
      <c r="D2176" s="6" t="s">
        <v>10407</v>
      </c>
      <c r="E2176" s="22">
        <v>44113</v>
      </c>
      <c r="F2176" s="22">
        <v>45938</v>
      </c>
      <c r="G2176" s="6" t="s">
        <v>10408</v>
      </c>
      <c r="H2176" s="6" t="s">
        <v>62</v>
      </c>
      <c r="I2176" s="6" t="s">
        <v>477</v>
      </c>
      <c r="J2176" s="6" t="s">
        <v>10409</v>
      </c>
      <c r="K2176" s="9" t="s">
        <v>10410</v>
      </c>
      <c r="L2176" s="10" t="s">
        <v>22</v>
      </c>
      <c r="M2176" s="10" t="s">
        <v>22</v>
      </c>
      <c r="N2176" s="10" t="s">
        <v>22</v>
      </c>
      <c r="O2176" s="10" t="s">
        <v>22</v>
      </c>
      <c r="P2176" s="10" t="s">
        <v>22</v>
      </c>
      <c r="Q2176" s="10" t="s">
        <v>22</v>
      </c>
      <c r="R2176" s="10" t="s">
        <v>22</v>
      </c>
      <c r="S2176" s="10" t="s">
        <v>22</v>
      </c>
      <c r="T2176" s="10" t="s">
        <v>22</v>
      </c>
      <c r="U2176" s="10" t="s">
        <v>22</v>
      </c>
      <c r="V2176" s="10" t="s">
        <v>22</v>
      </c>
      <c r="W2176" s="10" t="s">
        <v>22</v>
      </c>
      <c r="X2176" s="10" t="s">
        <v>22</v>
      </c>
      <c r="Y2176" s="10" t="s">
        <v>22</v>
      </c>
      <c r="Z2176" s="10" t="s">
        <v>22</v>
      </c>
    </row>
    <row r="2177" spans="1:26" ht="24" customHeight="1" x14ac:dyDescent="0.2">
      <c r="A2177" s="9" t="s">
        <v>19419</v>
      </c>
      <c r="B2177" s="9" t="s">
        <v>14</v>
      </c>
      <c r="C2177" s="9" t="s">
        <v>10411</v>
      </c>
      <c r="D2177" s="6" t="s">
        <v>6718</v>
      </c>
      <c r="E2177" s="22">
        <v>44113</v>
      </c>
      <c r="F2177" s="22">
        <v>45938</v>
      </c>
      <c r="G2177" s="6" t="s">
        <v>6719</v>
      </c>
      <c r="H2177" s="6" t="s">
        <v>62</v>
      </c>
      <c r="I2177" s="6" t="s">
        <v>306</v>
      </c>
      <c r="J2177" s="6" t="s">
        <v>10412</v>
      </c>
      <c r="K2177" s="9" t="s">
        <v>10413</v>
      </c>
      <c r="L2177" s="10" t="s">
        <v>22</v>
      </c>
      <c r="M2177" s="10" t="s">
        <v>22</v>
      </c>
      <c r="N2177" s="10" t="s">
        <v>22</v>
      </c>
      <c r="O2177" s="10" t="s">
        <v>22</v>
      </c>
      <c r="P2177" s="10" t="s">
        <v>22</v>
      </c>
      <c r="Q2177" s="10" t="s">
        <v>22</v>
      </c>
      <c r="U2177" s="10" t="s">
        <v>22</v>
      </c>
      <c r="V2177" s="10" t="s">
        <v>22</v>
      </c>
      <c r="W2177" s="10" t="s">
        <v>22</v>
      </c>
      <c r="X2177" s="10" t="s">
        <v>22</v>
      </c>
      <c r="Y2177" s="10" t="s">
        <v>22</v>
      </c>
      <c r="Z2177" s="10" t="s">
        <v>22</v>
      </c>
    </row>
    <row r="2178" spans="1:26" ht="24" customHeight="1" x14ac:dyDescent="0.2">
      <c r="A2178" s="9" t="s">
        <v>19420</v>
      </c>
      <c r="B2178" s="9" t="s">
        <v>14</v>
      </c>
      <c r="C2178" s="9" t="s">
        <v>10414</v>
      </c>
      <c r="D2178" s="6" t="s">
        <v>10415</v>
      </c>
      <c r="E2178" s="22">
        <v>44113</v>
      </c>
      <c r="F2178" s="22">
        <v>45938</v>
      </c>
      <c r="G2178" s="6" t="s">
        <v>10416</v>
      </c>
      <c r="H2178" s="6" t="s">
        <v>62</v>
      </c>
      <c r="I2178" s="6" t="s">
        <v>2378</v>
      </c>
      <c r="J2178" s="6" t="s">
        <v>10417</v>
      </c>
      <c r="K2178" s="9" t="s">
        <v>10418</v>
      </c>
      <c r="L2178" s="10" t="s">
        <v>22</v>
      </c>
      <c r="M2178" s="10" t="s">
        <v>22</v>
      </c>
      <c r="N2178" s="10" t="s">
        <v>22</v>
      </c>
      <c r="O2178" s="10" t="s">
        <v>22</v>
      </c>
      <c r="P2178" s="10" t="s">
        <v>22</v>
      </c>
      <c r="Q2178" s="10" t="s">
        <v>22</v>
      </c>
    </row>
    <row r="2179" spans="1:26" ht="24" customHeight="1" x14ac:dyDescent="0.2">
      <c r="A2179" s="9" t="s">
        <v>19421</v>
      </c>
      <c r="B2179" s="9" t="s">
        <v>14</v>
      </c>
      <c r="C2179" s="9" t="s">
        <v>10419</v>
      </c>
      <c r="D2179" s="6" t="s">
        <v>10420</v>
      </c>
      <c r="E2179" s="22">
        <v>44113</v>
      </c>
      <c r="F2179" s="22">
        <v>45938</v>
      </c>
      <c r="G2179" s="6" t="s">
        <v>10421</v>
      </c>
      <c r="H2179" s="6" t="s">
        <v>202</v>
      </c>
      <c r="I2179" s="6" t="s">
        <v>863</v>
      </c>
      <c r="J2179" s="6" t="s">
        <v>10422</v>
      </c>
      <c r="K2179" s="9" t="s">
        <v>10423</v>
      </c>
      <c r="L2179" s="10" t="s">
        <v>22</v>
      </c>
      <c r="M2179" s="10" t="s">
        <v>22</v>
      </c>
      <c r="N2179" s="10" t="s">
        <v>22</v>
      </c>
      <c r="O2179" s="10" t="s">
        <v>22</v>
      </c>
      <c r="P2179" s="10" t="s">
        <v>22</v>
      </c>
      <c r="Q2179" s="10" t="s">
        <v>22</v>
      </c>
      <c r="U2179" s="10" t="s">
        <v>22</v>
      </c>
      <c r="V2179" s="10" t="s">
        <v>22</v>
      </c>
      <c r="W2179" s="10" t="s">
        <v>22</v>
      </c>
      <c r="X2179" s="10" t="s">
        <v>22</v>
      </c>
      <c r="Y2179" s="10" t="s">
        <v>22</v>
      </c>
      <c r="Z2179" s="10" t="s">
        <v>22</v>
      </c>
    </row>
    <row r="2180" spans="1:26" ht="24" customHeight="1" x14ac:dyDescent="0.2">
      <c r="A2180" s="9" t="s">
        <v>19422</v>
      </c>
      <c r="B2180" s="9" t="s">
        <v>14</v>
      </c>
      <c r="C2180" s="9" t="s">
        <v>10424</v>
      </c>
      <c r="D2180" s="6" t="s">
        <v>10425</v>
      </c>
      <c r="E2180" s="22">
        <v>44113</v>
      </c>
      <c r="F2180" s="22">
        <v>45938</v>
      </c>
      <c r="G2180" s="6" t="s">
        <v>10426</v>
      </c>
      <c r="H2180" s="6" t="s">
        <v>363</v>
      </c>
      <c r="I2180" s="6" t="s">
        <v>10427</v>
      </c>
      <c r="J2180" s="6" t="s">
        <v>10428</v>
      </c>
      <c r="K2180" s="9" t="s">
        <v>10429</v>
      </c>
      <c r="L2180" s="10" t="s">
        <v>22</v>
      </c>
      <c r="M2180" s="10" t="s">
        <v>22</v>
      </c>
      <c r="N2180" s="10" t="s">
        <v>22</v>
      </c>
      <c r="O2180" s="10" t="s">
        <v>22</v>
      </c>
      <c r="P2180" s="10" t="s">
        <v>22</v>
      </c>
      <c r="Q2180" s="10" t="s">
        <v>22</v>
      </c>
      <c r="R2180" s="10" t="s">
        <v>22</v>
      </c>
      <c r="S2180" s="10" t="s">
        <v>22</v>
      </c>
      <c r="T2180" s="10" t="s">
        <v>22</v>
      </c>
      <c r="U2180" s="10" t="s">
        <v>22</v>
      </c>
      <c r="V2180" s="10" t="s">
        <v>22</v>
      </c>
      <c r="W2180" s="10" t="s">
        <v>22</v>
      </c>
      <c r="X2180" s="10" t="s">
        <v>22</v>
      </c>
      <c r="Y2180" s="10" t="s">
        <v>22</v>
      </c>
      <c r="Z2180" s="10" t="s">
        <v>22</v>
      </c>
    </row>
    <row r="2181" spans="1:26" ht="24" customHeight="1" x14ac:dyDescent="0.2">
      <c r="A2181" s="9" t="s">
        <v>19423</v>
      </c>
      <c r="B2181" s="9" t="s">
        <v>14</v>
      </c>
      <c r="C2181" s="9" t="s">
        <v>10430</v>
      </c>
      <c r="D2181" s="6" t="s">
        <v>10431</v>
      </c>
      <c r="E2181" s="22">
        <v>44113</v>
      </c>
      <c r="F2181" s="22">
        <v>45938</v>
      </c>
      <c r="G2181" s="6" t="s">
        <v>10432</v>
      </c>
      <c r="H2181" s="6" t="s">
        <v>18</v>
      </c>
      <c r="I2181" s="6" t="s">
        <v>19</v>
      </c>
      <c r="J2181" s="6" t="s">
        <v>10433</v>
      </c>
      <c r="L2181" s="10" t="s">
        <v>22</v>
      </c>
      <c r="M2181" s="10" t="s">
        <v>22</v>
      </c>
      <c r="N2181" s="10" t="s">
        <v>22</v>
      </c>
      <c r="O2181" s="10" t="s">
        <v>22</v>
      </c>
      <c r="P2181" s="10" t="s">
        <v>22</v>
      </c>
      <c r="Q2181" s="10" t="s">
        <v>22</v>
      </c>
      <c r="U2181" s="10" t="s">
        <v>22</v>
      </c>
      <c r="V2181" s="10" t="s">
        <v>22</v>
      </c>
      <c r="W2181" s="10" t="s">
        <v>22</v>
      </c>
      <c r="X2181" s="10" t="s">
        <v>22</v>
      </c>
      <c r="Y2181" s="10" t="s">
        <v>22</v>
      </c>
      <c r="Z2181" s="10" t="s">
        <v>22</v>
      </c>
    </row>
    <row r="2182" spans="1:26" ht="24" customHeight="1" x14ac:dyDescent="0.2">
      <c r="A2182" s="9" t="s">
        <v>19424</v>
      </c>
      <c r="B2182" s="9" t="s">
        <v>14</v>
      </c>
      <c r="C2182" s="9" t="s">
        <v>10434</v>
      </c>
      <c r="D2182" s="6" t="s">
        <v>10435</v>
      </c>
      <c r="E2182" s="22">
        <v>44118</v>
      </c>
      <c r="F2182" s="22">
        <v>45943</v>
      </c>
      <c r="G2182" s="6" t="s">
        <v>10436</v>
      </c>
      <c r="H2182" s="6" t="s">
        <v>62</v>
      </c>
      <c r="I2182" s="6" t="s">
        <v>551</v>
      </c>
      <c r="J2182" s="6" t="s">
        <v>10437</v>
      </c>
      <c r="K2182" s="9" t="s">
        <v>16269</v>
      </c>
      <c r="L2182" s="10" t="s">
        <v>22</v>
      </c>
      <c r="M2182" s="10" t="s">
        <v>22</v>
      </c>
      <c r="N2182" s="10" t="s">
        <v>22</v>
      </c>
      <c r="O2182" s="10" t="s">
        <v>22</v>
      </c>
      <c r="P2182" s="10" t="s">
        <v>22</v>
      </c>
      <c r="Q2182" s="10" t="s">
        <v>22</v>
      </c>
      <c r="R2182" s="10" t="s">
        <v>22</v>
      </c>
      <c r="S2182" s="10" t="s">
        <v>22</v>
      </c>
      <c r="T2182" s="10" t="s">
        <v>22</v>
      </c>
      <c r="U2182" s="10" t="s">
        <v>22</v>
      </c>
      <c r="V2182" s="10" t="s">
        <v>22</v>
      </c>
      <c r="W2182" s="10" t="s">
        <v>22</v>
      </c>
      <c r="X2182" s="10" t="s">
        <v>22</v>
      </c>
      <c r="Y2182" s="10" t="s">
        <v>22</v>
      </c>
      <c r="Z2182" s="10" t="s">
        <v>22</v>
      </c>
    </row>
    <row r="2183" spans="1:26" ht="24" customHeight="1" x14ac:dyDescent="0.2">
      <c r="A2183" s="9" t="s">
        <v>19425</v>
      </c>
      <c r="B2183" s="9" t="s">
        <v>14</v>
      </c>
      <c r="C2183" s="9" t="s">
        <v>10438</v>
      </c>
      <c r="D2183" s="6" t="s">
        <v>10439</v>
      </c>
      <c r="E2183" s="22">
        <v>44113</v>
      </c>
      <c r="F2183" s="22">
        <v>45938</v>
      </c>
      <c r="G2183" s="6" t="s">
        <v>10440</v>
      </c>
      <c r="H2183" s="6" t="s">
        <v>202</v>
      </c>
      <c r="I2183" s="6" t="s">
        <v>3050</v>
      </c>
      <c r="J2183" s="6" t="s">
        <v>10441</v>
      </c>
      <c r="K2183" s="9" t="s">
        <v>10442</v>
      </c>
      <c r="L2183" s="10" t="s">
        <v>22</v>
      </c>
      <c r="M2183" s="10" t="s">
        <v>22</v>
      </c>
      <c r="N2183" s="10" t="s">
        <v>22</v>
      </c>
      <c r="O2183" s="10" t="s">
        <v>22</v>
      </c>
      <c r="P2183" s="10" t="s">
        <v>22</v>
      </c>
      <c r="Q2183" s="10" t="s">
        <v>22</v>
      </c>
      <c r="R2183" s="10" t="s">
        <v>22</v>
      </c>
      <c r="S2183" s="10" t="s">
        <v>22</v>
      </c>
      <c r="T2183" s="10" t="s">
        <v>22</v>
      </c>
      <c r="U2183" s="10" t="s">
        <v>22</v>
      </c>
      <c r="V2183" s="10" t="s">
        <v>22</v>
      </c>
      <c r="W2183" s="10" t="s">
        <v>22</v>
      </c>
      <c r="X2183" s="10" t="s">
        <v>22</v>
      </c>
      <c r="Y2183" s="10" t="s">
        <v>22</v>
      </c>
      <c r="Z2183" s="10" t="s">
        <v>22</v>
      </c>
    </row>
    <row r="2184" spans="1:26" ht="24" customHeight="1" x14ac:dyDescent="0.2">
      <c r="A2184" s="9" t="s">
        <v>19426</v>
      </c>
      <c r="B2184" s="9" t="s">
        <v>14</v>
      </c>
      <c r="C2184" s="9" t="s">
        <v>10443</v>
      </c>
      <c r="D2184" s="6" t="s">
        <v>10444</v>
      </c>
      <c r="E2184" s="22">
        <v>44118</v>
      </c>
      <c r="F2184" s="22">
        <v>45943</v>
      </c>
      <c r="G2184" s="6" t="s">
        <v>10445</v>
      </c>
      <c r="H2184" s="6" t="s">
        <v>62</v>
      </c>
      <c r="I2184" s="6" t="s">
        <v>318</v>
      </c>
      <c r="J2184" s="6" t="s">
        <v>10446</v>
      </c>
      <c r="K2184" s="9" t="s">
        <v>10447</v>
      </c>
      <c r="L2184" s="10" t="s">
        <v>22</v>
      </c>
      <c r="M2184" s="10" t="s">
        <v>22</v>
      </c>
      <c r="N2184" s="10" t="s">
        <v>22</v>
      </c>
      <c r="O2184" s="10" t="s">
        <v>22</v>
      </c>
      <c r="P2184" s="10" t="s">
        <v>22</v>
      </c>
      <c r="Q2184" s="10" t="s">
        <v>22</v>
      </c>
      <c r="R2184" s="10" t="s">
        <v>22</v>
      </c>
      <c r="S2184" s="10" t="s">
        <v>22</v>
      </c>
      <c r="T2184" s="10" t="s">
        <v>22</v>
      </c>
      <c r="U2184" s="10" t="s">
        <v>22</v>
      </c>
      <c r="V2184" s="10" t="s">
        <v>22</v>
      </c>
      <c r="W2184" s="10" t="s">
        <v>22</v>
      </c>
      <c r="X2184" s="10" t="s">
        <v>22</v>
      </c>
      <c r="Y2184" s="10" t="s">
        <v>22</v>
      </c>
      <c r="Z2184" s="10" t="s">
        <v>22</v>
      </c>
    </row>
    <row r="2185" spans="1:26" ht="24" customHeight="1" x14ac:dyDescent="0.2">
      <c r="A2185" s="9" t="s">
        <v>19427</v>
      </c>
      <c r="B2185" s="9" t="s">
        <v>14</v>
      </c>
      <c r="C2185" s="9" t="s">
        <v>10448</v>
      </c>
      <c r="D2185" s="6" t="s">
        <v>10449</v>
      </c>
      <c r="E2185" s="22">
        <v>44118</v>
      </c>
      <c r="F2185" s="22">
        <v>45943</v>
      </c>
      <c r="G2185" s="6" t="s">
        <v>10450</v>
      </c>
      <c r="H2185" s="6" t="s">
        <v>363</v>
      </c>
      <c r="I2185" s="6" t="s">
        <v>2113</v>
      </c>
      <c r="J2185" s="6" t="s">
        <v>10451</v>
      </c>
      <c r="K2185" s="9" t="s">
        <v>10452</v>
      </c>
      <c r="L2185" s="10" t="s">
        <v>22</v>
      </c>
      <c r="M2185" s="10" t="s">
        <v>22</v>
      </c>
      <c r="N2185" s="10" t="s">
        <v>22</v>
      </c>
      <c r="O2185" s="10" t="s">
        <v>22</v>
      </c>
      <c r="P2185" s="10" t="s">
        <v>22</v>
      </c>
      <c r="Q2185" s="10" t="s">
        <v>22</v>
      </c>
      <c r="R2185" s="10" t="s">
        <v>22</v>
      </c>
      <c r="S2185" s="10" t="s">
        <v>22</v>
      </c>
      <c r="T2185" s="10" t="s">
        <v>22</v>
      </c>
      <c r="U2185" s="10" t="s">
        <v>22</v>
      </c>
      <c r="V2185" s="10" t="s">
        <v>22</v>
      </c>
      <c r="W2185" s="10" t="s">
        <v>22</v>
      </c>
      <c r="X2185" s="10" t="s">
        <v>22</v>
      </c>
      <c r="Y2185" s="10" t="s">
        <v>22</v>
      </c>
      <c r="Z2185" s="10" t="s">
        <v>22</v>
      </c>
    </row>
    <row r="2186" spans="1:26" ht="24" customHeight="1" x14ac:dyDescent="0.2">
      <c r="A2186" s="9" t="s">
        <v>19428</v>
      </c>
      <c r="B2186" s="9" t="s">
        <v>14</v>
      </c>
      <c r="C2186" s="9" t="s">
        <v>10453</v>
      </c>
      <c r="D2186" s="6" t="s">
        <v>10454</v>
      </c>
      <c r="E2186" s="22">
        <v>44125</v>
      </c>
      <c r="F2186" s="22">
        <v>45950</v>
      </c>
      <c r="G2186" s="6" t="s">
        <v>10455</v>
      </c>
      <c r="H2186" s="6" t="s">
        <v>18</v>
      </c>
      <c r="I2186" s="6" t="s">
        <v>392</v>
      </c>
      <c r="J2186" s="6" t="s">
        <v>10456</v>
      </c>
      <c r="K2186" s="9" t="s">
        <v>10457</v>
      </c>
      <c r="N2186" s="10" t="s">
        <v>22</v>
      </c>
      <c r="W2186" s="10" t="s">
        <v>22</v>
      </c>
    </row>
    <row r="2187" spans="1:26" ht="24" customHeight="1" x14ac:dyDescent="0.2">
      <c r="A2187" s="9" t="s">
        <v>19429</v>
      </c>
      <c r="B2187" s="9" t="s">
        <v>14</v>
      </c>
      <c r="C2187" s="9" t="s">
        <v>10458</v>
      </c>
      <c r="D2187" s="6" t="s">
        <v>10459</v>
      </c>
      <c r="E2187" s="22">
        <v>44125</v>
      </c>
      <c r="F2187" s="22">
        <v>45950</v>
      </c>
      <c r="G2187" s="6" t="s">
        <v>10460</v>
      </c>
      <c r="H2187" s="6" t="s">
        <v>62</v>
      </c>
      <c r="I2187" s="6" t="s">
        <v>306</v>
      </c>
      <c r="J2187" s="6" t="s">
        <v>10461</v>
      </c>
      <c r="K2187" s="9" t="s">
        <v>10462</v>
      </c>
      <c r="L2187" s="10" t="s">
        <v>22</v>
      </c>
      <c r="M2187" s="10" t="s">
        <v>22</v>
      </c>
      <c r="N2187" s="10" t="s">
        <v>22</v>
      </c>
      <c r="O2187" s="10" t="s">
        <v>22</v>
      </c>
      <c r="P2187" s="10" t="s">
        <v>22</v>
      </c>
      <c r="Q2187" s="10" t="s">
        <v>22</v>
      </c>
      <c r="R2187" s="10" t="s">
        <v>22</v>
      </c>
      <c r="S2187" s="10" t="s">
        <v>22</v>
      </c>
      <c r="T2187" s="10" t="s">
        <v>22</v>
      </c>
    </row>
    <row r="2188" spans="1:26" ht="24" customHeight="1" x14ac:dyDescent="0.2">
      <c r="A2188" s="9" t="s">
        <v>19430</v>
      </c>
      <c r="B2188" s="9" t="s">
        <v>14</v>
      </c>
      <c r="C2188" s="9" t="s">
        <v>10463</v>
      </c>
      <c r="D2188" s="6" t="s">
        <v>10464</v>
      </c>
      <c r="E2188" s="22">
        <v>44125</v>
      </c>
      <c r="F2188" s="22">
        <v>45950</v>
      </c>
      <c r="G2188" s="6" t="s">
        <v>10465</v>
      </c>
      <c r="H2188" s="6" t="s">
        <v>202</v>
      </c>
      <c r="I2188" s="6" t="s">
        <v>863</v>
      </c>
      <c r="J2188" s="6" t="s">
        <v>10466</v>
      </c>
      <c r="L2188" s="10" t="s">
        <v>22</v>
      </c>
      <c r="M2188" s="10" t="s">
        <v>22</v>
      </c>
      <c r="N2188" s="10" t="s">
        <v>22</v>
      </c>
      <c r="O2188" s="10" t="s">
        <v>22</v>
      </c>
      <c r="P2188" s="10" t="s">
        <v>22</v>
      </c>
      <c r="Q2188" s="10" t="s">
        <v>22</v>
      </c>
      <c r="R2188" s="10" t="s">
        <v>22</v>
      </c>
      <c r="S2188" s="10" t="s">
        <v>22</v>
      </c>
      <c r="T2188" s="10" t="s">
        <v>22</v>
      </c>
      <c r="U2188" s="10" t="s">
        <v>22</v>
      </c>
      <c r="V2188" s="10" t="s">
        <v>22</v>
      </c>
      <c r="W2188" s="10" t="s">
        <v>22</v>
      </c>
      <c r="X2188" s="10" t="s">
        <v>22</v>
      </c>
      <c r="Y2188" s="10" t="s">
        <v>22</v>
      </c>
      <c r="Z2188" s="10" t="s">
        <v>22</v>
      </c>
    </row>
    <row r="2189" spans="1:26" ht="24" customHeight="1" x14ac:dyDescent="0.2">
      <c r="A2189" s="9" t="s">
        <v>19431</v>
      </c>
      <c r="B2189" s="9" t="s">
        <v>14</v>
      </c>
      <c r="C2189" s="9" t="s">
        <v>10467</v>
      </c>
      <c r="D2189" s="6" t="s">
        <v>10468</v>
      </c>
      <c r="E2189" s="22">
        <v>44125</v>
      </c>
      <c r="F2189" s="22">
        <v>45950</v>
      </c>
      <c r="G2189" s="6" t="s">
        <v>10469</v>
      </c>
      <c r="H2189" s="6" t="s">
        <v>202</v>
      </c>
      <c r="I2189" s="6" t="s">
        <v>857</v>
      </c>
      <c r="J2189" s="6" t="s">
        <v>10470</v>
      </c>
      <c r="K2189" s="9" t="s">
        <v>10471</v>
      </c>
      <c r="L2189" s="10" t="s">
        <v>22</v>
      </c>
      <c r="M2189" s="10" t="s">
        <v>22</v>
      </c>
      <c r="N2189" s="10" t="s">
        <v>22</v>
      </c>
      <c r="O2189" s="10" t="s">
        <v>22</v>
      </c>
      <c r="P2189" s="10" t="s">
        <v>22</v>
      </c>
      <c r="Q2189" s="10" t="s">
        <v>22</v>
      </c>
    </row>
    <row r="2190" spans="1:26" ht="24" customHeight="1" x14ac:dyDescent="0.2">
      <c r="A2190" s="9" t="s">
        <v>19432</v>
      </c>
      <c r="B2190" s="9" t="s">
        <v>14</v>
      </c>
      <c r="C2190" s="9" t="s">
        <v>10472</v>
      </c>
      <c r="D2190" s="6" t="s">
        <v>10473</v>
      </c>
      <c r="E2190" s="22">
        <v>44125</v>
      </c>
      <c r="F2190" s="22">
        <v>45950</v>
      </c>
      <c r="G2190" s="6" t="s">
        <v>10474</v>
      </c>
      <c r="H2190" s="6" t="s">
        <v>18</v>
      </c>
      <c r="I2190" s="6" t="s">
        <v>26</v>
      </c>
      <c r="J2190" s="6" t="s">
        <v>10475</v>
      </c>
      <c r="K2190" s="9" t="s">
        <v>10476</v>
      </c>
      <c r="M2190" s="10" t="s">
        <v>22</v>
      </c>
      <c r="N2190" s="10" t="s">
        <v>22</v>
      </c>
      <c r="V2190" s="10" t="s">
        <v>22</v>
      </c>
      <c r="W2190" s="10" t="s">
        <v>22</v>
      </c>
    </row>
    <row r="2191" spans="1:26" ht="24" customHeight="1" x14ac:dyDescent="0.2">
      <c r="A2191" s="9" t="s">
        <v>19433</v>
      </c>
      <c r="B2191" s="9" t="s">
        <v>14</v>
      </c>
      <c r="C2191" s="9" t="s">
        <v>10477</v>
      </c>
      <c r="D2191" s="6" t="s">
        <v>10478</v>
      </c>
      <c r="E2191" s="22">
        <v>44125</v>
      </c>
      <c r="F2191" s="22">
        <v>45950</v>
      </c>
      <c r="G2191" s="6" t="s">
        <v>10479</v>
      </c>
      <c r="H2191" s="6" t="s">
        <v>363</v>
      </c>
      <c r="I2191" s="6" t="s">
        <v>3780</v>
      </c>
      <c r="J2191" s="6" t="s">
        <v>10480</v>
      </c>
      <c r="K2191" s="9" t="s">
        <v>10481</v>
      </c>
      <c r="L2191" s="10" t="s">
        <v>22</v>
      </c>
      <c r="M2191" s="10" t="s">
        <v>22</v>
      </c>
      <c r="N2191" s="10" t="s">
        <v>22</v>
      </c>
      <c r="O2191" s="10" t="s">
        <v>22</v>
      </c>
      <c r="P2191" s="10" t="s">
        <v>22</v>
      </c>
      <c r="Q2191" s="10" t="s">
        <v>22</v>
      </c>
      <c r="R2191" s="10" t="s">
        <v>22</v>
      </c>
      <c r="S2191" s="10" t="s">
        <v>22</v>
      </c>
      <c r="T2191" s="10" t="s">
        <v>22</v>
      </c>
      <c r="U2191" s="10" t="s">
        <v>22</v>
      </c>
      <c r="V2191" s="10" t="s">
        <v>22</v>
      </c>
      <c r="W2191" s="10" t="s">
        <v>22</v>
      </c>
      <c r="X2191" s="10" t="s">
        <v>22</v>
      </c>
      <c r="Y2191" s="10" t="s">
        <v>22</v>
      </c>
      <c r="Z2191" s="10" t="s">
        <v>22</v>
      </c>
    </row>
    <row r="2192" spans="1:26" ht="24" customHeight="1" x14ac:dyDescent="0.2">
      <c r="A2192" s="9" t="s">
        <v>19434</v>
      </c>
      <c r="B2192" s="9" t="s">
        <v>14</v>
      </c>
      <c r="C2192" s="9" t="s">
        <v>10482</v>
      </c>
      <c r="D2192" s="6" t="s">
        <v>10483</v>
      </c>
      <c r="E2192" s="22">
        <v>44125</v>
      </c>
      <c r="F2192" s="22">
        <v>45950</v>
      </c>
      <c r="G2192" s="6" t="s">
        <v>10484</v>
      </c>
      <c r="H2192" s="6" t="s">
        <v>202</v>
      </c>
      <c r="I2192" s="6" t="s">
        <v>873</v>
      </c>
      <c r="J2192" s="6" t="s">
        <v>10485</v>
      </c>
      <c r="K2192" s="9" t="s">
        <v>10486</v>
      </c>
      <c r="L2192" s="10" t="s">
        <v>22</v>
      </c>
      <c r="M2192" s="10" t="s">
        <v>22</v>
      </c>
      <c r="N2192" s="10" t="s">
        <v>22</v>
      </c>
      <c r="O2192" s="10" t="s">
        <v>22</v>
      </c>
      <c r="P2192" s="10" t="s">
        <v>22</v>
      </c>
      <c r="Q2192" s="10" t="s">
        <v>22</v>
      </c>
      <c r="R2192" s="10" t="s">
        <v>22</v>
      </c>
      <c r="S2192" s="10" t="s">
        <v>22</v>
      </c>
      <c r="T2192" s="10" t="s">
        <v>22</v>
      </c>
      <c r="U2192" s="10" t="s">
        <v>22</v>
      </c>
      <c r="V2192" s="10" t="s">
        <v>22</v>
      </c>
      <c r="W2192" s="10" t="s">
        <v>22</v>
      </c>
      <c r="X2192" s="10" t="s">
        <v>22</v>
      </c>
      <c r="Y2192" s="10" t="s">
        <v>22</v>
      </c>
      <c r="Z2192" s="10" t="s">
        <v>22</v>
      </c>
    </row>
    <row r="2193" spans="1:26" ht="24" customHeight="1" x14ac:dyDescent="0.2">
      <c r="A2193" s="9" t="s">
        <v>19435</v>
      </c>
      <c r="B2193" s="9" t="s">
        <v>14</v>
      </c>
      <c r="C2193" s="9" t="s">
        <v>10487</v>
      </c>
      <c r="D2193" s="6" t="s">
        <v>10488</v>
      </c>
      <c r="E2193" s="22">
        <v>44132</v>
      </c>
      <c r="F2193" s="22">
        <v>45957</v>
      </c>
      <c r="G2193" s="6" t="s">
        <v>10489</v>
      </c>
      <c r="H2193" s="6" t="s">
        <v>202</v>
      </c>
      <c r="I2193" s="6" t="s">
        <v>336</v>
      </c>
      <c r="J2193" s="6" t="s">
        <v>10490</v>
      </c>
      <c r="M2193" s="10" t="s">
        <v>22</v>
      </c>
      <c r="N2193" s="10" t="s">
        <v>22</v>
      </c>
      <c r="S2193" s="10" t="s">
        <v>22</v>
      </c>
      <c r="T2193" s="10" t="s">
        <v>22</v>
      </c>
      <c r="V2193" s="10" t="s">
        <v>22</v>
      </c>
      <c r="W2193" s="10" t="s">
        <v>22</v>
      </c>
    </row>
    <row r="2194" spans="1:26" ht="34" customHeight="1" x14ac:dyDescent="0.2">
      <c r="A2194" s="9" t="s">
        <v>19436</v>
      </c>
      <c r="B2194" s="9" t="s">
        <v>14</v>
      </c>
      <c r="C2194" s="9" t="s">
        <v>10491</v>
      </c>
      <c r="D2194" s="6" t="s">
        <v>10492</v>
      </c>
      <c r="E2194" s="22">
        <v>44132</v>
      </c>
      <c r="F2194" s="22">
        <v>45957</v>
      </c>
      <c r="G2194" s="6" t="s">
        <v>10493</v>
      </c>
      <c r="H2194" s="6" t="s">
        <v>18</v>
      </c>
      <c r="I2194" s="6" t="s">
        <v>26</v>
      </c>
      <c r="J2194" s="6" t="s">
        <v>10494</v>
      </c>
      <c r="K2194" s="9" t="s">
        <v>10495</v>
      </c>
      <c r="L2194" s="10" t="s">
        <v>22</v>
      </c>
      <c r="M2194" s="10" t="s">
        <v>22</v>
      </c>
      <c r="N2194" s="10" t="s">
        <v>22</v>
      </c>
      <c r="O2194" s="10" t="s">
        <v>22</v>
      </c>
      <c r="P2194" s="10" t="s">
        <v>22</v>
      </c>
      <c r="Q2194" s="10" t="s">
        <v>22</v>
      </c>
      <c r="R2194" s="10" t="s">
        <v>22</v>
      </c>
      <c r="S2194" s="10" t="s">
        <v>22</v>
      </c>
      <c r="T2194" s="10" t="s">
        <v>22</v>
      </c>
      <c r="U2194" s="10" t="s">
        <v>22</v>
      </c>
      <c r="V2194" s="10" t="s">
        <v>22</v>
      </c>
      <c r="W2194" s="10" t="s">
        <v>22</v>
      </c>
      <c r="X2194" s="10" t="s">
        <v>22</v>
      </c>
      <c r="Y2194" s="10" t="s">
        <v>22</v>
      </c>
      <c r="Z2194" s="10" t="s">
        <v>22</v>
      </c>
    </row>
    <row r="2195" spans="1:26" ht="24" customHeight="1" x14ac:dyDescent="0.2">
      <c r="A2195" s="9" t="s">
        <v>19437</v>
      </c>
      <c r="B2195" s="9" t="s">
        <v>14</v>
      </c>
      <c r="C2195" s="9" t="s">
        <v>10496</v>
      </c>
      <c r="D2195" s="6" t="s">
        <v>10497</v>
      </c>
      <c r="E2195" s="22">
        <v>44132</v>
      </c>
      <c r="F2195" s="22">
        <v>45957</v>
      </c>
      <c r="G2195" s="6" t="s">
        <v>10498</v>
      </c>
      <c r="H2195" s="6" t="s">
        <v>202</v>
      </c>
      <c r="I2195" s="6" t="s">
        <v>3370</v>
      </c>
      <c r="J2195" s="6" t="s">
        <v>10499</v>
      </c>
      <c r="L2195" s="10" t="s">
        <v>22</v>
      </c>
      <c r="M2195" s="10" t="s">
        <v>22</v>
      </c>
      <c r="N2195" s="10" t="s">
        <v>22</v>
      </c>
      <c r="O2195" s="10" t="s">
        <v>22</v>
      </c>
      <c r="P2195" s="10" t="s">
        <v>22</v>
      </c>
      <c r="Q2195" s="10" t="s">
        <v>22</v>
      </c>
      <c r="R2195" s="10" t="s">
        <v>22</v>
      </c>
      <c r="S2195" s="10" t="s">
        <v>22</v>
      </c>
      <c r="T2195" s="10" t="s">
        <v>22</v>
      </c>
      <c r="U2195" s="10" t="s">
        <v>22</v>
      </c>
      <c r="V2195" s="10" t="s">
        <v>22</v>
      </c>
      <c r="W2195" s="10" t="s">
        <v>22</v>
      </c>
      <c r="X2195" s="10" t="s">
        <v>22</v>
      </c>
      <c r="Y2195" s="10" t="s">
        <v>22</v>
      </c>
      <c r="Z2195" s="10" t="s">
        <v>22</v>
      </c>
    </row>
    <row r="2196" spans="1:26" ht="24" customHeight="1" x14ac:dyDescent="0.2">
      <c r="A2196" s="9" t="s">
        <v>19438</v>
      </c>
      <c r="B2196" s="9" t="s">
        <v>14</v>
      </c>
      <c r="C2196" s="9" t="s">
        <v>10500</v>
      </c>
      <c r="D2196" s="6" t="s">
        <v>10501</v>
      </c>
      <c r="E2196" s="22">
        <v>44132</v>
      </c>
      <c r="F2196" s="22">
        <v>45957</v>
      </c>
      <c r="G2196" s="6" t="s">
        <v>10502</v>
      </c>
      <c r="H2196" s="6" t="s">
        <v>62</v>
      </c>
      <c r="I2196" s="6" t="s">
        <v>493</v>
      </c>
      <c r="J2196" s="6" t="s">
        <v>10503</v>
      </c>
      <c r="K2196" s="9" t="s">
        <v>10504</v>
      </c>
      <c r="L2196" s="10" t="s">
        <v>22</v>
      </c>
      <c r="M2196" s="10" t="s">
        <v>22</v>
      </c>
      <c r="N2196" s="10" t="s">
        <v>22</v>
      </c>
      <c r="O2196" s="10" t="s">
        <v>22</v>
      </c>
      <c r="P2196" s="10" t="s">
        <v>22</v>
      </c>
      <c r="Q2196" s="10" t="s">
        <v>22</v>
      </c>
      <c r="R2196" s="10" t="s">
        <v>22</v>
      </c>
      <c r="S2196" s="10" t="s">
        <v>22</v>
      </c>
      <c r="T2196" s="10" t="s">
        <v>22</v>
      </c>
      <c r="U2196" s="10" t="s">
        <v>22</v>
      </c>
      <c r="V2196" s="10" t="s">
        <v>22</v>
      </c>
      <c r="W2196" s="10" t="s">
        <v>22</v>
      </c>
      <c r="X2196" s="10" t="s">
        <v>22</v>
      </c>
      <c r="Y2196" s="10" t="s">
        <v>22</v>
      </c>
      <c r="Z2196" s="10" t="s">
        <v>22</v>
      </c>
    </row>
    <row r="2197" spans="1:26" ht="24" customHeight="1" x14ac:dyDescent="0.2">
      <c r="A2197" s="9" t="s">
        <v>19439</v>
      </c>
      <c r="B2197" s="9" t="s">
        <v>14</v>
      </c>
      <c r="C2197" s="9" t="s">
        <v>10505</v>
      </c>
      <c r="D2197" s="6" t="s">
        <v>10506</v>
      </c>
      <c r="E2197" s="22">
        <v>44140</v>
      </c>
      <c r="F2197" s="22">
        <v>45965</v>
      </c>
      <c r="G2197" s="6" t="s">
        <v>10507</v>
      </c>
      <c r="H2197" s="6" t="s">
        <v>18</v>
      </c>
      <c r="I2197" s="6" t="s">
        <v>19</v>
      </c>
      <c r="J2197" s="6" t="s">
        <v>10508</v>
      </c>
      <c r="L2197" s="10" t="s">
        <v>22</v>
      </c>
      <c r="M2197" s="10" t="s">
        <v>22</v>
      </c>
      <c r="N2197" s="10" t="s">
        <v>22</v>
      </c>
      <c r="O2197" s="10" t="s">
        <v>22</v>
      </c>
      <c r="P2197" s="10" t="s">
        <v>22</v>
      </c>
      <c r="Q2197" s="10" t="s">
        <v>22</v>
      </c>
      <c r="U2197" s="10" t="s">
        <v>22</v>
      </c>
      <c r="V2197" s="10" t="s">
        <v>22</v>
      </c>
      <c r="W2197" s="10" t="s">
        <v>22</v>
      </c>
    </row>
    <row r="2198" spans="1:26" ht="24" customHeight="1" x14ac:dyDescent="0.2">
      <c r="A2198" s="9" t="s">
        <v>19440</v>
      </c>
      <c r="B2198" s="9" t="s">
        <v>14</v>
      </c>
      <c r="C2198" s="9" t="s">
        <v>10509</v>
      </c>
      <c r="D2198" s="6" t="s">
        <v>10510</v>
      </c>
      <c r="E2198" s="22">
        <v>44145</v>
      </c>
      <c r="F2198" s="22">
        <v>45970</v>
      </c>
      <c r="G2198" s="6" t="s">
        <v>10511</v>
      </c>
      <c r="H2198" s="6" t="s">
        <v>18</v>
      </c>
      <c r="I2198" s="6" t="s">
        <v>19</v>
      </c>
      <c r="J2198" s="6" t="s">
        <v>10512</v>
      </c>
      <c r="K2198" s="9" t="s">
        <v>10513</v>
      </c>
      <c r="L2198" s="10" t="s">
        <v>22</v>
      </c>
      <c r="M2198" s="10" t="s">
        <v>22</v>
      </c>
      <c r="N2198" s="10" t="s">
        <v>22</v>
      </c>
      <c r="U2198" s="10" t="s">
        <v>22</v>
      </c>
      <c r="V2198" s="10" t="s">
        <v>22</v>
      </c>
      <c r="W2198" s="10" t="s">
        <v>22</v>
      </c>
    </row>
    <row r="2199" spans="1:26" ht="24" customHeight="1" x14ac:dyDescent="0.2">
      <c r="A2199" s="9" t="s">
        <v>19441</v>
      </c>
      <c r="B2199" s="9" t="s">
        <v>14</v>
      </c>
      <c r="C2199" s="9" t="s">
        <v>10514</v>
      </c>
      <c r="D2199" s="6" t="s">
        <v>10515</v>
      </c>
      <c r="E2199" s="22">
        <v>44145</v>
      </c>
      <c r="F2199" s="22">
        <v>45970</v>
      </c>
      <c r="G2199" s="6" t="s">
        <v>10516</v>
      </c>
      <c r="H2199" s="6" t="s">
        <v>18</v>
      </c>
      <c r="I2199" s="6" t="s">
        <v>19</v>
      </c>
      <c r="J2199" s="6" t="s">
        <v>10517</v>
      </c>
      <c r="K2199" s="9" t="s">
        <v>10518</v>
      </c>
      <c r="L2199" s="10" t="s">
        <v>22</v>
      </c>
      <c r="M2199" s="10" t="s">
        <v>22</v>
      </c>
      <c r="N2199" s="10" t="s">
        <v>22</v>
      </c>
      <c r="O2199" s="10" t="s">
        <v>22</v>
      </c>
      <c r="P2199" s="10" t="s">
        <v>22</v>
      </c>
      <c r="Q2199" s="10" t="s">
        <v>22</v>
      </c>
      <c r="U2199" s="10" t="s">
        <v>22</v>
      </c>
      <c r="V2199" s="10" t="s">
        <v>22</v>
      </c>
      <c r="W2199" s="10" t="s">
        <v>22</v>
      </c>
      <c r="X2199" s="10" t="s">
        <v>22</v>
      </c>
      <c r="Y2199" s="10" t="s">
        <v>22</v>
      </c>
      <c r="Z2199" s="10" t="s">
        <v>22</v>
      </c>
    </row>
    <row r="2200" spans="1:26" ht="24" customHeight="1" x14ac:dyDescent="0.2">
      <c r="A2200" s="9" t="s">
        <v>19442</v>
      </c>
      <c r="B2200" s="9" t="s">
        <v>14</v>
      </c>
      <c r="C2200" s="9" t="s">
        <v>10519</v>
      </c>
      <c r="D2200" s="6" t="s">
        <v>10520</v>
      </c>
      <c r="E2200" s="22">
        <v>44145</v>
      </c>
      <c r="F2200" s="22">
        <v>45970</v>
      </c>
      <c r="G2200" s="6" t="s">
        <v>10521</v>
      </c>
      <c r="H2200" s="6" t="s">
        <v>202</v>
      </c>
      <c r="I2200" s="6" t="s">
        <v>336</v>
      </c>
      <c r="J2200" s="6" t="s">
        <v>10522</v>
      </c>
      <c r="K2200" s="9" t="s">
        <v>10523</v>
      </c>
      <c r="L2200" s="10" t="s">
        <v>22</v>
      </c>
      <c r="M2200" s="10" t="s">
        <v>22</v>
      </c>
      <c r="N2200" s="10" t="s">
        <v>22</v>
      </c>
      <c r="O2200" s="10" t="s">
        <v>22</v>
      </c>
      <c r="P2200" s="10" t="s">
        <v>22</v>
      </c>
      <c r="Q2200" s="10" t="s">
        <v>22</v>
      </c>
      <c r="R2200" s="10" t="s">
        <v>22</v>
      </c>
      <c r="S2200" s="10" t="s">
        <v>22</v>
      </c>
      <c r="T2200" s="10" t="s">
        <v>22</v>
      </c>
      <c r="U2200" s="10" t="s">
        <v>22</v>
      </c>
      <c r="V2200" s="10" t="s">
        <v>22</v>
      </c>
      <c r="W2200" s="10" t="s">
        <v>22</v>
      </c>
      <c r="X2200" s="10" t="s">
        <v>22</v>
      </c>
      <c r="Y2200" s="10" t="s">
        <v>22</v>
      </c>
      <c r="Z2200" s="10" t="s">
        <v>22</v>
      </c>
    </row>
    <row r="2201" spans="1:26" ht="24" customHeight="1" x14ac:dyDescent="0.2">
      <c r="A2201" s="9" t="s">
        <v>19443</v>
      </c>
      <c r="B2201" s="9" t="s">
        <v>14</v>
      </c>
      <c r="C2201" s="9" t="s">
        <v>10524</v>
      </c>
      <c r="D2201" s="6" t="s">
        <v>10525</v>
      </c>
      <c r="E2201" s="22">
        <v>44152</v>
      </c>
      <c r="F2201" s="22">
        <v>45977</v>
      </c>
      <c r="G2201" s="6" t="s">
        <v>10526</v>
      </c>
      <c r="H2201" s="6" t="s">
        <v>363</v>
      </c>
      <c r="I2201" s="6" t="s">
        <v>646</v>
      </c>
      <c r="J2201" s="6" t="s">
        <v>10527</v>
      </c>
      <c r="K2201" s="9" t="s">
        <v>10528</v>
      </c>
      <c r="L2201" s="10" t="s">
        <v>22</v>
      </c>
      <c r="M2201" s="10" t="s">
        <v>22</v>
      </c>
      <c r="N2201" s="10" t="s">
        <v>22</v>
      </c>
      <c r="O2201" s="10" t="s">
        <v>22</v>
      </c>
      <c r="P2201" s="10" t="s">
        <v>22</v>
      </c>
      <c r="Q2201" s="10" t="s">
        <v>22</v>
      </c>
      <c r="R2201" s="10" t="s">
        <v>22</v>
      </c>
      <c r="S2201" s="10" t="s">
        <v>22</v>
      </c>
      <c r="T2201" s="10" t="s">
        <v>22</v>
      </c>
      <c r="U2201" s="10" t="s">
        <v>22</v>
      </c>
      <c r="V2201" s="10" t="s">
        <v>22</v>
      </c>
      <c r="W2201" s="10" t="s">
        <v>22</v>
      </c>
      <c r="X2201" s="10" t="s">
        <v>22</v>
      </c>
      <c r="Y2201" s="10" t="s">
        <v>22</v>
      </c>
      <c r="Z2201" s="10" t="s">
        <v>22</v>
      </c>
    </row>
    <row r="2202" spans="1:26" ht="24" customHeight="1" x14ac:dyDescent="0.2">
      <c r="A2202" s="9" t="s">
        <v>19444</v>
      </c>
      <c r="B2202" s="9" t="s">
        <v>14</v>
      </c>
      <c r="C2202" s="9" t="s">
        <v>10529</v>
      </c>
      <c r="D2202" s="6" t="s">
        <v>10530</v>
      </c>
      <c r="E2202" s="22">
        <v>44160</v>
      </c>
      <c r="F2202" s="22">
        <v>45985</v>
      </c>
      <c r="G2202" s="6" t="s">
        <v>10531</v>
      </c>
      <c r="H2202" s="6" t="s">
        <v>18</v>
      </c>
      <c r="I2202" s="6" t="s">
        <v>19</v>
      </c>
      <c r="J2202" s="6" t="s">
        <v>10532</v>
      </c>
      <c r="K2202" s="9" t="s">
        <v>10533</v>
      </c>
      <c r="M2202" s="10" t="s">
        <v>22</v>
      </c>
      <c r="N2202" s="10" t="s">
        <v>22</v>
      </c>
      <c r="O2202" s="10" t="s">
        <v>22</v>
      </c>
      <c r="P2202" s="10" t="s">
        <v>22</v>
      </c>
      <c r="Q2202" s="10" t="s">
        <v>22</v>
      </c>
      <c r="W2202" s="10" t="s">
        <v>22</v>
      </c>
      <c r="Y2202" s="10" t="s">
        <v>22</v>
      </c>
      <c r="Z2202" s="10" t="s">
        <v>22</v>
      </c>
    </row>
    <row r="2203" spans="1:26" ht="24" customHeight="1" x14ac:dyDescent="0.2">
      <c r="A2203" s="9" t="s">
        <v>19445</v>
      </c>
      <c r="B2203" s="9" t="s">
        <v>14</v>
      </c>
      <c r="C2203" s="9" t="s">
        <v>10534</v>
      </c>
      <c r="D2203" s="6" t="s">
        <v>10535</v>
      </c>
      <c r="E2203" s="22">
        <v>44160</v>
      </c>
      <c r="F2203" s="22">
        <v>45985</v>
      </c>
      <c r="G2203" s="6" t="s">
        <v>10536</v>
      </c>
      <c r="H2203" s="6" t="s">
        <v>62</v>
      </c>
      <c r="I2203" s="6" t="s">
        <v>306</v>
      </c>
      <c r="J2203" s="6" t="s">
        <v>10537</v>
      </c>
      <c r="K2203" s="9" t="s">
        <v>10538</v>
      </c>
      <c r="L2203" s="10" t="s">
        <v>22</v>
      </c>
      <c r="M2203" s="10" t="s">
        <v>22</v>
      </c>
      <c r="N2203" s="10" t="s">
        <v>22</v>
      </c>
      <c r="O2203" s="10" t="s">
        <v>22</v>
      </c>
      <c r="P2203" s="10" t="s">
        <v>22</v>
      </c>
      <c r="Q2203" s="10" t="s">
        <v>22</v>
      </c>
    </row>
    <row r="2204" spans="1:26" ht="24" customHeight="1" x14ac:dyDescent="0.2">
      <c r="A2204" s="9" t="s">
        <v>19446</v>
      </c>
      <c r="B2204" s="9" t="s">
        <v>14</v>
      </c>
      <c r="C2204" s="9" t="s">
        <v>10539</v>
      </c>
      <c r="D2204" s="6" t="s">
        <v>10540</v>
      </c>
      <c r="E2204" s="22">
        <v>44162</v>
      </c>
      <c r="F2204" s="22">
        <v>45987</v>
      </c>
      <c r="G2204" s="6" t="s">
        <v>10541</v>
      </c>
      <c r="H2204" s="6" t="s">
        <v>62</v>
      </c>
      <c r="I2204" s="6" t="s">
        <v>318</v>
      </c>
      <c r="J2204" s="6" t="s">
        <v>10542</v>
      </c>
      <c r="K2204" s="9" t="s">
        <v>10543</v>
      </c>
      <c r="L2204" s="10" t="s">
        <v>22</v>
      </c>
      <c r="M2204" s="10" t="s">
        <v>22</v>
      </c>
      <c r="N2204" s="10" t="s">
        <v>22</v>
      </c>
      <c r="O2204" s="10" t="s">
        <v>22</v>
      </c>
      <c r="P2204" s="10" t="s">
        <v>22</v>
      </c>
      <c r="Q2204" s="10" t="s">
        <v>22</v>
      </c>
      <c r="R2204" s="10" t="s">
        <v>22</v>
      </c>
      <c r="S2204" s="10" t="s">
        <v>22</v>
      </c>
      <c r="T2204" s="10" t="s">
        <v>22</v>
      </c>
      <c r="U2204" s="10" t="s">
        <v>22</v>
      </c>
      <c r="V2204" s="10" t="s">
        <v>22</v>
      </c>
      <c r="W2204" s="10" t="s">
        <v>22</v>
      </c>
      <c r="X2204" s="10" t="s">
        <v>22</v>
      </c>
      <c r="Y2204" s="10" t="s">
        <v>22</v>
      </c>
      <c r="Z2204" s="10" t="s">
        <v>22</v>
      </c>
    </row>
    <row r="2205" spans="1:26" ht="24" customHeight="1" x14ac:dyDescent="0.2">
      <c r="A2205" s="9" t="s">
        <v>19447</v>
      </c>
      <c r="B2205" s="9" t="s">
        <v>14</v>
      </c>
      <c r="C2205" s="9" t="s">
        <v>10544</v>
      </c>
      <c r="D2205" s="6" t="s">
        <v>10545</v>
      </c>
      <c r="E2205" s="22">
        <v>44166</v>
      </c>
      <c r="F2205" s="22">
        <v>45991</v>
      </c>
      <c r="G2205" s="6" t="s">
        <v>10546</v>
      </c>
      <c r="H2205" s="6" t="s">
        <v>202</v>
      </c>
      <c r="I2205" s="6" t="s">
        <v>336</v>
      </c>
      <c r="J2205" s="6" t="s">
        <v>10547</v>
      </c>
      <c r="K2205" s="9" t="s">
        <v>10548</v>
      </c>
      <c r="L2205" s="10" t="s">
        <v>22</v>
      </c>
      <c r="M2205" s="10" t="s">
        <v>22</v>
      </c>
      <c r="N2205" s="10" t="s">
        <v>22</v>
      </c>
      <c r="O2205" s="10" t="s">
        <v>22</v>
      </c>
      <c r="P2205" s="10" t="s">
        <v>22</v>
      </c>
      <c r="Q2205" s="10" t="s">
        <v>22</v>
      </c>
      <c r="R2205" s="10" t="s">
        <v>22</v>
      </c>
      <c r="S2205" s="10" t="s">
        <v>22</v>
      </c>
      <c r="T2205" s="10" t="s">
        <v>22</v>
      </c>
      <c r="U2205" s="10" t="s">
        <v>22</v>
      </c>
      <c r="V2205" s="10" t="s">
        <v>22</v>
      </c>
      <c r="W2205" s="10" t="s">
        <v>22</v>
      </c>
      <c r="X2205" s="10" t="s">
        <v>22</v>
      </c>
      <c r="Y2205" s="10" t="s">
        <v>22</v>
      </c>
      <c r="Z2205" s="10" t="s">
        <v>22</v>
      </c>
    </row>
    <row r="2206" spans="1:26" ht="24" customHeight="1" x14ac:dyDescent="0.2">
      <c r="A2206" s="9" t="s">
        <v>19448</v>
      </c>
      <c r="B2206" s="9" t="s">
        <v>14</v>
      </c>
      <c r="C2206" s="9" t="s">
        <v>10549</v>
      </c>
      <c r="D2206" s="6" t="s">
        <v>10550</v>
      </c>
      <c r="E2206" s="22">
        <v>44169</v>
      </c>
      <c r="F2206" s="22">
        <v>45994</v>
      </c>
      <c r="G2206" s="6" t="s">
        <v>10551</v>
      </c>
      <c r="H2206" s="6" t="s">
        <v>62</v>
      </c>
      <c r="I2206" s="6" t="s">
        <v>306</v>
      </c>
      <c r="J2206" s="6" t="s">
        <v>10552</v>
      </c>
      <c r="K2206" s="9" t="s">
        <v>10553</v>
      </c>
      <c r="L2206" s="10" t="s">
        <v>22</v>
      </c>
      <c r="M2206" s="10" t="s">
        <v>22</v>
      </c>
      <c r="N2206" s="10" t="s">
        <v>22</v>
      </c>
      <c r="O2206" s="10" t="s">
        <v>22</v>
      </c>
      <c r="P2206" s="10" t="s">
        <v>22</v>
      </c>
      <c r="Q2206" s="10" t="s">
        <v>22</v>
      </c>
      <c r="U2206" s="10" t="s">
        <v>22</v>
      </c>
      <c r="V2206" s="10" t="s">
        <v>22</v>
      </c>
      <c r="W2206" s="10" t="s">
        <v>22</v>
      </c>
      <c r="X2206" s="10" t="s">
        <v>22</v>
      </c>
      <c r="Y2206" s="10" t="s">
        <v>22</v>
      </c>
      <c r="Z2206" s="10" t="s">
        <v>22</v>
      </c>
    </row>
    <row r="2207" spans="1:26" ht="24" customHeight="1" x14ac:dyDescent="0.2">
      <c r="A2207" s="9" t="s">
        <v>19449</v>
      </c>
      <c r="B2207" s="9" t="s">
        <v>14</v>
      </c>
      <c r="C2207" s="9" t="s">
        <v>10554</v>
      </c>
      <c r="D2207" s="6" t="s">
        <v>10555</v>
      </c>
      <c r="E2207" s="22">
        <v>44169</v>
      </c>
      <c r="F2207" s="22">
        <v>45994</v>
      </c>
      <c r="G2207" s="6" t="s">
        <v>10556</v>
      </c>
      <c r="H2207" s="6" t="s">
        <v>202</v>
      </c>
      <c r="I2207" s="6" t="s">
        <v>873</v>
      </c>
      <c r="J2207" s="6" t="s">
        <v>10557</v>
      </c>
      <c r="K2207" s="9" t="s">
        <v>10558</v>
      </c>
      <c r="L2207" s="10" t="s">
        <v>22</v>
      </c>
      <c r="M2207" s="10" t="s">
        <v>22</v>
      </c>
      <c r="N2207" s="10" t="s">
        <v>22</v>
      </c>
      <c r="O2207" s="10" t="s">
        <v>22</v>
      </c>
      <c r="P2207" s="10" t="s">
        <v>22</v>
      </c>
      <c r="Q2207" s="10" t="s">
        <v>22</v>
      </c>
      <c r="U2207" s="10" t="s">
        <v>22</v>
      </c>
      <c r="V2207" s="10" t="s">
        <v>22</v>
      </c>
      <c r="W2207" s="10" t="s">
        <v>22</v>
      </c>
      <c r="X2207" s="10" t="s">
        <v>22</v>
      </c>
      <c r="Y2207" s="10" t="s">
        <v>22</v>
      </c>
      <c r="Z2207" s="10" t="s">
        <v>22</v>
      </c>
    </row>
    <row r="2208" spans="1:26" ht="24" customHeight="1" x14ac:dyDescent="0.2">
      <c r="A2208" s="9" t="s">
        <v>19450</v>
      </c>
      <c r="B2208" s="9" t="s">
        <v>14</v>
      </c>
      <c r="C2208" s="9" t="s">
        <v>10559</v>
      </c>
      <c r="D2208" s="6" t="s">
        <v>10560</v>
      </c>
      <c r="E2208" s="22">
        <v>44169</v>
      </c>
      <c r="F2208" s="22">
        <v>45994</v>
      </c>
      <c r="G2208" s="6" t="s">
        <v>10561</v>
      </c>
      <c r="H2208" s="6" t="s">
        <v>62</v>
      </c>
      <c r="I2208" s="6" t="s">
        <v>551</v>
      </c>
      <c r="J2208" s="6" t="s">
        <v>10562</v>
      </c>
      <c r="K2208" s="9" t="s">
        <v>10563</v>
      </c>
      <c r="L2208" s="10" t="s">
        <v>22</v>
      </c>
      <c r="M2208" s="10" t="s">
        <v>22</v>
      </c>
      <c r="N2208" s="10" t="s">
        <v>22</v>
      </c>
      <c r="O2208" s="10" t="s">
        <v>22</v>
      </c>
      <c r="P2208" s="10" t="s">
        <v>22</v>
      </c>
      <c r="Q2208" s="10" t="s">
        <v>22</v>
      </c>
      <c r="R2208" s="10" t="s">
        <v>22</v>
      </c>
      <c r="S2208" s="10" t="s">
        <v>22</v>
      </c>
      <c r="T2208" s="10" t="s">
        <v>22</v>
      </c>
    </row>
    <row r="2209" spans="1:26" ht="24" customHeight="1" x14ac:dyDescent="0.2">
      <c r="A2209" s="9" t="s">
        <v>19451</v>
      </c>
      <c r="B2209" s="9" t="s">
        <v>14</v>
      </c>
      <c r="C2209" s="9" t="s">
        <v>10564</v>
      </c>
      <c r="D2209" s="6" t="s">
        <v>10565</v>
      </c>
      <c r="E2209" s="22">
        <v>44169</v>
      </c>
      <c r="F2209" s="22">
        <v>45994</v>
      </c>
      <c r="G2209" s="6" t="s">
        <v>10566</v>
      </c>
      <c r="H2209" s="6" t="s">
        <v>363</v>
      </c>
      <c r="I2209" s="6" t="s">
        <v>10567</v>
      </c>
      <c r="J2209" s="6" t="s">
        <v>10568</v>
      </c>
      <c r="K2209" s="9" t="s">
        <v>10569</v>
      </c>
      <c r="L2209" s="10" t="s">
        <v>22</v>
      </c>
      <c r="M2209" s="10" t="s">
        <v>22</v>
      </c>
      <c r="N2209" s="10" t="s">
        <v>22</v>
      </c>
      <c r="O2209" s="10" t="s">
        <v>22</v>
      </c>
      <c r="P2209" s="10" t="s">
        <v>22</v>
      </c>
      <c r="Q2209" s="10" t="s">
        <v>22</v>
      </c>
      <c r="R2209" s="10" t="s">
        <v>22</v>
      </c>
      <c r="S2209" s="10" t="s">
        <v>22</v>
      </c>
      <c r="T2209" s="10" t="s">
        <v>22</v>
      </c>
      <c r="U2209" s="10" t="s">
        <v>22</v>
      </c>
      <c r="V2209" s="10" t="s">
        <v>22</v>
      </c>
      <c r="W2209" s="10" t="s">
        <v>22</v>
      </c>
      <c r="X2209" s="10" t="s">
        <v>22</v>
      </c>
      <c r="Y2209" s="10" t="s">
        <v>22</v>
      </c>
      <c r="Z2209" s="10" t="s">
        <v>22</v>
      </c>
    </row>
    <row r="2210" spans="1:26" ht="24" customHeight="1" x14ac:dyDescent="0.2">
      <c r="A2210" s="9" t="s">
        <v>19452</v>
      </c>
      <c r="B2210" s="9" t="s">
        <v>14</v>
      </c>
      <c r="C2210" s="9" t="s">
        <v>10570</v>
      </c>
      <c r="D2210" s="6" t="s">
        <v>10571</v>
      </c>
      <c r="E2210" s="22">
        <v>44193</v>
      </c>
      <c r="F2210" s="22">
        <v>46018</v>
      </c>
      <c r="G2210" s="6" t="s">
        <v>10572</v>
      </c>
      <c r="H2210" s="6" t="s">
        <v>18</v>
      </c>
      <c r="I2210" s="6" t="s">
        <v>26</v>
      </c>
      <c r="J2210" s="6" t="s">
        <v>10573</v>
      </c>
      <c r="M2210" s="10" t="s">
        <v>22</v>
      </c>
      <c r="N2210" s="10" t="s">
        <v>22</v>
      </c>
      <c r="P2210" s="10" t="s">
        <v>22</v>
      </c>
      <c r="Q2210" s="10" t="s">
        <v>22</v>
      </c>
      <c r="S2210" s="10" t="s">
        <v>22</v>
      </c>
      <c r="T2210" s="10" t="s">
        <v>22</v>
      </c>
      <c r="V2210" s="10" t="s">
        <v>22</v>
      </c>
      <c r="W2210" s="10" t="s">
        <v>22</v>
      </c>
      <c r="Y2210" s="10" t="s">
        <v>22</v>
      </c>
      <c r="Z2210" s="10" t="s">
        <v>22</v>
      </c>
    </row>
    <row r="2211" spans="1:26" ht="24" customHeight="1" x14ac:dyDescent="0.2">
      <c r="A2211" s="9" t="s">
        <v>19453</v>
      </c>
      <c r="B2211" s="9" t="s">
        <v>14</v>
      </c>
      <c r="C2211" s="9" t="s">
        <v>10574</v>
      </c>
      <c r="D2211" s="6" t="s">
        <v>10575</v>
      </c>
      <c r="E2211" s="22">
        <v>44173</v>
      </c>
      <c r="F2211" s="22">
        <v>45998</v>
      </c>
      <c r="G2211" s="6" t="s">
        <v>10576</v>
      </c>
      <c r="H2211" s="6" t="s">
        <v>62</v>
      </c>
      <c r="I2211" s="6" t="s">
        <v>551</v>
      </c>
      <c r="J2211" s="6" t="s">
        <v>10577</v>
      </c>
      <c r="K2211" s="9" t="s">
        <v>10578</v>
      </c>
      <c r="L2211" s="10" t="s">
        <v>22</v>
      </c>
      <c r="M2211" s="10" t="s">
        <v>22</v>
      </c>
      <c r="N2211" s="10" t="s">
        <v>22</v>
      </c>
      <c r="O2211" s="10" t="s">
        <v>22</v>
      </c>
      <c r="P2211" s="10" t="s">
        <v>22</v>
      </c>
      <c r="Q2211" s="10" t="s">
        <v>22</v>
      </c>
      <c r="U2211" s="10" t="s">
        <v>22</v>
      </c>
      <c r="V2211" s="10" t="s">
        <v>22</v>
      </c>
      <c r="W2211" s="10" t="s">
        <v>22</v>
      </c>
      <c r="X2211" s="10" t="s">
        <v>22</v>
      </c>
      <c r="Y2211" s="10" t="s">
        <v>22</v>
      </c>
      <c r="Z2211" s="10" t="s">
        <v>22</v>
      </c>
    </row>
    <row r="2212" spans="1:26" ht="24" customHeight="1" x14ac:dyDescent="0.2">
      <c r="A2212" s="9" t="s">
        <v>19454</v>
      </c>
      <c r="B2212" s="9" t="s">
        <v>14</v>
      </c>
      <c r="C2212" s="9" t="s">
        <v>10579</v>
      </c>
      <c r="D2212" s="6" t="s">
        <v>10580</v>
      </c>
      <c r="E2212" s="22">
        <v>44173</v>
      </c>
      <c r="F2212" s="22">
        <v>45998</v>
      </c>
      <c r="G2212" s="6" t="s">
        <v>10581</v>
      </c>
      <c r="H2212" s="6" t="s">
        <v>18</v>
      </c>
      <c r="I2212" s="6" t="s">
        <v>19</v>
      </c>
      <c r="J2212" s="6" t="s">
        <v>10582</v>
      </c>
      <c r="K2212" s="9" t="s">
        <v>10583</v>
      </c>
      <c r="L2212" s="10" t="s">
        <v>22</v>
      </c>
      <c r="M2212" s="10" t="s">
        <v>22</v>
      </c>
      <c r="N2212" s="10" t="s">
        <v>22</v>
      </c>
      <c r="O2212" s="10" t="s">
        <v>22</v>
      </c>
      <c r="P2212" s="10" t="s">
        <v>22</v>
      </c>
      <c r="Q2212" s="10" t="s">
        <v>22</v>
      </c>
      <c r="R2212" s="10" t="s">
        <v>22</v>
      </c>
      <c r="S2212" s="10" t="s">
        <v>22</v>
      </c>
      <c r="T2212" s="10" t="s">
        <v>22</v>
      </c>
      <c r="U2212" s="10" t="s">
        <v>22</v>
      </c>
      <c r="V2212" s="10" t="s">
        <v>22</v>
      </c>
      <c r="W2212" s="10" t="s">
        <v>22</v>
      </c>
      <c r="X2212" s="10" t="s">
        <v>22</v>
      </c>
      <c r="Y2212" s="10" t="s">
        <v>22</v>
      </c>
      <c r="Z2212" s="10" t="s">
        <v>22</v>
      </c>
    </row>
    <row r="2213" spans="1:26" ht="24" customHeight="1" x14ac:dyDescent="0.2">
      <c r="A2213" s="9" t="s">
        <v>19455</v>
      </c>
      <c r="B2213" s="9" t="s">
        <v>14</v>
      </c>
      <c r="C2213" s="9" t="s">
        <v>10584</v>
      </c>
      <c r="D2213" s="6" t="s">
        <v>10585</v>
      </c>
      <c r="E2213" s="22">
        <v>44176</v>
      </c>
      <c r="F2213" s="22">
        <v>46001</v>
      </c>
      <c r="G2213" s="6" t="s">
        <v>10586</v>
      </c>
      <c r="H2213" s="6" t="s">
        <v>363</v>
      </c>
      <c r="I2213" s="6" t="s">
        <v>466</v>
      </c>
      <c r="J2213" s="6" t="s">
        <v>10587</v>
      </c>
      <c r="K2213" s="9" t="s">
        <v>10588</v>
      </c>
      <c r="L2213" s="10" t="s">
        <v>22</v>
      </c>
      <c r="M2213" s="10" t="s">
        <v>22</v>
      </c>
      <c r="N2213" s="10" t="s">
        <v>22</v>
      </c>
      <c r="O2213" s="10" t="s">
        <v>22</v>
      </c>
      <c r="P2213" s="10" t="s">
        <v>22</v>
      </c>
      <c r="Q2213" s="10" t="s">
        <v>22</v>
      </c>
      <c r="R2213" s="10" t="s">
        <v>22</v>
      </c>
      <c r="S2213" s="10" t="s">
        <v>22</v>
      </c>
      <c r="T2213" s="10" t="s">
        <v>22</v>
      </c>
    </row>
    <row r="2214" spans="1:26" ht="24" customHeight="1" x14ac:dyDescent="0.2">
      <c r="A2214" s="9" t="s">
        <v>19456</v>
      </c>
      <c r="B2214" s="9" t="s">
        <v>14</v>
      </c>
      <c r="C2214" s="9" t="s">
        <v>10589</v>
      </c>
      <c r="D2214" s="6" t="s">
        <v>10590</v>
      </c>
      <c r="E2214" s="22">
        <v>44182</v>
      </c>
      <c r="F2214" s="22">
        <v>46007</v>
      </c>
      <c r="G2214" s="6" t="s">
        <v>10591</v>
      </c>
      <c r="H2214" s="6" t="s">
        <v>62</v>
      </c>
      <c r="I2214" s="6" t="s">
        <v>279</v>
      </c>
      <c r="J2214" s="6" t="s">
        <v>10592</v>
      </c>
      <c r="K2214" s="9" t="s">
        <v>10593</v>
      </c>
      <c r="L2214" s="10" t="s">
        <v>22</v>
      </c>
      <c r="M2214" s="10" t="s">
        <v>22</v>
      </c>
      <c r="N2214" s="10" t="s">
        <v>22</v>
      </c>
      <c r="O2214" s="10" t="s">
        <v>22</v>
      </c>
      <c r="P2214" s="10" t="s">
        <v>22</v>
      </c>
      <c r="Q2214" s="10" t="s">
        <v>22</v>
      </c>
      <c r="R2214" s="10" t="s">
        <v>22</v>
      </c>
      <c r="S2214" s="10" t="s">
        <v>22</v>
      </c>
      <c r="T2214" s="10" t="s">
        <v>22</v>
      </c>
      <c r="U2214" s="10" t="s">
        <v>22</v>
      </c>
      <c r="V2214" s="10" t="s">
        <v>22</v>
      </c>
      <c r="W2214" s="10" t="s">
        <v>22</v>
      </c>
      <c r="X2214" s="10" t="s">
        <v>22</v>
      </c>
      <c r="Y2214" s="10" t="s">
        <v>22</v>
      </c>
      <c r="Z2214" s="10" t="s">
        <v>22</v>
      </c>
    </row>
    <row r="2215" spans="1:26" ht="24" customHeight="1" x14ac:dyDescent="0.2">
      <c r="A2215" s="9" t="s">
        <v>19457</v>
      </c>
      <c r="B2215" s="9" t="s">
        <v>14</v>
      </c>
      <c r="C2215" s="9" t="s">
        <v>10594</v>
      </c>
      <c r="D2215" s="6" t="s">
        <v>10595</v>
      </c>
      <c r="E2215" s="22">
        <v>44182</v>
      </c>
      <c r="F2215" s="22">
        <v>46007</v>
      </c>
      <c r="G2215" s="6" t="s">
        <v>10596</v>
      </c>
      <c r="H2215" s="6" t="s">
        <v>62</v>
      </c>
      <c r="I2215" s="6" t="s">
        <v>236</v>
      </c>
      <c r="J2215" s="6" t="s">
        <v>10597</v>
      </c>
      <c r="K2215" s="9" t="s">
        <v>10598</v>
      </c>
      <c r="L2215" s="10" t="s">
        <v>22</v>
      </c>
      <c r="M2215" s="10" t="s">
        <v>22</v>
      </c>
      <c r="N2215" s="10" t="s">
        <v>22</v>
      </c>
      <c r="O2215" s="10" t="s">
        <v>22</v>
      </c>
      <c r="P2215" s="10" t="s">
        <v>22</v>
      </c>
      <c r="Q2215" s="10" t="s">
        <v>22</v>
      </c>
      <c r="R2215" s="10" t="s">
        <v>22</v>
      </c>
      <c r="S2215" s="10" t="s">
        <v>22</v>
      </c>
      <c r="T2215" s="10" t="s">
        <v>22</v>
      </c>
      <c r="U2215" s="10" t="s">
        <v>22</v>
      </c>
      <c r="V2215" s="10" t="s">
        <v>22</v>
      </c>
      <c r="W2215" s="10" t="s">
        <v>22</v>
      </c>
      <c r="X2215" s="10" t="s">
        <v>22</v>
      </c>
      <c r="Y2215" s="10" t="s">
        <v>22</v>
      </c>
      <c r="Z2215" s="10" t="s">
        <v>22</v>
      </c>
    </row>
    <row r="2216" spans="1:26" ht="24" customHeight="1" x14ac:dyDescent="0.2">
      <c r="A2216" s="9" t="s">
        <v>19458</v>
      </c>
      <c r="B2216" s="9" t="s">
        <v>14</v>
      </c>
      <c r="C2216" s="9" t="s">
        <v>10599</v>
      </c>
      <c r="D2216" s="6" t="s">
        <v>10600</v>
      </c>
      <c r="E2216" s="22">
        <v>44182</v>
      </c>
      <c r="F2216" s="22">
        <v>46007</v>
      </c>
      <c r="G2216" s="6" t="s">
        <v>10601</v>
      </c>
      <c r="H2216" s="6" t="s">
        <v>3283</v>
      </c>
      <c r="I2216" s="6" t="s">
        <v>3284</v>
      </c>
      <c r="J2216" s="6" t="s">
        <v>10602</v>
      </c>
      <c r="K2216" s="9" t="s">
        <v>10603</v>
      </c>
      <c r="L2216" s="10" t="s">
        <v>22</v>
      </c>
      <c r="M2216" s="10" t="s">
        <v>22</v>
      </c>
      <c r="N2216" s="10" t="s">
        <v>22</v>
      </c>
      <c r="O2216" s="10" t="s">
        <v>22</v>
      </c>
      <c r="P2216" s="10" t="s">
        <v>22</v>
      </c>
      <c r="Q2216" s="10" t="s">
        <v>22</v>
      </c>
      <c r="U2216" s="10" t="s">
        <v>22</v>
      </c>
      <c r="V2216" s="10" t="s">
        <v>22</v>
      </c>
      <c r="W2216" s="10" t="s">
        <v>22</v>
      </c>
      <c r="X2216" s="10" t="s">
        <v>22</v>
      </c>
      <c r="Y2216" s="10" t="s">
        <v>22</v>
      </c>
      <c r="Z2216" s="10" t="s">
        <v>22</v>
      </c>
    </row>
    <row r="2217" spans="1:26" ht="24" customHeight="1" x14ac:dyDescent="0.2">
      <c r="A2217" s="9" t="s">
        <v>19459</v>
      </c>
      <c r="B2217" s="9" t="s">
        <v>14</v>
      </c>
      <c r="C2217" s="9" t="s">
        <v>10604</v>
      </c>
      <c r="D2217" s="6" t="s">
        <v>10605</v>
      </c>
      <c r="E2217" s="22">
        <v>44182</v>
      </c>
      <c r="F2217" s="22">
        <v>46007</v>
      </c>
      <c r="G2217" s="6" t="s">
        <v>10606</v>
      </c>
      <c r="H2217" s="6" t="s">
        <v>202</v>
      </c>
      <c r="I2217" s="6" t="s">
        <v>6216</v>
      </c>
      <c r="J2217" s="6" t="s">
        <v>10607</v>
      </c>
      <c r="K2217" s="9" t="s">
        <v>10608</v>
      </c>
      <c r="L2217" s="10" t="s">
        <v>22</v>
      </c>
      <c r="M2217" s="10" t="s">
        <v>22</v>
      </c>
      <c r="N2217" s="10" t="s">
        <v>22</v>
      </c>
      <c r="U2217" s="10" t="s">
        <v>22</v>
      </c>
      <c r="V2217" s="10" t="s">
        <v>22</v>
      </c>
      <c r="W2217" s="10" t="s">
        <v>22</v>
      </c>
    </row>
    <row r="2218" spans="1:26" ht="24" customHeight="1" x14ac:dyDescent="0.2">
      <c r="A2218" s="9" t="s">
        <v>19460</v>
      </c>
      <c r="B2218" s="9" t="s">
        <v>14</v>
      </c>
      <c r="C2218" s="9" t="s">
        <v>10609</v>
      </c>
      <c r="D2218" s="6" t="s">
        <v>10610</v>
      </c>
      <c r="E2218" s="22">
        <v>44193</v>
      </c>
      <c r="F2218" s="22">
        <v>46018</v>
      </c>
      <c r="G2218" s="6" t="s">
        <v>10611</v>
      </c>
      <c r="H2218" s="6" t="s">
        <v>62</v>
      </c>
      <c r="I2218" s="6" t="s">
        <v>357</v>
      </c>
      <c r="J2218" s="6" t="s">
        <v>10612</v>
      </c>
      <c r="K2218" s="9" t="s">
        <v>10613</v>
      </c>
      <c r="L2218" s="10" t="s">
        <v>22</v>
      </c>
      <c r="M2218" s="10" t="s">
        <v>22</v>
      </c>
      <c r="N2218" s="10" t="s">
        <v>22</v>
      </c>
      <c r="O2218" s="10" t="s">
        <v>22</v>
      </c>
      <c r="P2218" s="10" t="s">
        <v>22</v>
      </c>
      <c r="Q2218" s="10" t="s">
        <v>22</v>
      </c>
      <c r="R2218" s="10" t="s">
        <v>22</v>
      </c>
      <c r="S2218" s="10" t="s">
        <v>22</v>
      </c>
      <c r="T2218" s="10" t="s">
        <v>22</v>
      </c>
      <c r="U2218" s="10" t="s">
        <v>22</v>
      </c>
      <c r="V2218" s="10" t="s">
        <v>22</v>
      </c>
      <c r="W2218" s="10" t="s">
        <v>22</v>
      </c>
      <c r="X2218" s="10" t="s">
        <v>22</v>
      </c>
      <c r="Y2218" s="10" t="s">
        <v>22</v>
      </c>
      <c r="Z2218" s="10" t="s">
        <v>22</v>
      </c>
    </row>
    <row r="2219" spans="1:26" ht="24" customHeight="1" x14ac:dyDescent="0.2">
      <c r="A2219" s="9" t="s">
        <v>19461</v>
      </c>
      <c r="B2219" s="9" t="s">
        <v>14</v>
      </c>
      <c r="C2219" s="9" t="s">
        <v>10614</v>
      </c>
      <c r="D2219" s="6" t="s">
        <v>10615</v>
      </c>
      <c r="E2219" s="22">
        <v>44193</v>
      </c>
      <c r="F2219" s="22">
        <v>46018</v>
      </c>
      <c r="G2219" s="6" t="s">
        <v>10616</v>
      </c>
      <c r="H2219" s="6" t="s">
        <v>18</v>
      </c>
      <c r="I2219" s="6" t="s">
        <v>19</v>
      </c>
      <c r="J2219" s="6" t="s">
        <v>10617</v>
      </c>
      <c r="K2219" s="9" t="s">
        <v>10618</v>
      </c>
      <c r="L2219" s="10" t="s">
        <v>22</v>
      </c>
      <c r="M2219" s="10" t="s">
        <v>22</v>
      </c>
      <c r="N2219" s="10" t="s">
        <v>22</v>
      </c>
      <c r="O2219" s="10" t="s">
        <v>22</v>
      </c>
      <c r="P2219" s="10" t="s">
        <v>22</v>
      </c>
      <c r="Q2219" s="10" t="s">
        <v>22</v>
      </c>
      <c r="R2219" s="10" t="s">
        <v>22</v>
      </c>
      <c r="S2219" s="10" t="s">
        <v>22</v>
      </c>
      <c r="T2219" s="10" t="s">
        <v>22</v>
      </c>
      <c r="U2219" s="10" t="s">
        <v>22</v>
      </c>
      <c r="V2219" s="10" t="s">
        <v>22</v>
      </c>
      <c r="W2219" s="10" t="s">
        <v>22</v>
      </c>
      <c r="X2219" s="10" t="s">
        <v>22</v>
      </c>
      <c r="Y2219" s="10" t="s">
        <v>22</v>
      </c>
      <c r="Z2219" s="10" t="s">
        <v>22</v>
      </c>
    </row>
    <row r="2220" spans="1:26" ht="24" customHeight="1" x14ac:dyDescent="0.2">
      <c r="A2220" s="9" t="s">
        <v>19462</v>
      </c>
      <c r="B2220" s="9" t="s">
        <v>14</v>
      </c>
      <c r="C2220" s="9" t="s">
        <v>10619</v>
      </c>
      <c r="D2220" s="6" t="s">
        <v>10620</v>
      </c>
      <c r="E2220" s="22">
        <v>44193</v>
      </c>
      <c r="F2220" s="22">
        <v>46018</v>
      </c>
      <c r="G2220" s="6" t="s">
        <v>10621</v>
      </c>
      <c r="H2220" s="6" t="s">
        <v>62</v>
      </c>
      <c r="I2220" s="6" t="s">
        <v>842</v>
      </c>
      <c r="J2220" s="6" t="s">
        <v>10622</v>
      </c>
      <c r="K2220" s="9" t="s">
        <v>10623</v>
      </c>
      <c r="L2220" s="10" t="s">
        <v>22</v>
      </c>
      <c r="M2220" s="10" t="s">
        <v>22</v>
      </c>
      <c r="N2220" s="10" t="s">
        <v>22</v>
      </c>
      <c r="O2220" s="10" t="s">
        <v>22</v>
      </c>
      <c r="P2220" s="10" t="s">
        <v>22</v>
      </c>
      <c r="Q2220" s="10" t="s">
        <v>22</v>
      </c>
      <c r="R2220" s="10" t="s">
        <v>22</v>
      </c>
      <c r="S2220" s="10" t="s">
        <v>22</v>
      </c>
      <c r="T2220" s="10" t="s">
        <v>22</v>
      </c>
      <c r="V2220" s="10" t="s">
        <v>22</v>
      </c>
      <c r="W2220" s="10" t="s">
        <v>22</v>
      </c>
      <c r="Y2220" s="10" t="s">
        <v>22</v>
      </c>
      <c r="Z2220" s="10" t="s">
        <v>22</v>
      </c>
    </row>
    <row r="2221" spans="1:26" ht="24" customHeight="1" x14ac:dyDescent="0.2">
      <c r="A2221" s="9" t="s">
        <v>19463</v>
      </c>
      <c r="B2221" s="9" t="s">
        <v>14</v>
      </c>
      <c r="C2221" s="9" t="s">
        <v>10624</v>
      </c>
      <c r="D2221" s="6" t="s">
        <v>10625</v>
      </c>
      <c r="E2221" s="22">
        <v>44193</v>
      </c>
      <c r="F2221" s="22">
        <v>46018</v>
      </c>
      <c r="G2221" s="6" t="s">
        <v>10626</v>
      </c>
      <c r="H2221" s="6" t="s">
        <v>2069</v>
      </c>
      <c r="I2221" s="6" t="s">
        <v>2070</v>
      </c>
      <c r="J2221" s="6" t="s">
        <v>10627</v>
      </c>
      <c r="K2221" s="9" t="s">
        <v>10628</v>
      </c>
      <c r="L2221" s="10" t="s">
        <v>22</v>
      </c>
      <c r="M2221" s="10" t="s">
        <v>22</v>
      </c>
      <c r="N2221" s="10" t="s">
        <v>22</v>
      </c>
      <c r="O2221" s="10" t="s">
        <v>22</v>
      </c>
      <c r="P2221" s="10" t="s">
        <v>22</v>
      </c>
      <c r="Q2221" s="10" t="s">
        <v>22</v>
      </c>
      <c r="R2221" s="10" t="s">
        <v>22</v>
      </c>
      <c r="S2221" s="10" t="s">
        <v>22</v>
      </c>
      <c r="T2221" s="10" t="s">
        <v>22</v>
      </c>
      <c r="U2221" s="10" t="s">
        <v>22</v>
      </c>
      <c r="V2221" s="10" t="s">
        <v>22</v>
      </c>
      <c r="W2221" s="10" t="s">
        <v>22</v>
      </c>
      <c r="X2221" s="10" t="s">
        <v>22</v>
      </c>
      <c r="Y2221" s="10" t="s">
        <v>22</v>
      </c>
      <c r="Z2221" s="10" t="s">
        <v>22</v>
      </c>
    </row>
    <row r="2222" spans="1:26" ht="24" customHeight="1" x14ac:dyDescent="0.2">
      <c r="A2222" s="9" t="s">
        <v>19464</v>
      </c>
      <c r="B2222" s="9" t="s">
        <v>14</v>
      </c>
      <c r="C2222" s="9" t="s">
        <v>10629</v>
      </c>
      <c r="D2222" s="6" t="s">
        <v>10630</v>
      </c>
      <c r="E2222" s="22">
        <v>44204</v>
      </c>
      <c r="F2222" s="22">
        <v>46029</v>
      </c>
      <c r="G2222" s="6" t="s">
        <v>10631</v>
      </c>
      <c r="H2222" s="6" t="s">
        <v>62</v>
      </c>
      <c r="I2222" s="6" t="s">
        <v>403</v>
      </c>
      <c r="J2222" s="6" t="s">
        <v>10632</v>
      </c>
      <c r="K2222" s="9" t="s">
        <v>10633</v>
      </c>
      <c r="L2222" s="10" t="s">
        <v>22</v>
      </c>
      <c r="M2222" s="10" t="s">
        <v>22</v>
      </c>
      <c r="N2222" s="10" t="s">
        <v>22</v>
      </c>
      <c r="R2222" s="10" t="s">
        <v>22</v>
      </c>
      <c r="S2222" s="10" t="s">
        <v>22</v>
      </c>
      <c r="T2222" s="10" t="s">
        <v>22</v>
      </c>
      <c r="U2222" s="10" t="s">
        <v>22</v>
      </c>
      <c r="V2222" s="10" t="s">
        <v>22</v>
      </c>
      <c r="W2222" s="10" t="s">
        <v>22</v>
      </c>
    </row>
    <row r="2223" spans="1:26" ht="24" customHeight="1" x14ac:dyDescent="0.2">
      <c r="A2223" s="9" t="s">
        <v>19465</v>
      </c>
      <c r="B2223" s="9" t="s">
        <v>14</v>
      </c>
      <c r="C2223" s="9" t="s">
        <v>10634</v>
      </c>
      <c r="D2223" s="6" t="s">
        <v>10635</v>
      </c>
      <c r="E2223" s="22">
        <v>44204</v>
      </c>
      <c r="F2223" s="22">
        <v>46029</v>
      </c>
      <c r="G2223" s="6" t="s">
        <v>10636</v>
      </c>
      <c r="H2223" s="6" t="s">
        <v>202</v>
      </c>
      <c r="I2223" s="6" t="s">
        <v>567</v>
      </c>
      <c r="J2223" s="6" t="s">
        <v>10637</v>
      </c>
      <c r="K2223" s="9" t="s">
        <v>10638</v>
      </c>
      <c r="L2223" s="10" t="s">
        <v>22</v>
      </c>
      <c r="M2223" s="10" t="s">
        <v>22</v>
      </c>
      <c r="N2223" s="10" t="s">
        <v>22</v>
      </c>
      <c r="O2223" s="10" t="s">
        <v>22</v>
      </c>
      <c r="P2223" s="10" t="s">
        <v>22</v>
      </c>
      <c r="Q2223" s="10" t="s">
        <v>22</v>
      </c>
      <c r="R2223" s="10" t="s">
        <v>22</v>
      </c>
      <c r="S2223" s="10" t="s">
        <v>22</v>
      </c>
      <c r="T2223" s="10" t="s">
        <v>22</v>
      </c>
      <c r="U2223" s="10" t="s">
        <v>22</v>
      </c>
      <c r="V2223" s="10" t="s">
        <v>22</v>
      </c>
      <c r="W2223" s="10" t="s">
        <v>22</v>
      </c>
      <c r="X2223" s="10" t="s">
        <v>22</v>
      </c>
      <c r="Y2223" s="10" t="s">
        <v>22</v>
      </c>
      <c r="Z2223" s="10" t="s">
        <v>22</v>
      </c>
    </row>
    <row r="2224" spans="1:26" ht="24" customHeight="1" x14ac:dyDescent="0.2">
      <c r="A2224" s="9" t="s">
        <v>19466</v>
      </c>
      <c r="B2224" s="9" t="s">
        <v>14</v>
      </c>
      <c r="C2224" s="9" t="s">
        <v>10639</v>
      </c>
      <c r="D2224" s="6" t="s">
        <v>10640</v>
      </c>
      <c r="E2224" s="22">
        <v>44204</v>
      </c>
      <c r="F2224" s="22">
        <v>46029</v>
      </c>
      <c r="G2224" s="6" t="s">
        <v>10641</v>
      </c>
      <c r="H2224" s="6" t="s">
        <v>62</v>
      </c>
      <c r="I2224" s="6" t="s">
        <v>430</v>
      </c>
      <c r="J2224" s="6" t="s">
        <v>10642</v>
      </c>
      <c r="K2224" s="9" t="s">
        <v>10643</v>
      </c>
      <c r="L2224" s="10" t="s">
        <v>22</v>
      </c>
      <c r="M2224" s="10" t="s">
        <v>22</v>
      </c>
      <c r="N2224" s="10" t="s">
        <v>22</v>
      </c>
      <c r="O2224" s="10" t="s">
        <v>22</v>
      </c>
      <c r="P2224" s="10" t="s">
        <v>22</v>
      </c>
      <c r="Q2224" s="10" t="s">
        <v>22</v>
      </c>
      <c r="U2224" s="10" t="s">
        <v>22</v>
      </c>
      <c r="V2224" s="10" t="s">
        <v>22</v>
      </c>
      <c r="W2224" s="10" t="s">
        <v>22</v>
      </c>
      <c r="X2224" s="10" t="s">
        <v>22</v>
      </c>
      <c r="Y2224" s="10" t="s">
        <v>22</v>
      </c>
      <c r="Z2224" s="10" t="s">
        <v>22</v>
      </c>
    </row>
    <row r="2225" spans="1:26" ht="24" customHeight="1" x14ac:dyDescent="0.2">
      <c r="A2225" s="9" t="s">
        <v>19467</v>
      </c>
      <c r="B2225" s="9" t="s">
        <v>14</v>
      </c>
      <c r="C2225" s="9" t="s">
        <v>10644</v>
      </c>
      <c r="D2225" s="6" t="s">
        <v>10645</v>
      </c>
      <c r="E2225" s="22">
        <v>44215</v>
      </c>
      <c r="F2225" s="22">
        <v>46040</v>
      </c>
      <c r="G2225" s="6" t="s">
        <v>10646</v>
      </c>
      <c r="H2225" s="6" t="s">
        <v>18</v>
      </c>
      <c r="I2225" s="6" t="s">
        <v>26</v>
      </c>
      <c r="J2225" s="6" t="s">
        <v>10647</v>
      </c>
      <c r="K2225" s="9" t="s">
        <v>10648</v>
      </c>
      <c r="L2225" s="10" t="s">
        <v>22</v>
      </c>
      <c r="M2225" s="10" t="s">
        <v>22</v>
      </c>
      <c r="N2225" s="10" t="s">
        <v>22</v>
      </c>
      <c r="O2225" s="10" t="s">
        <v>22</v>
      </c>
      <c r="P2225" s="10" t="s">
        <v>22</v>
      </c>
      <c r="Q2225" s="10" t="s">
        <v>22</v>
      </c>
      <c r="R2225" s="10" t="s">
        <v>22</v>
      </c>
      <c r="S2225" s="10" t="s">
        <v>22</v>
      </c>
      <c r="T2225" s="10" t="s">
        <v>22</v>
      </c>
      <c r="U2225" s="10" t="s">
        <v>22</v>
      </c>
      <c r="V2225" s="10" t="s">
        <v>22</v>
      </c>
      <c r="W2225" s="10" t="s">
        <v>22</v>
      </c>
      <c r="X2225" s="10" t="s">
        <v>22</v>
      </c>
      <c r="Y2225" s="10" t="s">
        <v>22</v>
      </c>
      <c r="Z2225" s="10" t="s">
        <v>22</v>
      </c>
    </row>
    <row r="2226" spans="1:26" ht="24" customHeight="1" x14ac:dyDescent="0.2">
      <c r="A2226" s="9" t="s">
        <v>19468</v>
      </c>
      <c r="B2226" s="9" t="s">
        <v>14</v>
      </c>
      <c r="C2226" s="9" t="s">
        <v>10649</v>
      </c>
      <c r="D2226" s="6" t="s">
        <v>10650</v>
      </c>
      <c r="E2226" s="22">
        <v>44215</v>
      </c>
      <c r="F2226" s="22">
        <v>46040</v>
      </c>
      <c r="G2226" s="6" t="s">
        <v>10651</v>
      </c>
      <c r="H2226" s="6" t="s">
        <v>62</v>
      </c>
      <c r="I2226" s="6" t="s">
        <v>414</v>
      </c>
      <c r="J2226" s="6" t="s">
        <v>10652</v>
      </c>
      <c r="K2226" s="9" t="s">
        <v>10653</v>
      </c>
      <c r="L2226" s="10" t="s">
        <v>22</v>
      </c>
      <c r="M2226" s="10" t="s">
        <v>22</v>
      </c>
      <c r="N2226" s="10" t="s">
        <v>22</v>
      </c>
      <c r="O2226" s="10" t="s">
        <v>22</v>
      </c>
      <c r="P2226" s="10" t="s">
        <v>22</v>
      </c>
      <c r="Q2226" s="10" t="s">
        <v>22</v>
      </c>
      <c r="U2226" s="10" t="s">
        <v>22</v>
      </c>
      <c r="V2226" s="10" t="s">
        <v>22</v>
      </c>
      <c r="W2226" s="10" t="s">
        <v>22</v>
      </c>
      <c r="X2226" s="10" t="s">
        <v>22</v>
      </c>
      <c r="Y2226" s="10" t="s">
        <v>22</v>
      </c>
      <c r="Z2226" s="10" t="s">
        <v>22</v>
      </c>
    </row>
    <row r="2227" spans="1:26" ht="24" customHeight="1" x14ac:dyDescent="0.2">
      <c r="A2227" s="9" t="s">
        <v>19469</v>
      </c>
      <c r="B2227" s="9" t="s">
        <v>14</v>
      </c>
      <c r="C2227" s="9" t="s">
        <v>10654</v>
      </c>
      <c r="D2227" s="6" t="s">
        <v>10655</v>
      </c>
      <c r="E2227" s="22">
        <v>44224</v>
      </c>
      <c r="F2227" s="22">
        <v>46049</v>
      </c>
      <c r="G2227" s="6" t="s">
        <v>10656</v>
      </c>
      <c r="H2227" s="6" t="s">
        <v>62</v>
      </c>
      <c r="I2227" s="6" t="s">
        <v>186</v>
      </c>
      <c r="J2227" s="6" t="s">
        <v>10657</v>
      </c>
      <c r="K2227" s="9" t="s">
        <v>10658</v>
      </c>
      <c r="L2227" s="10" t="s">
        <v>22</v>
      </c>
      <c r="M2227" s="10" t="s">
        <v>22</v>
      </c>
      <c r="N2227" s="10" t="s">
        <v>22</v>
      </c>
      <c r="O2227" s="10" t="s">
        <v>22</v>
      </c>
      <c r="P2227" s="10" t="s">
        <v>22</v>
      </c>
      <c r="Q2227" s="10" t="s">
        <v>22</v>
      </c>
      <c r="R2227" s="10" t="s">
        <v>22</v>
      </c>
      <c r="S2227" s="10" t="s">
        <v>22</v>
      </c>
      <c r="T2227" s="10" t="s">
        <v>22</v>
      </c>
      <c r="U2227" s="10" t="s">
        <v>22</v>
      </c>
      <c r="V2227" s="10" t="s">
        <v>22</v>
      </c>
      <c r="W2227" s="10" t="s">
        <v>22</v>
      </c>
      <c r="X2227" s="10" t="s">
        <v>22</v>
      </c>
      <c r="Y2227" s="10" t="s">
        <v>22</v>
      </c>
      <c r="Z2227" s="10" t="s">
        <v>22</v>
      </c>
    </row>
    <row r="2228" spans="1:26" ht="24" customHeight="1" x14ac:dyDescent="0.2">
      <c r="A2228" s="9" t="s">
        <v>19470</v>
      </c>
      <c r="B2228" s="9" t="s">
        <v>14</v>
      </c>
      <c r="C2228" s="9" t="s">
        <v>10659</v>
      </c>
      <c r="D2228" s="6" t="s">
        <v>10660</v>
      </c>
      <c r="E2228" s="22">
        <v>44224</v>
      </c>
      <c r="F2228" s="22">
        <v>46049</v>
      </c>
      <c r="G2228" s="6" t="s">
        <v>10661</v>
      </c>
      <c r="H2228" s="6" t="s">
        <v>62</v>
      </c>
      <c r="I2228" s="6" t="s">
        <v>10662</v>
      </c>
      <c r="J2228" s="6" t="s">
        <v>10663</v>
      </c>
      <c r="K2228" s="9" t="s">
        <v>10664</v>
      </c>
      <c r="L2228" s="10" t="s">
        <v>22</v>
      </c>
      <c r="M2228" s="10" t="s">
        <v>22</v>
      </c>
      <c r="N2228" s="10" t="s">
        <v>22</v>
      </c>
      <c r="O2228" s="10" t="s">
        <v>22</v>
      </c>
      <c r="P2228" s="10" t="s">
        <v>22</v>
      </c>
      <c r="Q2228" s="10" t="s">
        <v>22</v>
      </c>
      <c r="R2228" s="10" t="s">
        <v>22</v>
      </c>
      <c r="S2228" s="10" t="s">
        <v>22</v>
      </c>
      <c r="T2228" s="10" t="s">
        <v>22</v>
      </c>
      <c r="U2228" s="10" t="s">
        <v>22</v>
      </c>
      <c r="V2228" s="10" t="s">
        <v>22</v>
      </c>
      <c r="W2228" s="10" t="s">
        <v>22</v>
      </c>
      <c r="X2228" s="10" t="s">
        <v>22</v>
      </c>
      <c r="Y2228" s="10" t="s">
        <v>22</v>
      </c>
      <c r="Z2228" s="10" t="s">
        <v>22</v>
      </c>
    </row>
    <row r="2229" spans="1:26" ht="24" customHeight="1" x14ac:dyDescent="0.2">
      <c r="A2229" s="9" t="s">
        <v>19471</v>
      </c>
      <c r="B2229" s="9" t="s">
        <v>14</v>
      </c>
      <c r="C2229" s="9" t="s">
        <v>10665</v>
      </c>
      <c r="D2229" s="6" t="s">
        <v>10666</v>
      </c>
      <c r="E2229" s="22">
        <v>44224</v>
      </c>
      <c r="F2229" s="22">
        <v>46049</v>
      </c>
      <c r="G2229" s="6" t="s">
        <v>10667</v>
      </c>
      <c r="H2229" s="6" t="s">
        <v>62</v>
      </c>
      <c r="I2229" s="6" t="s">
        <v>403</v>
      </c>
      <c r="J2229" s="6" t="s">
        <v>10668</v>
      </c>
      <c r="K2229" s="9" t="s">
        <v>10669</v>
      </c>
      <c r="L2229" s="10" t="s">
        <v>22</v>
      </c>
      <c r="M2229" s="10" t="s">
        <v>22</v>
      </c>
      <c r="N2229" s="10" t="s">
        <v>22</v>
      </c>
      <c r="O2229" s="10" t="s">
        <v>22</v>
      </c>
      <c r="P2229" s="10" t="s">
        <v>22</v>
      </c>
      <c r="Q2229" s="10" t="s">
        <v>22</v>
      </c>
      <c r="R2229" s="10" t="s">
        <v>22</v>
      </c>
      <c r="S2229" s="10" t="s">
        <v>22</v>
      </c>
      <c r="T2229" s="10" t="s">
        <v>22</v>
      </c>
      <c r="U2229" s="10" t="s">
        <v>22</v>
      </c>
      <c r="V2229" s="10" t="s">
        <v>22</v>
      </c>
      <c r="W2229" s="10" t="s">
        <v>22</v>
      </c>
      <c r="X2229" s="10" t="s">
        <v>22</v>
      </c>
      <c r="Y2229" s="10" t="s">
        <v>22</v>
      </c>
      <c r="Z2229" s="10" t="s">
        <v>22</v>
      </c>
    </row>
    <row r="2230" spans="1:26" ht="24" customHeight="1" x14ac:dyDescent="0.2">
      <c r="A2230" s="9" t="s">
        <v>19472</v>
      </c>
      <c r="B2230" s="9" t="s">
        <v>14</v>
      </c>
      <c r="C2230" s="9" t="s">
        <v>10670</v>
      </c>
      <c r="D2230" s="6" t="s">
        <v>10671</v>
      </c>
      <c r="E2230" s="22">
        <v>44133</v>
      </c>
      <c r="F2230" s="22">
        <v>45958</v>
      </c>
      <c r="G2230" s="6" t="s">
        <v>10672</v>
      </c>
      <c r="H2230" s="6" t="s">
        <v>18</v>
      </c>
      <c r="I2230" s="6" t="s">
        <v>19</v>
      </c>
      <c r="J2230" s="6" t="s">
        <v>10673</v>
      </c>
      <c r="K2230" s="9" t="s">
        <v>10674</v>
      </c>
      <c r="L2230" s="10" t="s">
        <v>22</v>
      </c>
      <c r="M2230" s="10" t="s">
        <v>22</v>
      </c>
      <c r="N2230" s="10" t="s">
        <v>22</v>
      </c>
      <c r="U2230" s="10" t="s">
        <v>22</v>
      </c>
      <c r="V2230" s="10" t="s">
        <v>22</v>
      </c>
      <c r="W2230" s="10" t="s">
        <v>22</v>
      </c>
    </row>
    <row r="2231" spans="1:26" ht="24" customHeight="1" x14ac:dyDescent="0.2">
      <c r="A2231" s="9" t="s">
        <v>19473</v>
      </c>
      <c r="B2231" s="9" t="s">
        <v>14</v>
      </c>
      <c r="C2231" s="9" t="s">
        <v>10675</v>
      </c>
      <c r="D2231" s="6" t="s">
        <v>10676</v>
      </c>
      <c r="E2231" s="22">
        <v>44229</v>
      </c>
      <c r="F2231" s="22">
        <v>46054</v>
      </c>
      <c r="G2231" s="6" t="s">
        <v>10677</v>
      </c>
      <c r="H2231" s="6" t="s">
        <v>62</v>
      </c>
      <c r="I2231" s="6" t="s">
        <v>493</v>
      </c>
      <c r="J2231" s="6" t="s">
        <v>10678</v>
      </c>
      <c r="K2231" s="9" t="s">
        <v>10679</v>
      </c>
      <c r="L2231" s="10" t="s">
        <v>22</v>
      </c>
      <c r="M2231" s="10" t="s">
        <v>22</v>
      </c>
      <c r="N2231" s="10" t="s">
        <v>22</v>
      </c>
      <c r="O2231" s="10" t="s">
        <v>22</v>
      </c>
      <c r="P2231" s="10" t="s">
        <v>22</v>
      </c>
      <c r="Q2231" s="10" t="s">
        <v>22</v>
      </c>
      <c r="R2231" s="10" t="s">
        <v>22</v>
      </c>
      <c r="S2231" s="10" t="s">
        <v>22</v>
      </c>
      <c r="T2231" s="10" t="s">
        <v>22</v>
      </c>
      <c r="U2231" s="10" t="s">
        <v>22</v>
      </c>
      <c r="V2231" s="10" t="s">
        <v>22</v>
      </c>
      <c r="W2231" s="10" t="s">
        <v>22</v>
      </c>
      <c r="X2231" s="10" t="s">
        <v>22</v>
      </c>
      <c r="Y2231" s="10" t="s">
        <v>22</v>
      </c>
      <c r="Z2231" s="10" t="s">
        <v>22</v>
      </c>
    </row>
    <row r="2232" spans="1:26" ht="24" customHeight="1" x14ac:dyDescent="0.2">
      <c r="A2232" s="9" t="s">
        <v>19474</v>
      </c>
      <c r="B2232" s="9" t="s">
        <v>14</v>
      </c>
      <c r="C2232" s="9" t="s">
        <v>10680</v>
      </c>
      <c r="D2232" s="6" t="s">
        <v>10681</v>
      </c>
      <c r="E2232" s="22">
        <v>44229</v>
      </c>
      <c r="F2232" s="22">
        <v>46054</v>
      </c>
      <c r="G2232" s="6" t="s">
        <v>10682</v>
      </c>
      <c r="H2232" s="6" t="s">
        <v>18</v>
      </c>
      <c r="I2232" s="6" t="s">
        <v>19</v>
      </c>
      <c r="J2232" s="6" t="s">
        <v>10683</v>
      </c>
      <c r="K2232" s="9" t="s">
        <v>10684</v>
      </c>
      <c r="L2232" s="10" t="s">
        <v>22</v>
      </c>
      <c r="M2232" s="10" t="s">
        <v>22</v>
      </c>
      <c r="N2232" s="10" t="s">
        <v>22</v>
      </c>
      <c r="U2232" s="10" t="s">
        <v>22</v>
      </c>
      <c r="V2232" s="10" t="s">
        <v>22</v>
      </c>
      <c r="W2232" s="10" t="s">
        <v>22</v>
      </c>
    </row>
    <row r="2233" spans="1:26" ht="24" customHeight="1" x14ac:dyDescent="0.2">
      <c r="A2233" s="9" t="s">
        <v>19475</v>
      </c>
      <c r="B2233" s="9" t="s">
        <v>14</v>
      </c>
      <c r="C2233" s="9" t="s">
        <v>10685</v>
      </c>
      <c r="D2233" s="6" t="s">
        <v>10686</v>
      </c>
      <c r="E2233" s="22">
        <v>44229</v>
      </c>
      <c r="F2233" s="22">
        <v>46054</v>
      </c>
      <c r="G2233" s="6" t="s">
        <v>10687</v>
      </c>
      <c r="H2233" s="6" t="s">
        <v>202</v>
      </c>
      <c r="I2233" s="6" t="s">
        <v>2101</v>
      </c>
      <c r="J2233" s="6" t="s">
        <v>10688</v>
      </c>
      <c r="K2233" s="9" t="s">
        <v>10689</v>
      </c>
      <c r="L2233" s="10" t="s">
        <v>22</v>
      </c>
      <c r="M2233" s="10" t="s">
        <v>22</v>
      </c>
      <c r="N2233" s="10" t="s">
        <v>22</v>
      </c>
      <c r="O2233" s="10" t="s">
        <v>22</v>
      </c>
      <c r="P2233" s="10" t="s">
        <v>22</v>
      </c>
      <c r="Q2233" s="10" t="s">
        <v>22</v>
      </c>
      <c r="U2233" s="10" t="s">
        <v>22</v>
      </c>
      <c r="V2233" s="10" t="s">
        <v>22</v>
      </c>
      <c r="W2233" s="10" t="s">
        <v>22</v>
      </c>
    </row>
    <row r="2234" spans="1:26" ht="24" customHeight="1" x14ac:dyDescent="0.2">
      <c r="A2234" s="9" t="s">
        <v>19476</v>
      </c>
      <c r="B2234" s="9" t="s">
        <v>14</v>
      </c>
      <c r="C2234" s="9" t="s">
        <v>10690</v>
      </c>
      <c r="D2234" s="6" t="s">
        <v>10691</v>
      </c>
      <c r="E2234" s="22">
        <v>44229</v>
      </c>
      <c r="F2234" s="22">
        <v>46054</v>
      </c>
      <c r="G2234" s="6" t="s">
        <v>10692</v>
      </c>
      <c r="H2234" s="6" t="s">
        <v>202</v>
      </c>
      <c r="I2234" s="6" t="s">
        <v>1707</v>
      </c>
      <c r="J2234" s="6" t="s">
        <v>10693</v>
      </c>
      <c r="K2234" s="9" t="s">
        <v>10694</v>
      </c>
      <c r="L2234" s="10" t="s">
        <v>22</v>
      </c>
      <c r="M2234" s="10" t="s">
        <v>22</v>
      </c>
      <c r="N2234" s="10" t="s">
        <v>22</v>
      </c>
      <c r="O2234" s="10" t="s">
        <v>22</v>
      </c>
      <c r="P2234" s="10" t="s">
        <v>22</v>
      </c>
      <c r="Q2234" s="10" t="s">
        <v>22</v>
      </c>
    </row>
    <row r="2235" spans="1:26" ht="24" customHeight="1" x14ac:dyDescent="0.2">
      <c r="A2235" s="9" t="s">
        <v>19477</v>
      </c>
      <c r="B2235" s="9" t="s">
        <v>14</v>
      </c>
      <c r="C2235" s="9" t="s">
        <v>10695</v>
      </c>
      <c r="D2235" s="6" t="s">
        <v>10696</v>
      </c>
      <c r="E2235" s="22">
        <v>44229</v>
      </c>
      <c r="F2235" s="22">
        <v>46054</v>
      </c>
      <c r="G2235" s="6" t="s">
        <v>10697</v>
      </c>
      <c r="H2235" s="6" t="s">
        <v>62</v>
      </c>
      <c r="I2235" s="6" t="s">
        <v>306</v>
      </c>
      <c r="J2235" s="6" t="s">
        <v>10698</v>
      </c>
      <c r="K2235" s="9" t="s">
        <v>10699</v>
      </c>
      <c r="L2235" s="10" t="s">
        <v>22</v>
      </c>
      <c r="M2235" s="10" t="s">
        <v>22</v>
      </c>
      <c r="N2235" s="10" t="s">
        <v>22</v>
      </c>
      <c r="O2235" s="10" t="s">
        <v>22</v>
      </c>
      <c r="P2235" s="10" t="s">
        <v>22</v>
      </c>
      <c r="Q2235" s="10" t="s">
        <v>22</v>
      </c>
      <c r="R2235" s="10" t="s">
        <v>22</v>
      </c>
      <c r="S2235" s="10" t="s">
        <v>22</v>
      </c>
      <c r="T2235" s="10" t="s">
        <v>22</v>
      </c>
    </row>
    <row r="2236" spans="1:26" ht="24" customHeight="1" x14ac:dyDescent="0.2">
      <c r="A2236" s="9" t="s">
        <v>19478</v>
      </c>
      <c r="B2236" s="9" t="s">
        <v>14</v>
      </c>
      <c r="C2236" s="9" t="s">
        <v>10700</v>
      </c>
      <c r="D2236" s="6" t="s">
        <v>10701</v>
      </c>
      <c r="E2236" s="22">
        <v>44245</v>
      </c>
      <c r="F2236" s="22">
        <v>46070</v>
      </c>
      <c r="G2236" s="6" t="s">
        <v>10702</v>
      </c>
      <c r="H2236" s="6" t="s">
        <v>229</v>
      </c>
      <c r="I2236" s="6" t="s">
        <v>2319</v>
      </c>
      <c r="J2236" s="6" t="s">
        <v>10703</v>
      </c>
      <c r="K2236" s="9" t="s">
        <v>10704</v>
      </c>
      <c r="M2236" s="10" t="s">
        <v>22</v>
      </c>
      <c r="N2236" s="10" t="s">
        <v>22</v>
      </c>
      <c r="P2236" s="10" t="s">
        <v>22</v>
      </c>
      <c r="Q2236" s="10" t="s">
        <v>22</v>
      </c>
      <c r="S2236" s="10" t="s">
        <v>22</v>
      </c>
      <c r="T2236" s="10" t="s">
        <v>22</v>
      </c>
      <c r="V2236" s="10" t="s">
        <v>22</v>
      </c>
      <c r="W2236" s="10" t="s">
        <v>22</v>
      </c>
      <c r="Y2236" s="10" t="s">
        <v>22</v>
      </c>
      <c r="Z2236" s="10" t="s">
        <v>22</v>
      </c>
    </row>
    <row r="2237" spans="1:26" ht="24" customHeight="1" x14ac:dyDescent="0.2">
      <c r="A2237" s="9" t="s">
        <v>19479</v>
      </c>
      <c r="B2237" s="9" t="s">
        <v>14</v>
      </c>
      <c r="C2237" s="9" t="s">
        <v>10705</v>
      </c>
      <c r="D2237" s="6" t="s">
        <v>10706</v>
      </c>
      <c r="E2237" s="22">
        <v>44236</v>
      </c>
      <c r="F2237" s="22">
        <v>46061</v>
      </c>
      <c r="G2237" s="6" t="s">
        <v>10706</v>
      </c>
      <c r="H2237" s="6" t="s">
        <v>62</v>
      </c>
      <c r="I2237" s="6" t="s">
        <v>551</v>
      </c>
      <c r="J2237" s="6" t="s">
        <v>10707</v>
      </c>
      <c r="L2237" s="10" t="s">
        <v>22</v>
      </c>
      <c r="M2237" s="10" t="s">
        <v>22</v>
      </c>
      <c r="N2237" s="10" t="s">
        <v>22</v>
      </c>
      <c r="O2237" s="10" t="s">
        <v>22</v>
      </c>
      <c r="P2237" s="10" t="s">
        <v>22</v>
      </c>
      <c r="Q2237" s="10" t="s">
        <v>22</v>
      </c>
      <c r="R2237" s="10" t="s">
        <v>22</v>
      </c>
      <c r="S2237" s="10" t="s">
        <v>22</v>
      </c>
      <c r="T2237" s="10" t="s">
        <v>22</v>
      </c>
      <c r="U2237" s="10" t="s">
        <v>22</v>
      </c>
      <c r="V2237" s="10" t="s">
        <v>22</v>
      </c>
      <c r="W2237" s="10" t="s">
        <v>22</v>
      </c>
      <c r="X2237" s="10" t="s">
        <v>22</v>
      </c>
      <c r="Y2237" s="10" t="s">
        <v>22</v>
      </c>
      <c r="Z2237" s="10" t="s">
        <v>22</v>
      </c>
    </row>
    <row r="2238" spans="1:26" ht="24" customHeight="1" x14ac:dyDescent="0.2">
      <c r="A2238" s="9" t="s">
        <v>19480</v>
      </c>
      <c r="B2238" s="9" t="s">
        <v>14</v>
      </c>
      <c r="C2238" s="9" t="s">
        <v>10708</v>
      </c>
      <c r="D2238" s="6" t="s">
        <v>10709</v>
      </c>
      <c r="E2238" s="22">
        <v>44239</v>
      </c>
      <c r="F2238" s="22">
        <v>46064</v>
      </c>
      <c r="G2238" s="6" t="s">
        <v>10710</v>
      </c>
      <c r="H2238" s="6" t="s">
        <v>202</v>
      </c>
      <c r="I2238" s="6" t="s">
        <v>203</v>
      </c>
      <c r="J2238" s="6" t="s">
        <v>10711</v>
      </c>
      <c r="K2238" s="9" t="s">
        <v>10712</v>
      </c>
      <c r="L2238" s="10" t="s">
        <v>22</v>
      </c>
      <c r="M2238" s="10" t="s">
        <v>22</v>
      </c>
      <c r="N2238" s="10" t="s">
        <v>22</v>
      </c>
      <c r="O2238" s="10" t="s">
        <v>22</v>
      </c>
      <c r="P2238" s="10" t="s">
        <v>22</v>
      </c>
      <c r="Q2238" s="10" t="s">
        <v>22</v>
      </c>
      <c r="R2238" s="10" t="s">
        <v>22</v>
      </c>
      <c r="S2238" s="10" t="s">
        <v>22</v>
      </c>
      <c r="T2238" s="10" t="s">
        <v>22</v>
      </c>
    </row>
    <row r="2239" spans="1:26" ht="24" customHeight="1" x14ac:dyDescent="0.2">
      <c r="A2239" s="9" t="s">
        <v>19481</v>
      </c>
      <c r="B2239" s="9" t="s">
        <v>14</v>
      </c>
      <c r="C2239" s="9" t="s">
        <v>10713</v>
      </c>
      <c r="D2239" s="6" t="s">
        <v>10714</v>
      </c>
      <c r="E2239" s="22">
        <v>44239</v>
      </c>
      <c r="F2239" s="22">
        <v>46064</v>
      </c>
      <c r="G2239" s="6" t="s">
        <v>10715</v>
      </c>
      <c r="H2239" s="6" t="s">
        <v>62</v>
      </c>
      <c r="I2239" s="6" t="s">
        <v>1444</v>
      </c>
      <c r="J2239" s="6" t="s">
        <v>10716</v>
      </c>
      <c r="K2239" s="9" t="s">
        <v>10717</v>
      </c>
      <c r="L2239" s="10" t="s">
        <v>22</v>
      </c>
      <c r="M2239" s="10" t="s">
        <v>22</v>
      </c>
      <c r="N2239" s="10" t="s">
        <v>22</v>
      </c>
      <c r="O2239" s="10" t="s">
        <v>22</v>
      </c>
      <c r="P2239" s="10" t="s">
        <v>22</v>
      </c>
      <c r="Q2239" s="10" t="s">
        <v>22</v>
      </c>
      <c r="R2239" s="10" t="s">
        <v>22</v>
      </c>
      <c r="S2239" s="10" t="s">
        <v>22</v>
      </c>
      <c r="T2239" s="10" t="s">
        <v>22</v>
      </c>
      <c r="U2239" s="10" t="s">
        <v>22</v>
      </c>
      <c r="V2239" s="10" t="s">
        <v>22</v>
      </c>
      <c r="W2239" s="10" t="s">
        <v>22</v>
      </c>
      <c r="X2239" s="10" t="s">
        <v>22</v>
      </c>
      <c r="Y2239" s="10" t="s">
        <v>22</v>
      </c>
      <c r="Z2239" s="10" t="s">
        <v>22</v>
      </c>
    </row>
    <row r="2240" spans="1:26" ht="24" customHeight="1" x14ac:dyDescent="0.2">
      <c r="A2240" s="9" t="s">
        <v>19482</v>
      </c>
      <c r="B2240" s="9" t="s">
        <v>14</v>
      </c>
      <c r="C2240" s="9" t="s">
        <v>10718</v>
      </c>
      <c r="D2240" s="6" t="s">
        <v>10719</v>
      </c>
      <c r="E2240" s="22">
        <v>44239</v>
      </c>
      <c r="F2240" s="22">
        <v>46064</v>
      </c>
      <c r="G2240" s="6" t="s">
        <v>10720</v>
      </c>
      <c r="H2240" s="6" t="s">
        <v>202</v>
      </c>
      <c r="I2240" s="6" t="s">
        <v>10721</v>
      </c>
      <c r="J2240" s="6" t="s">
        <v>10722</v>
      </c>
      <c r="K2240" s="9" t="s">
        <v>10723</v>
      </c>
      <c r="L2240" s="10" t="s">
        <v>22</v>
      </c>
      <c r="M2240" s="10" t="s">
        <v>22</v>
      </c>
      <c r="N2240" s="10" t="s">
        <v>22</v>
      </c>
      <c r="O2240" s="10" t="s">
        <v>22</v>
      </c>
      <c r="P2240" s="10" t="s">
        <v>22</v>
      </c>
      <c r="Q2240" s="10" t="s">
        <v>22</v>
      </c>
      <c r="U2240" s="10" t="s">
        <v>22</v>
      </c>
      <c r="V2240" s="10" t="s">
        <v>22</v>
      </c>
      <c r="W2240" s="10" t="s">
        <v>22</v>
      </c>
      <c r="X2240" s="10" t="s">
        <v>22</v>
      </c>
      <c r="Y2240" s="10" t="s">
        <v>22</v>
      </c>
      <c r="Z2240" s="10" t="s">
        <v>22</v>
      </c>
    </row>
    <row r="2241" spans="1:26" ht="24" customHeight="1" x14ac:dyDescent="0.2">
      <c r="A2241" s="9" t="s">
        <v>19483</v>
      </c>
      <c r="B2241" s="9" t="s">
        <v>14</v>
      </c>
      <c r="C2241" s="9" t="s">
        <v>10724</v>
      </c>
      <c r="D2241" s="6" t="s">
        <v>10725</v>
      </c>
      <c r="E2241" s="22">
        <v>44239</v>
      </c>
      <c r="F2241" s="22">
        <v>46064</v>
      </c>
      <c r="G2241" s="6" t="s">
        <v>10726</v>
      </c>
      <c r="H2241" s="6" t="s">
        <v>62</v>
      </c>
      <c r="I2241" s="6" t="s">
        <v>414</v>
      </c>
      <c r="J2241" s="6" t="s">
        <v>10727</v>
      </c>
      <c r="K2241" s="9" t="s">
        <v>10728</v>
      </c>
      <c r="L2241" s="10" t="s">
        <v>22</v>
      </c>
      <c r="M2241" s="10" t="s">
        <v>22</v>
      </c>
      <c r="N2241" s="10" t="s">
        <v>22</v>
      </c>
      <c r="O2241" s="10" t="s">
        <v>22</v>
      </c>
      <c r="P2241" s="10" t="s">
        <v>22</v>
      </c>
      <c r="Q2241" s="10" t="s">
        <v>22</v>
      </c>
      <c r="R2241" s="10" t="s">
        <v>22</v>
      </c>
      <c r="S2241" s="10" t="s">
        <v>22</v>
      </c>
      <c r="T2241" s="10" t="s">
        <v>22</v>
      </c>
    </row>
    <row r="2242" spans="1:26" ht="24" customHeight="1" x14ac:dyDescent="0.2">
      <c r="A2242" s="9" t="s">
        <v>19484</v>
      </c>
      <c r="B2242" s="9" t="s">
        <v>14</v>
      </c>
      <c r="C2242" s="9" t="s">
        <v>10729</v>
      </c>
      <c r="D2242" s="6" t="s">
        <v>10730</v>
      </c>
      <c r="E2242" s="22">
        <v>44244</v>
      </c>
      <c r="F2242" s="22">
        <v>46069</v>
      </c>
      <c r="G2242" s="6" t="s">
        <v>10731</v>
      </c>
      <c r="H2242" s="6" t="s">
        <v>18</v>
      </c>
      <c r="I2242" s="6" t="s">
        <v>19</v>
      </c>
      <c r="J2242" s="6" t="s">
        <v>10732</v>
      </c>
      <c r="K2242" s="9" t="s">
        <v>10733</v>
      </c>
      <c r="L2242" s="10" t="s">
        <v>22</v>
      </c>
      <c r="M2242" s="10" t="s">
        <v>22</v>
      </c>
      <c r="N2242" s="10" t="s">
        <v>22</v>
      </c>
      <c r="O2242" s="10" t="s">
        <v>22</v>
      </c>
      <c r="P2242" s="10" t="s">
        <v>22</v>
      </c>
      <c r="Q2242" s="10" t="s">
        <v>22</v>
      </c>
      <c r="R2242" s="10" t="s">
        <v>22</v>
      </c>
      <c r="S2242" s="10" t="s">
        <v>22</v>
      </c>
      <c r="T2242" s="10" t="s">
        <v>22</v>
      </c>
      <c r="U2242" s="10" t="s">
        <v>22</v>
      </c>
      <c r="V2242" s="10" t="s">
        <v>22</v>
      </c>
      <c r="W2242" s="10" t="s">
        <v>22</v>
      </c>
      <c r="X2242" s="10" t="s">
        <v>22</v>
      </c>
      <c r="Y2242" s="10" t="s">
        <v>22</v>
      </c>
      <c r="Z2242" s="10" t="s">
        <v>22</v>
      </c>
    </row>
    <row r="2243" spans="1:26" ht="24" customHeight="1" x14ac:dyDescent="0.2">
      <c r="A2243" s="9" t="s">
        <v>19485</v>
      </c>
      <c r="B2243" s="9" t="s">
        <v>14</v>
      </c>
      <c r="C2243" s="9" t="s">
        <v>10734</v>
      </c>
      <c r="D2243" s="6" t="s">
        <v>10735</v>
      </c>
      <c r="E2243" s="22">
        <v>44251</v>
      </c>
      <c r="F2243" s="22">
        <v>46076</v>
      </c>
      <c r="G2243" s="6" t="s">
        <v>10736</v>
      </c>
      <c r="H2243" s="6" t="s">
        <v>62</v>
      </c>
      <c r="I2243" s="6" t="s">
        <v>73</v>
      </c>
      <c r="J2243" s="6" t="s">
        <v>10737</v>
      </c>
      <c r="L2243" s="10" t="s">
        <v>22</v>
      </c>
      <c r="M2243" s="10" t="s">
        <v>22</v>
      </c>
      <c r="N2243" s="10" t="s">
        <v>22</v>
      </c>
      <c r="O2243" s="10" t="s">
        <v>22</v>
      </c>
      <c r="P2243" s="10" t="s">
        <v>22</v>
      </c>
      <c r="Q2243" s="10" t="s">
        <v>22</v>
      </c>
      <c r="R2243" s="10" t="s">
        <v>22</v>
      </c>
      <c r="S2243" s="10" t="s">
        <v>22</v>
      </c>
      <c r="T2243" s="10" t="s">
        <v>22</v>
      </c>
      <c r="U2243" s="10" t="s">
        <v>22</v>
      </c>
      <c r="V2243" s="10" t="s">
        <v>22</v>
      </c>
      <c r="W2243" s="10" t="s">
        <v>22</v>
      </c>
      <c r="X2243" s="10" t="s">
        <v>22</v>
      </c>
      <c r="Y2243" s="10" t="s">
        <v>22</v>
      </c>
      <c r="Z2243" s="10" t="s">
        <v>22</v>
      </c>
    </row>
    <row r="2244" spans="1:26" ht="24" customHeight="1" x14ac:dyDescent="0.2">
      <c r="A2244" s="9" t="s">
        <v>19486</v>
      </c>
      <c r="B2244" s="9" t="s">
        <v>14</v>
      </c>
      <c r="C2244" s="9" t="s">
        <v>10738</v>
      </c>
      <c r="D2244" s="6" t="s">
        <v>10739</v>
      </c>
      <c r="E2244" s="22">
        <v>44239</v>
      </c>
      <c r="F2244" s="22">
        <v>46064</v>
      </c>
      <c r="G2244" s="6" t="s">
        <v>10740</v>
      </c>
      <c r="H2244" s="6" t="s">
        <v>62</v>
      </c>
      <c r="I2244" s="6" t="s">
        <v>186</v>
      </c>
      <c r="J2244" s="6" t="s">
        <v>10741</v>
      </c>
      <c r="K2244" s="9" t="s">
        <v>10742</v>
      </c>
      <c r="L2244" s="10" t="s">
        <v>22</v>
      </c>
      <c r="M2244" s="10" t="s">
        <v>22</v>
      </c>
      <c r="N2244" s="10" t="s">
        <v>22</v>
      </c>
      <c r="O2244" s="10" t="s">
        <v>22</v>
      </c>
      <c r="P2244" s="10" t="s">
        <v>22</v>
      </c>
      <c r="Q2244" s="10" t="s">
        <v>22</v>
      </c>
      <c r="R2244" s="10" t="s">
        <v>22</v>
      </c>
      <c r="S2244" s="10" t="s">
        <v>22</v>
      </c>
      <c r="T2244" s="10" t="s">
        <v>22</v>
      </c>
      <c r="U2244" s="10" t="s">
        <v>22</v>
      </c>
      <c r="V2244" s="10" t="s">
        <v>22</v>
      </c>
      <c r="W2244" s="10" t="s">
        <v>22</v>
      </c>
      <c r="X2244" s="10" t="s">
        <v>22</v>
      </c>
      <c r="Y2244" s="10" t="s">
        <v>22</v>
      </c>
      <c r="Z2244" s="10" t="s">
        <v>22</v>
      </c>
    </row>
    <row r="2245" spans="1:26" ht="24" customHeight="1" x14ac:dyDescent="0.2">
      <c r="A2245" s="9" t="s">
        <v>19487</v>
      </c>
      <c r="B2245" s="9" t="s">
        <v>14</v>
      </c>
      <c r="C2245" s="9" t="s">
        <v>10743</v>
      </c>
      <c r="D2245" s="6" t="s">
        <v>10744</v>
      </c>
      <c r="E2245" s="22">
        <v>44242</v>
      </c>
      <c r="F2245" s="22">
        <v>46067</v>
      </c>
      <c r="G2245" s="6" t="s">
        <v>10745</v>
      </c>
      <c r="H2245" s="6" t="s">
        <v>62</v>
      </c>
      <c r="I2245" s="6" t="s">
        <v>236</v>
      </c>
      <c r="J2245" s="6" t="s">
        <v>10746</v>
      </c>
      <c r="K2245" s="9" t="s">
        <v>10747</v>
      </c>
      <c r="L2245" s="10" t="s">
        <v>22</v>
      </c>
      <c r="M2245" s="10" t="s">
        <v>22</v>
      </c>
      <c r="N2245" s="10" t="s">
        <v>22</v>
      </c>
      <c r="O2245" s="10" t="s">
        <v>22</v>
      </c>
      <c r="P2245" s="10" t="s">
        <v>22</v>
      </c>
      <c r="Q2245" s="10" t="s">
        <v>22</v>
      </c>
      <c r="R2245" s="10" t="s">
        <v>22</v>
      </c>
      <c r="S2245" s="10" t="s">
        <v>22</v>
      </c>
      <c r="T2245" s="10" t="s">
        <v>22</v>
      </c>
      <c r="U2245" s="10" t="s">
        <v>22</v>
      </c>
      <c r="V2245" s="10" t="s">
        <v>22</v>
      </c>
      <c r="W2245" s="10" t="s">
        <v>22</v>
      </c>
      <c r="X2245" s="10" t="s">
        <v>22</v>
      </c>
      <c r="Y2245" s="10" t="s">
        <v>22</v>
      </c>
      <c r="Z2245" s="10" t="s">
        <v>22</v>
      </c>
    </row>
    <row r="2246" spans="1:26" ht="24" customHeight="1" x14ac:dyDescent="0.2">
      <c r="A2246" s="9" t="s">
        <v>19488</v>
      </c>
      <c r="B2246" s="9" t="s">
        <v>14</v>
      </c>
      <c r="C2246" s="9" t="s">
        <v>10748</v>
      </c>
      <c r="D2246" s="6" t="s">
        <v>10749</v>
      </c>
      <c r="E2246" s="22">
        <v>44249</v>
      </c>
      <c r="F2246" s="22">
        <v>46074</v>
      </c>
      <c r="G2246" s="6" t="s">
        <v>10750</v>
      </c>
      <c r="H2246" s="6" t="s">
        <v>62</v>
      </c>
      <c r="I2246" s="6" t="s">
        <v>842</v>
      </c>
      <c r="J2246" s="6" t="s">
        <v>10751</v>
      </c>
      <c r="K2246" s="9" t="s">
        <v>10752</v>
      </c>
      <c r="L2246" s="10" t="s">
        <v>22</v>
      </c>
      <c r="M2246" s="10" t="s">
        <v>22</v>
      </c>
      <c r="N2246" s="10" t="s">
        <v>22</v>
      </c>
      <c r="U2246" s="10" t="s">
        <v>22</v>
      </c>
      <c r="V2246" s="10" t="s">
        <v>22</v>
      </c>
      <c r="W2246" s="10" t="s">
        <v>22</v>
      </c>
    </row>
    <row r="2247" spans="1:26" ht="24" customHeight="1" x14ac:dyDescent="0.2">
      <c r="A2247" s="9" t="s">
        <v>19489</v>
      </c>
      <c r="B2247" s="9" t="s">
        <v>14</v>
      </c>
      <c r="C2247" s="9" t="s">
        <v>10753</v>
      </c>
      <c r="D2247" s="6" t="s">
        <v>10754</v>
      </c>
      <c r="E2247" s="22">
        <v>44249</v>
      </c>
      <c r="F2247" s="22">
        <v>46074</v>
      </c>
      <c r="G2247" s="6" t="s">
        <v>10755</v>
      </c>
      <c r="H2247" s="6" t="s">
        <v>62</v>
      </c>
      <c r="I2247" s="6" t="s">
        <v>312</v>
      </c>
      <c r="J2247" s="6" t="s">
        <v>10756</v>
      </c>
      <c r="K2247" s="9" t="s">
        <v>10757</v>
      </c>
      <c r="L2247" s="10" t="s">
        <v>22</v>
      </c>
      <c r="M2247" s="10" t="s">
        <v>22</v>
      </c>
      <c r="N2247" s="10" t="s">
        <v>22</v>
      </c>
      <c r="O2247" s="10" t="s">
        <v>22</v>
      </c>
      <c r="P2247" s="10" t="s">
        <v>22</v>
      </c>
      <c r="Q2247" s="10" t="s">
        <v>22</v>
      </c>
      <c r="U2247" s="10" t="s">
        <v>22</v>
      </c>
      <c r="V2247" s="10" t="s">
        <v>22</v>
      </c>
      <c r="W2247" s="10" t="s">
        <v>22</v>
      </c>
    </row>
    <row r="2248" spans="1:26" ht="24" customHeight="1" x14ac:dyDescent="0.2">
      <c r="A2248" s="9" t="s">
        <v>19490</v>
      </c>
      <c r="B2248" s="9" t="s">
        <v>14</v>
      </c>
      <c r="C2248" s="9" t="s">
        <v>10758</v>
      </c>
      <c r="D2248" s="6" t="s">
        <v>10759</v>
      </c>
      <c r="E2248" s="22">
        <v>44249</v>
      </c>
      <c r="F2248" s="22">
        <v>46074</v>
      </c>
      <c r="G2248" s="6" t="s">
        <v>10760</v>
      </c>
      <c r="H2248" s="6" t="s">
        <v>62</v>
      </c>
      <c r="I2248" s="6" t="s">
        <v>551</v>
      </c>
      <c r="J2248" s="6" t="s">
        <v>10761</v>
      </c>
      <c r="K2248" s="9" t="s">
        <v>10762</v>
      </c>
      <c r="L2248" s="10" t="s">
        <v>22</v>
      </c>
      <c r="M2248" s="10" t="s">
        <v>22</v>
      </c>
      <c r="N2248" s="10" t="s">
        <v>22</v>
      </c>
      <c r="O2248" s="10" t="s">
        <v>22</v>
      </c>
      <c r="P2248" s="10" t="s">
        <v>22</v>
      </c>
      <c r="Q2248" s="10" t="s">
        <v>22</v>
      </c>
      <c r="R2248" s="10" t="s">
        <v>22</v>
      </c>
      <c r="S2248" s="10" t="s">
        <v>22</v>
      </c>
      <c r="T2248" s="10" t="s">
        <v>22</v>
      </c>
      <c r="U2248" s="10" t="s">
        <v>22</v>
      </c>
      <c r="V2248" s="10" t="s">
        <v>22</v>
      </c>
      <c r="W2248" s="10" t="s">
        <v>22</v>
      </c>
      <c r="X2248" s="10" t="s">
        <v>22</v>
      </c>
      <c r="Y2248" s="10" t="s">
        <v>22</v>
      </c>
      <c r="Z2248" s="10" t="s">
        <v>22</v>
      </c>
    </row>
    <row r="2249" spans="1:26" ht="24" customHeight="1" x14ac:dyDescent="0.2">
      <c r="A2249" s="9" t="s">
        <v>19491</v>
      </c>
      <c r="B2249" s="9" t="s">
        <v>14</v>
      </c>
      <c r="C2249" s="9" t="s">
        <v>10763</v>
      </c>
      <c r="D2249" s="6" t="s">
        <v>10764</v>
      </c>
      <c r="E2249" s="22">
        <v>44249</v>
      </c>
      <c r="F2249" s="22">
        <v>46074</v>
      </c>
      <c r="G2249" s="6" t="s">
        <v>10765</v>
      </c>
      <c r="H2249" s="6" t="s">
        <v>18</v>
      </c>
      <c r="I2249" s="6" t="s">
        <v>26</v>
      </c>
      <c r="J2249" s="6" t="s">
        <v>10766</v>
      </c>
      <c r="M2249" s="10" t="s">
        <v>22</v>
      </c>
      <c r="N2249" s="10" t="s">
        <v>22</v>
      </c>
      <c r="P2249" s="10" t="s">
        <v>22</v>
      </c>
      <c r="Q2249" s="10" t="s">
        <v>22</v>
      </c>
      <c r="V2249" s="10" t="s">
        <v>22</v>
      </c>
      <c r="W2249" s="10" t="s">
        <v>22</v>
      </c>
      <c r="Y2249" s="10" t="s">
        <v>22</v>
      </c>
      <c r="Z2249" s="10" t="s">
        <v>22</v>
      </c>
    </row>
    <row r="2250" spans="1:26" ht="24" customHeight="1" x14ac:dyDescent="0.2">
      <c r="A2250" s="9" t="s">
        <v>19492</v>
      </c>
      <c r="B2250" s="9" t="s">
        <v>14</v>
      </c>
      <c r="C2250" s="9" t="s">
        <v>10767</v>
      </c>
      <c r="D2250" s="6" t="s">
        <v>10768</v>
      </c>
      <c r="E2250" s="22">
        <v>44249</v>
      </c>
      <c r="F2250" s="22">
        <v>46074</v>
      </c>
      <c r="G2250" s="6" t="s">
        <v>10769</v>
      </c>
      <c r="H2250" s="6" t="s">
        <v>202</v>
      </c>
      <c r="I2250" s="6" t="s">
        <v>10770</v>
      </c>
      <c r="J2250" s="6" t="s">
        <v>10771</v>
      </c>
      <c r="K2250" s="9" t="s">
        <v>10772</v>
      </c>
      <c r="M2250" s="10" t="s">
        <v>22</v>
      </c>
      <c r="N2250" s="10" t="s">
        <v>22</v>
      </c>
      <c r="P2250" s="10" t="s">
        <v>22</v>
      </c>
      <c r="Q2250" s="10" t="s">
        <v>22</v>
      </c>
      <c r="S2250" s="10" t="s">
        <v>22</v>
      </c>
      <c r="T2250" s="10" t="s">
        <v>22</v>
      </c>
      <c r="V2250" s="10" t="s">
        <v>22</v>
      </c>
      <c r="W2250" s="10" t="s">
        <v>22</v>
      </c>
      <c r="Y2250" s="10" t="s">
        <v>22</v>
      </c>
      <c r="Z2250" s="10" t="s">
        <v>22</v>
      </c>
    </row>
    <row r="2251" spans="1:26" ht="34" customHeight="1" x14ac:dyDescent="0.2">
      <c r="A2251" s="9" t="s">
        <v>19493</v>
      </c>
      <c r="B2251" s="9" t="s">
        <v>14</v>
      </c>
      <c r="C2251" s="9" t="s">
        <v>10773</v>
      </c>
      <c r="D2251" s="6" t="s">
        <v>10774</v>
      </c>
      <c r="E2251" s="22">
        <v>44256</v>
      </c>
      <c r="F2251" s="22">
        <v>46081</v>
      </c>
      <c r="G2251" s="6" t="s">
        <v>10775</v>
      </c>
      <c r="H2251" s="6" t="s">
        <v>62</v>
      </c>
      <c r="I2251" s="6" t="s">
        <v>352</v>
      </c>
      <c r="J2251" s="6" t="s">
        <v>10776</v>
      </c>
      <c r="K2251" s="9" t="s">
        <v>10777</v>
      </c>
      <c r="L2251" s="10" t="s">
        <v>22</v>
      </c>
      <c r="M2251" s="10" t="s">
        <v>22</v>
      </c>
      <c r="N2251" s="10" t="s">
        <v>22</v>
      </c>
      <c r="O2251" s="10" t="s">
        <v>22</v>
      </c>
      <c r="P2251" s="10" t="s">
        <v>22</v>
      </c>
      <c r="Q2251" s="10" t="s">
        <v>22</v>
      </c>
      <c r="R2251" s="10" t="s">
        <v>22</v>
      </c>
      <c r="S2251" s="10" t="s">
        <v>22</v>
      </c>
      <c r="T2251" s="10" t="s">
        <v>22</v>
      </c>
      <c r="U2251" s="10" t="s">
        <v>22</v>
      </c>
      <c r="V2251" s="10" t="s">
        <v>22</v>
      </c>
      <c r="W2251" s="10" t="s">
        <v>22</v>
      </c>
      <c r="X2251" s="10" t="s">
        <v>22</v>
      </c>
      <c r="Y2251" s="10" t="s">
        <v>22</v>
      </c>
      <c r="Z2251" s="10" t="s">
        <v>22</v>
      </c>
    </row>
    <row r="2252" spans="1:26" ht="24" customHeight="1" x14ac:dyDescent="0.2">
      <c r="A2252" s="9" t="s">
        <v>19494</v>
      </c>
      <c r="B2252" s="9" t="s">
        <v>14</v>
      </c>
      <c r="C2252" s="9" t="s">
        <v>10778</v>
      </c>
      <c r="D2252" s="6" t="s">
        <v>10779</v>
      </c>
      <c r="E2252" s="22">
        <v>44256</v>
      </c>
      <c r="F2252" s="22">
        <v>46081</v>
      </c>
      <c r="G2252" s="6" t="s">
        <v>10780</v>
      </c>
      <c r="H2252" s="6" t="s">
        <v>62</v>
      </c>
      <c r="I2252" s="6" t="s">
        <v>312</v>
      </c>
      <c r="J2252" s="6" t="s">
        <v>10781</v>
      </c>
      <c r="K2252" s="9" t="s">
        <v>10782</v>
      </c>
      <c r="L2252" s="10" t="s">
        <v>22</v>
      </c>
      <c r="M2252" s="10" t="s">
        <v>22</v>
      </c>
      <c r="N2252" s="10" t="s">
        <v>22</v>
      </c>
      <c r="O2252" s="10" t="s">
        <v>22</v>
      </c>
      <c r="P2252" s="10" t="s">
        <v>22</v>
      </c>
      <c r="Q2252" s="10" t="s">
        <v>22</v>
      </c>
      <c r="R2252" s="10" t="s">
        <v>22</v>
      </c>
      <c r="S2252" s="10" t="s">
        <v>22</v>
      </c>
      <c r="T2252" s="10" t="s">
        <v>22</v>
      </c>
      <c r="U2252" s="10" t="s">
        <v>22</v>
      </c>
      <c r="V2252" s="10" t="s">
        <v>22</v>
      </c>
      <c r="W2252" s="10" t="s">
        <v>22</v>
      </c>
      <c r="X2252" s="10" t="s">
        <v>22</v>
      </c>
      <c r="Y2252" s="10" t="s">
        <v>22</v>
      </c>
      <c r="Z2252" s="10" t="s">
        <v>22</v>
      </c>
    </row>
    <row r="2253" spans="1:26" ht="24" customHeight="1" x14ac:dyDescent="0.2">
      <c r="A2253" s="9" t="s">
        <v>19495</v>
      </c>
      <c r="B2253" s="9" t="s">
        <v>14</v>
      </c>
      <c r="C2253" s="9" t="s">
        <v>10783</v>
      </c>
      <c r="D2253" s="6" t="s">
        <v>10784</v>
      </c>
      <c r="E2253" s="22">
        <v>44256</v>
      </c>
      <c r="F2253" s="22">
        <v>46081</v>
      </c>
      <c r="G2253" s="6" t="s">
        <v>10785</v>
      </c>
      <c r="H2253" s="6" t="s">
        <v>18</v>
      </c>
      <c r="I2253" s="6" t="s">
        <v>10786</v>
      </c>
      <c r="J2253" s="6" t="s">
        <v>10787</v>
      </c>
      <c r="K2253" s="9" t="s">
        <v>10788</v>
      </c>
      <c r="L2253" s="10" t="s">
        <v>22</v>
      </c>
      <c r="M2253" s="10" t="s">
        <v>22</v>
      </c>
      <c r="N2253" s="10" t="s">
        <v>22</v>
      </c>
      <c r="O2253" s="10" t="s">
        <v>22</v>
      </c>
      <c r="P2253" s="10" t="s">
        <v>22</v>
      </c>
      <c r="Q2253" s="10" t="s">
        <v>22</v>
      </c>
      <c r="R2253" s="10" t="s">
        <v>22</v>
      </c>
      <c r="S2253" s="10" t="s">
        <v>22</v>
      </c>
      <c r="T2253" s="10" t="s">
        <v>22</v>
      </c>
      <c r="U2253" s="10" t="s">
        <v>22</v>
      </c>
      <c r="V2253" s="10" t="s">
        <v>22</v>
      </c>
      <c r="W2253" s="10" t="s">
        <v>22</v>
      </c>
      <c r="X2253" s="10" t="s">
        <v>22</v>
      </c>
      <c r="Y2253" s="10" t="s">
        <v>22</v>
      </c>
      <c r="Z2253" s="10" t="s">
        <v>22</v>
      </c>
    </row>
    <row r="2254" spans="1:26" ht="24" customHeight="1" x14ac:dyDescent="0.2">
      <c r="A2254" s="9" t="s">
        <v>19496</v>
      </c>
      <c r="B2254" s="9" t="s">
        <v>14</v>
      </c>
      <c r="C2254" s="9" t="s">
        <v>10789</v>
      </c>
      <c r="D2254" s="6" t="s">
        <v>10790</v>
      </c>
      <c r="E2254" s="22">
        <v>44257</v>
      </c>
      <c r="F2254" s="22">
        <v>46082</v>
      </c>
      <c r="G2254" s="6" t="s">
        <v>10791</v>
      </c>
      <c r="H2254" s="6" t="s">
        <v>363</v>
      </c>
      <c r="I2254" s="6" t="s">
        <v>1966</v>
      </c>
      <c r="J2254" s="6" t="s">
        <v>10384</v>
      </c>
      <c r="K2254" s="9" t="s">
        <v>10792</v>
      </c>
      <c r="L2254" s="10" t="s">
        <v>22</v>
      </c>
      <c r="M2254" s="10" t="s">
        <v>22</v>
      </c>
      <c r="N2254" s="10" t="s">
        <v>22</v>
      </c>
      <c r="O2254" s="10" t="s">
        <v>22</v>
      </c>
      <c r="P2254" s="10" t="s">
        <v>22</v>
      </c>
      <c r="Q2254" s="10" t="s">
        <v>22</v>
      </c>
      <c r="R2254" s="10" t="s">
        <v>22</v>
      </c>
      <c r="S2254" s="10" t="s">
        <v>22</v>
      </c>
      <c r="T2254" s="10" t="s">
        <v>22</v>
      </c>
      <c r="U2254" s="10" t="s">
        <v>22</v>
      </c>
      <c r="V2254" s="10" t="s">
        <v>22</v>
      </c>
      <c r="W2254" s="10" t="s">
        <v>22</v>
      </c>
      <c r="X2254" s="10" t="s">
        <v>22</v>
      </c>
      <c r="Y2254" s="10" t="s">
        <v>22</v>
      </c>
      <c r="Z2254" s="10" t="s">
        <v>22</v>
      </c>
    </row>
    <row r="2255" spans="1:26" ht="24" customHeight="1" x14ac:dyDescent="0.2">
      <c r="A2255" s="9" t="s">
        <v>19497</v>
      </c>
      <c r="B2255" s="9" t="s">
        <v>14</v>
      </c>
      <c r="C2255" s="9" t="s">
        <v>10793</v>
      </c>
      <c r="D2255" s="6" t="s">
        <v>10794</v>
      </c>
      <c r="E2255" s="22">
        <v>44257</v>
      </c>
      <c r="F2255" s="22">
        <v>46082</v>
      </c>
      <c r="G2255" s="6" t="s">
        <v>10795</v>
      </c>
      <c r="H2255" s="6" t="s">
        <v>62</v>
      </c>
      <c r="I2255" s="6" t="s">
        <v>306</v>
      </c>
      <c r="J2255" s="6" t="s">
        <v>10796</v>
      </c>
      <c r="K2255" s="9" t="s">
        <v>10797</v>
      </c>
      <c r="L2255" s="10" t="s">
        <v>22</v>
      </c>
      <c r="M2255" s="10" t="s">
        <v>22</v>
      </c>
      <c r="N2255" s="10" t="s">
        <v>22</v>
      </c>
      <c r="O2255" s="10" t="s">
        <v>22</v>
      </c>
      <c r="P2255" s="10" t="s">
        <v>22</v>
      </c>
      <c r="Q2255" s="10" t="s">
        <v>22</v>
      </c>
      <c r="R2255" s="10" t="s">
        <v>22</v>
      </c>
      <c r="S2255" s="10" t="s">
        <v>22</v>
      </c>
      <c r="T2255" s="10" t="s">
        <v>22</v>
      </c>
      <c r="U2255" s="10" t="s">
        <v>22</v>
      </c>
      <c r="V2255" s="10" t="s">
        <v>22</v>
      </c>
      <c r="W2255" s="10" t="s">
        <v>22</v>
      </c>
      <c r="X2255" s="10" t="s">
        <v>22</v>
      </c>
      <c r="Y2255" s="10" t="s">
        <v>22</v>
      </c>
      <c r="Z2255" s="10" t="s">
        <v>22</v>
      </c>
    </row>
    <row r="2256" spans="1:26" ht="24" customHeight="1" x14ac:dyDescent="0.2">
      <c r="A2256" s="9" t="s">
        <v>19498</v>
      </c>
      <c r="B2256" s="9" t="s">
        <v>14</v>
      </c>
      <c r="C2256" s="9" t="s">
        <v>10798</v>
      </c>
      <c r="D2256" s="6" t="s">
        <v>10799</v>
      </c>
      <c r="E2256" s="22">
        <v>44257</v>
      </c>
      <c r="F2256" s="22">
        <v>46082</v>
      </c>
      <c r="G2256" s="6" t="s">
        <v>10800</v>
      </c>
      <c r="H2256" s="6" t="s">
        <v>18</v>
      </c>
      <c r="I2256" s="6" t="s">
        <v>19</v>
      </c>
      <c r="J2256" s="6" t="s">
        <v>10801</v>
      </c>
      <c r="K2256" s="9" t="s">
        <v>10802</v>
      </c>
      <c r="L2256" s="10" t="s">
        <v>22</v>
      </c>
      <c r="M2256" s="10" t="s">
        <v>22</v>
      </c>
      <c r="N2256" s="10" t="s">
        <v>22</v>
      </c>
      <c r="O2256" s="10" t="s">
        <v>22</v>
      </c>
      <c r="P2256" s="10" t="s">
        <v>22</v>
      </c>
      <c r="Q2256" s="10" t="s">
        <v>22</v>
      </c>
      <c r="U2256" s="10" t="s">
        <v>22</v>
      </c>
      <c r="V2256" s="10" t="s">
        <v>22</v>
      </c>
      <c r="W2256" s="10" t="s">
        <v>22</v>
      </c>
      <c r="X2256" s="10" t="s">
        <v>22</v>
      </c>
      <c r="Y2256" s="10" t="s">
        <v>22</v>
      </c>
      <c r="Z2256" s="10" t="s">
        <v>22</v>
      </c>
    </row>
    <row r="2257" spans="1:26" ht="24" customHeight="1" x14ac:dyDescent="0.2">
      <c r="A2257" s="9" t="s">
        <v>19499</v>
      </c>
      <c r="B2257" s="9" t="s">
        <v>14</v>
      </c>
      <c r="C2257" s="9" t="s">
        <v>10803</v>
      </c>
      <c r="D2257" s="6" t="s">
        <v>10804</v>
      </c>
      <c r="E2257" s="22">
        <v>44260</v>
      </c>
      <c r="F2257" s="22">
        <v>46085</v>
      </c>
      <c r="G2257" s="6" t="s">
        <v>10805</v>
      </c>
      <c r="H2257" s="6" t="s">
        <v>3803</v>
      </c>
      <c r="I2257" s="6" t="s">
        <v>10806</v>
      </c>
      <c r="J2257" s="6" t="s">
        <v>10807</v>
      </c>
      <c r="K2257" s="9" t="s">
        <v>10808</v>
      </c>
      <c r="M2257" s="10" t="s">
        <v>22</v>
      </c>
      <c r="N2257" s="10" t="s">
        <v>22</v>
      </c>
      <c r="P2257" s="10" t="s">
        <v>22</v>
      </c>
      <c r="Q2257" s="10" t="s">
        <v>22</v>
      </c>
      <c r="V2257" s="10" t="s">
        <v>22</v>
      </c>
      <c r="W2257" s="10" t="s">
        <v>22</v>
      </c>
      <c r="Y2257" s="10" t="s">
        <v>22</v>
      </c>
      <c r="Z2257" s="10" t="s">
        <v>22</v>
      </c>
    </row>
    <row r="2258" spans="1:26" ht="24" customHeight="1" x14ac:dyDescent="0.2">
      <c r="A2258" s="9" t="s">
        <v>19500</v>
      </c>
      <c r="B2258" s="9" t="s">
        <v>14</v>
      </c>
      <c r="C2258" s="9" t="s">
        <v>10809</v>
      </c>
      <c r="D2258" s="6" t="s">
        <v>10810</v>
      </c>
      <c r="E2258" s="22">
        <v>44260</v>
      </c>
      <c r="F2258" s="22">
        <v>46085</v>
      </c>
      <c r="G2258" s="6" t="s">
        <v>10811</v>
      </c>
      <c r="H2258" s="6" t="s">
        <v>363</v>
      </c>
      <c r="I2258" s="6" t="s">
        <v>1966</v>
      </c>
      <c r="J2258" s="6" t="s">
        <v>10812</v>
      </c>
      <c r="K2258" s="9" t="s">
        <v>10813</v>
      </c>
      <c r="L2258" s="10" t="s">
        <v>22</v>
      </c>
      <c r="M2258" s="10" t="s">
        <v>22</v>
      </c>
      <c r="N2258" s="10" t="s">
        <v>22</v>
      </c>
      <c r="O2258" s="10" t="s">
        <v>22</v>
      </c>
      <c r="P2258" s="10" t="s">
        <v>22</v>
      </c>
      <c r="Q2258" s="10" t="s">
        <v>22</v>
      </c>
      <c r="R2258" s="10" t="s">
        <v>22</v>
      </c>
      <c r="S2258" s="10" t="s">
        <v>22</v>
      </c>
      <c r="T2258" s="10" t="s">
        <v>22</v>
      </c>
      <c r="U2258" s="10" t="s">
        <v>22</v>
      </c>
      <c r="V2258" s="10" t="s">
        <v>22</v>
      </c>
      <c r="W2258" s="10" t="s">
        <v>22</v>
      </c>
      <c r="X2258" s="10" t="s">
        <v>22</v>
      </c>
      <c r="Y2258" s="10" t="s">
        <v>22</v>
      </c>
      <c r="Z2258" s="10" t="s">
        <v>22</v>
      </c>
    </row>
    <row r="2259" spans="1:26" ht="24" customHeight="1" x14ac:dyDescent="0.2">
      <c r="A2259" s="9" t="s">
        <v>19501</v>
      </c>
      <c r="B2259" s="9" t="s">
        <v>14</v>
      </c>
      <c r="C2259" s="9" t="s">
        <v>10814</v>
      </c>
      <c r="D2259" s="6" t="s">
        <v>10815</v>
      </c>
      <c r="E2259" s="22">
        <v>44260</v>
      </c>
      <c r="F2259" s="22">
        <v>46085</v>
      </c>
      <c r="G2259" s="6" t="s">
        <v>10816</v>
      </c>
      <c r="H2259" s="6" t="s">
        <v>62</v>
      </c>
      <c r="I2259" s="6" t="s">
        <v>186</v>
      </c>
      <c r="J2259" s="6" t="s">
        <v>10817</v>
      </c>
      <c r="K2259" s="9" t="s">
        <v>10818</v>
      </c>
      <c r="L2259" s="10" t="s">
        <v>22</v>
      </c>
      <c r="M2259" s="10" t="s">
        <v>22</v>
      </c>
      <c r="N2259" s="10" t="s">
        <v>22</v>
      </c>
      <c r="O2259" s="10" t="s">
        <v>22</v>
      </c>
      <c r="P2259" s="10" t="s">
        <v>22</v>
      </c>
      <c r="Q2259" s="10" t="s">
        <v>22</v>
      </c>
      <c r="R2259" s="10" t="s">
        <v>22</v>
      </c>
      <c r="S2259" s="10" t="s">
        <v>22</v>
      </c>
      <c r="T2259" s="10" t="s">
        <v>22</v>
      </c>
      <c r="U2259" s="10" t="s">
        <v>22</v>
      </c>
      <c r="V2259" s="10" t="s">
        <v>22</v>
      </c>
      <c r="W2259" s="10" t="s">
        <v>22</v>
      </c>
      <c r="X2259" s="10" t="s">
        <v>22</v>
      </c>
      <c r="Y2259" s="10" t="s">
        <v>22</v>
      </c>
      <c r="Z2259" s="10" t="s">
        <v>22</v>
      </c>
    </row>
    <row r="2260" spans="1:26" ht="24" customHeight="1" x14ac:dyDescent="0.2">
      <c r="A2260" s="9" t="s">
        <v>19502</v>
      </c>
      <c r="B2260" s="9" t="s">
        <v>14</v>
      </c>
      <c r="C2260" s="9" t="s">
        <v>10819</v>
      </c>
      <c r="D2260" s="6" t="s">
        <v>10820</v>
      </c>
      <c r="E2260" s="22">
        <v>44260</v>
      </c>
      <c r="F2260" s="22">
        <v>46085</v>
      </c>
      <c r="G2260" s="6" t="s">
        <v>10821</v>
      </c>
      <c r="H2260" s="6" t="s">
        <v>18</v>
      </c>
      <c r="I2260" s="6" t="s">
        <v>19</v>
      </c>
      <c r="J2260" s="6" t="s">
        <v>10822</v>
      </c>
      <c r="K2260" s="9" t="s">
        <v>10823</v>
      </c>
      <c r="L2260" s="10" t="s">
        <v>22</v>
      </c>
      <c r="M2260" s="10" t="s">
        <v>22</v>
      </c>
      <c r="N2260" s="10" t="s">
        <v>22</v>
      </c>
      <c r="O2260" s="10" t="s">
        <v>22</v>
      </c>
      <c r="P2260" s="10" t="s">
        <v>22</v>
      </c>
      <c r="Q2260" s="10" t="s">
        <v>22</v>
      </c>
      <c r="R2260" s="10" t="s">
        <v>22</v>
      </c>
      <c r="S2260" s="10" t="s">
        <v>22</v>
      </c>
      <c r="T2260" s="10" t="s">
        <v>22</v>
      </c>
    </row>
    <row r="2261" spans="1:26" ht="24" customHeight="1" x14ac:dyDescent="0.2">
      <c r="A2261" s="9" t="s">
        <v>19503</v>
      </c>
      <c r="B2261" s="9" t="s">
        <v>14</v>
      </c>
      <c r="C2261" s="9" t="s">
        <v>10819</v>
      </c>
      <c r="D2261" s="6" t="s">
        <v>10820</v>
      </c>
      <c r="E2261" s="22">
        <v>44260</v>
      </c>
      <c r="F2261" s="22">
        <v>46085</v>
      </c>
      <c r="G2261" s="6" t="s">
        <v>10824</v>
      </c>
      <c r="H2261" s="6" t="s">
        <v>18</v>
      </c>
      <c r="I2261" s="6" t="s">
        <v>19</v>
      </c>
      <c r="J2261" s="6" t="s">
        <v>10825</v>
      </c>
      <c r="K2261" s="9" t="s">
        <v>10826</v>
      </c>
      <c r="L2261" s="10" t="s">
        <v>22</v>
      </c>
      <c r="M2261" s="10" t="s">
        <v>22</v>
      </c>
      <c r="N2261" s="10" t="s">
        <v>22</v>
      </c>
      <c r="O2261" s="10" t="s">
        <v>22</v>
      </c>
      <c r="P2261" s="10" t="s">
        <v>22</v>
      </c>
      <c r="Q2261" s="10" t="s">
        <v>22</v>
      </c>
      <c r="R2261" s="10" t="s">
        <v>22</v>
      </c>
      <c r="S2261" s="10" t="s">
        <v>22</v>
      </c>
      <c r="T2261" s="10" t="s">
        <v>22</v>
      </c>
    </row>
    <row r="2262" spans="1:26" ht="24" customHeight="1" x14ac:dyDescent="0.2">
      <c r="A2262" s="9" t="s">
        <v>19504</v>
      </c>
      <c r="B2262" s="9" t="s">
        <v>14</v>
      </c>
      <c r="C2262" s="9" t="s">
        <v>10819</v>
      </c>
      <c r="D2262" s="6" t="s">
        <v>10820</v>
      </c>
      <c r="E2262" s="22">
        <v>44260</v>
      </c>
      <c r="F2262" s="22">
        <v>46085</v>
      </c>
      <c r="G2262" s="6" t="s">
        <v>10827</v>
      </c>
      <c r="H2262" s="6" t="s">
        <v>18</v>
      </c>
      <c r="I2262" s="6" t="s">
        <v>19</v>
      </c>
      <c r="J2262" s="6" t="s">
        <v>10828</v>
      </c>
      <c r="K2262" s="9" t="s">
        <v>10829</v>
      </c>
      <c r="L2262" s="10" t="s">
        <v>22</v>
      </c>
      <c r="M2262" s="10" t="s">
        <v>22</v>
      </c>
      <c r="N2262" s="10" t="s">
        <v>22</v>
      </c>
      <c r="O2262" s="10" t="s">
        <v>22</v>
      </c>
      <c r="P2262" s="10" t="s">
        <v>22</v>
      </c>
      <c r="Q2262" s="10" t="s">
        <v>22</v>
      </c>
      <c r="R2262" s="10" t="s">
        <v>22</v>
      </c>
      <c r="S2262" s="10" t="s">
        <v>22</v>
      </c>
      <c r="T2262" s="10" t="s">
        <v>22</v>
      </c>
    </row>
    <row r="2263" spans="1:26" ht="24" customHeight="1" x14ac:dyDescent="0.2">
      <c r="A2263" s="9" t="s">
        <v>19505</v>
      </c>
      <c r="B2263" s="9" t="s">
        <v>14</v>
      </c>
      <c r="C2263" s="9" t="s">
        <v>10819</v>
      </c>
      <c r="D2263" s="6" t="s">
        <v>10820</v>
      </c>
      <c r="E2263" s="22">
        <v>44260</v>
      </c>
      <c r="F2263" s="22">
        <v>46085</v>
      </c>
      <c r="G2263" s="6" t="s">
        <v>10830</v>
      </c>
      <c r="H2263" s="6" t="s">
        <v>18</v>
      </c>
      <c r="I2263" s="6" t="s">
        <v>19</v>
      </c>
      <c r="J2263" s="6" t="s">
        <v>10831</v>
      </c>
      <c r="K2263" s="9" t="s">
        <v>10832</v>
      </c>
      <c r="L2263" s="10" t="s">
        <v>22</v>
      </c>
      <c r="M2263" s="10" t="s">
        <v>22</v>
      </c>
      <c r="N2263" s="10" t="s">
        <v>22</v>
      </c>
      <c r="O2263" s="10" t="s">
        <v>22</v>
      </c>
      <c r="P2263" s="10" t="s">
        <v>22</v>
      </c>
      <c r="Q2263" s="10" t="s">
        <v>22</v>
      </c>
      <c r="R2263" s="10" t="s">
        <v>22</v>
      </c>
      <c r="S2263" s="10" t="s">
        <v>22</v>
      </c>
      <c r="T2263" s="10" t="s">
        <v>22</v>
      </c>
    </row>
    <row r="2264" spans="1:26" ht="24" customHeight="1" x14ac:dyDescent="0.2">
      <c r="A2264" s="9" t="s">
        <v>19506</v>
      </c>
      <c r="B2264" s="9" t="s">
        <v>14</v>
      </c>
      <c r="C2264" s="9" t="s">
        <v>10819</v>
      </c>
      <c r="D2264" s="6" t="s">
        <v>10820</v>
      </c>
      <c r="E2264" s="22">
        <v>44260</v>
      </c>
      <c r="F2264" s="22">
        <v>46085</v>
      </c>
      <c r="G2264" s="6" t="s">
        <v>10833</v>
      </c>
      <c r="H2264" s="6" t="s">
        <v>18</v>
      </c>
      <c r="I2264" s="6" t="s">
        <v>26</v>
      </c>
      <c r="J2264" s="6" t="s">
        <v>10834</v>
      </c>
      <c r="K2264" s="9" t="s">
        <v>10835</v>
      </c>
      <c r="L2264" s="10" t="s">
        <v>22</v>
      </c>
      <c r="M2264" s="10" t="s">
        <v>22</v>
      </c>
      <c r="N2264" s="10" t="s">
        <v>22</v>
      </c>
      <c r="O2264" s="10" t="s">
        <v>22</v>
      </c>
      <c r="P2264" s="10" t="s">
        <v>22</v>
      </c>
      <c r="Q2264" s="10" t="s">
        <v>22</v>
      </c>
      <c r="R2264" s="10" t="s">
        <v>22</v>
      </c>
      <c r="S2264" s="10" t="s">
        <v>22</v>
      </c>
      <c r="T2264" s="10" t="s">
        <v>22</v>
      </c>
    </row>
    <row r="2265" spans="1:26" ht="24" customHeight="1" x14ac:dyDescent="0.2">
      <c r="A2265" s="9" t="s">
        <v>19507</v>
      </c>
      <c r="B2265" s="9" t="s">
        <v>14</v>
      </c>
      <c r="C2265" s="9" t="s">
        <v>10836</v>
      </c>
      <c r="D2265" s="6" t="s">
        <v>10837</v>
      </c>
      <c r="E2265" s="22">
        <v>44260</v>
      </c>
      <c r="F2265" s="22">
        <v>46085</v>
      </c>
      <c r="G2265" s="6" t="s">
        <v>10838</v>
      </c>
      <c r="H2265" s="6" t="s">
        <v>18</v>
      </c>
      <c r="I2265" s="6" t="s">
        <v>26</v>
      </c>
      <c r="J2265" s="6" t="s">
        <v>10839</v>
      </c>
      <c r="K2265" s="9" t="s">
        <v>10840</v>
      </c>
      <c r="L2265" s="10" t="s">
        <v>22</v>
      </c>
      <c r="M2265" s="10" t="s">
        <v>22</v>
      </c>
      <c r="N2265" s="10" t="s">
        <v>22</v>
      </c>
      <c r="O2265" s="10" t="s">
        <v>22</v>
      </c>
      <c r="P2265" s="10" t="s">
        <v>22</v>
      </c>
      <c r="Q2265" s="10" t="s">
        <v>22</v>
      </c>
      <c r="R2265" s="10" t="s">
        <v>22</v>
      </c>
      <c r="S2265" s="10" t="s">
        <v>22</v>
      </c>
      <c r="T2265" s="10" t="s">
        <v>22</v>
      </c>
      <c r="U2265" s="10" t="s">
        <v>22</v>
      </c>
      <c r="V2265" s="10" t="s">
        <v>22</v>
      </c>
      <c r="W2265" s="10" t="s">
        <v>22</v>
      </c>
      <c r="X2265" s="10" t="s">
        <v>22</v>
      </c>
      <c r="Y2265" s="10" t="s">
        <v>22</v>
      </c>
      <c r="Z2265" s="10" t="s">
        <v>22</v>
      </c>
    </row>
    <row r="2266" spans="1:26" ht="24" customHeight="1" x14ac:dyDescent="0.2">
      <c r="A2266" s="9" t="s">
        <v>19508</v>
      </c>
      <c r="B2266" s="9" t="s">
        <v>14</v>
      </c>
      <c r="C2266" s="9" t="s">
        <v>10841</v>
      </c>
      <c r="D2266" s="6" t="s">
        <v>10842</v>
      </c>
      <c r="E2266" s="22">
        <v>44265</v>
      </c>
      <c r="F2266" s="22">
        <v>46090</v>
      </c>
      <c r="G2266" s="6" t="s">
        <v>10843</v>
      </c>
      <c r="H2266" s="6" t="s">
        <v>18</v>
      </c>
      <c r="I2266" s="6" t="s">
        <v>19</v>
      </c>
      <c r="J2266" s="6" t="s">
        <v>10844</v>
      </c>
      <c r="K2266" s="9" t="s">
        <v>10845</v>
      </c>
      <c r="L2266" s="10" t="s">
        <v>22</v>
      </c>
      <c r="M2266" s="10" t="s">
        <v>22</v>
      </c>
      <c r="N2266" s="10" t="s">
        <v>22</v>
      </c>
      <c r="O2266" s="10" t="s">
        <v>22</v>
      </c>
      <c r="P2266" s="10" t="s">
        <v>22</v>
      </c>
      <c r="Q2266" s="10" t="s">
        <v>22</v>
      </c>
      <c r="R2266" s="10" t="s">
        <v>22</v>
      </c>
      <c r="S2266" s="10" t="s">
        <v>22</v>
      </c>
      <c r="T2266" s="10" t="s">
        <v>22</v>
      </c>
      <c r="U2266" s="10" t="s">
        <v>22</v>
      </c>
      <c r="V2266" s="10" t="s">
        <v>22</v>
      </c>
      <c r="W2266" s="10" t="s">
        <v>22</v>
      </c>
      <c r="X2266" s="10" t="s">
        <v>22</v>
      </c>
      <c r="Y2266" s="10" t="s">
        <v>22</v>
      </c>
      <c r="Z2266" s="10" t="s">
        <v>22</v>
      </c>
    </row>
    <row r="2267" spans="1:26" ht="24" customHeight="1" x14ac:dyDescent="0.2">
      <c r="A2267" s="9" t="s">
        <v>19509</v>
      </c>
      <c r="B2267" s="9" t="s">
        <v>14</v>
      </c>
      <c r="C2267" s="9" t="s">
        <v>10846</v>
      </c>
      <c r="D2267" s="6" t="s">
        <v>10847</v>
      </c>
      <c r="E2267" s="22">
        <v>44265</v>
      </c>
      <c r="F2267" s="22">
        <v>46090</v>
      </c>
      <c r="G2267" s="6" t="s">
        <v>10848</v>
      </c>
      <c r="H2267" s="6" t="s">
        <v>18</v>
      </c>
      <c r="I2267" s="6" t="s">
        <v>19</v>
      </c>
      <c r="J2267" s="6" t="s">
        <v>10849</v>
      </c>
      <c r="K2267" s="9" t="s">
        <v>10850</v>
      </c>
      <c r="L2267" s="10" t="s">
        <v>22</v>
      </c>
      <c r="M2267" s="10" t="s">
        <v>22</v>
      </c>
      <c r="N2267" s="10" t="s">
        <v>22</v>
      </c>
      <c r="O2267" s="10" t="s">
        <v>22</v>
      </c>
      <c r="P2267" s="10" t="s">
        <v>22</v>
      </c>
      <c r="Q2267" s="10" t="s">
        <v>22</v>
      </c>
      <c r="U2267" s="10" t="s">
        <v>22</v>
      </c>
      <c r="V2267" s="10" t="s">
        <v>22</v>
      </c>
      <c r="W2267" s="10" t="s">
        <v>22</v>
      </c>
      <c r="X2267" s="10" t="s">
        <v>22</v>
      </c>
      <c r="Y2267" s="10" t="s">
        <v>22</v>
      </c>
      <c r="Z2267" s="10" t="s">
        <v>22</v>
      </c>
    </row>
    <row r="2268" spans="1:26" ht="24" customHeight="1" x14ac:dyDescent="0.2">
      <c r="A2268" s="9" t="s">
        <v>19510</v>
      </c>
      <c r="B2268" s="9" t="s">
        <v>14</v>
      </c>
      <c r="C2268" s="9" t="s">
        <v>10851</v>
      </c>
      <c r="D2268" s="6" t="s">
        <v>10852</v>
      </c>
      <c r="E2268" s="22">
        <v>44265</v>
      </c>
      <c r="F2268" s="22">
        <v>46090</v>
      </c>
      <c r="G2268" s="6" t="s">
        <v>10853</v>
      </c>
      <c r="H2268" s="6" t="s">
        <v>202</v>
      </c>
      <c r="I2268" s="6" t="s">
        <v>863</v>
      </c>
      <c r="J2268" s="6" t="s">
        <v>10854</v>
      </c>
      <c r="K2268" s="9" t="s">
        <v>10855</v>
      </c>
      <c r="L2268" s="10" t="s">
        <v>22</v>
      </c>
      <c r="M2268" s="10" t="s">
        <v>22</v>
      </c>
      <c r="N2268" s="10" t="s">
        <v>22</v>
      </c>
      <c r="O2268" s="10" t="s">
        <v>22</v>
      </c>
      <c r="P2268" s="10" t="s">
        <v>22</v>
      </c>
      <c r="Q2268" s="10" t="s">
        <v>22</v>
      </c>
      <c r="R2268" s="10" t="s">
        <v>22</v>
      </c>
      <c r="S2268" s="10" t="s">
        <v>22</v>
      </c>
      <c r="T2268" s="10" t="s">
        <v>22</v>
      </c>
      <c r="U2268" s="10" t="s">
        <v>22</v>
      </c>
      <c r="V2268" s="10" t="s">
        <v>22</v>
      </c>
      <c r="W2268" s="10" t="s">
        <v>22</v>
      </c>
      <c r="X2268" s="10" t="s">
        <v>22</v>
      </c>
      <c r="Y2268" s="10" t="s">
        <v>22</v>
      </c>
      <c r="Z2268" s="10" t="s">
        <v>22</v>
      </c>
    </row>
    <row r="2269" spans="1:26" ht="24" customHeight="1" x14ac:dyDescent="0.2">
      <c r="A2269" s="9" t="s">
        <v>19511</v>
      </c>
      <c r="B2269" s="9" t="s">
        <v>14</v>
      </c>
      <c r="C2269" s="9" t="s">
        <v>10856</v>
      </c>
      <c r="D2269" s="6" t="s">
        <v>10857</v>
      </c>
      <c r="E2269" s="22">
        <v>44265</v>
      </c>
      <c r="F2269" s="22">
        <v>46090</v>
      </c>
      <c r="G2269" s="6" t="s">
        <v>10858</v>
      </c>
      <c r="H2269" s="6" t="s">
        <v>202</v>
      </c>
      <c r="I2269" s="6" t="s">
        <v>863</v>
      </c>
      <c r="J2269" s="6" t="s">
        <v>10859</v>
      </c>
      <c r="K2269" s="9" t="s">
        <v>10860</v>
      </c>
      <c r="L2269" s="10" t="s">
        <v>22</v>
      </c>
      <c r="M2269" s="10" t="s">
        <v>22</v>
      </c>
      <c r="N2269" s="10" t="s">
        <v>22</v>
      </c>
    </row>
    <row r="2270" spans="1:26" ht="24" customHeight="1" x14ac:dyDescent="0.2">
      <c r="A2270" s="9" t="s">
        <v>19512</v>
      </c>
      <c r="B2270" s="9" t="s">
        <v>14</v>
      </c>
      <c r="C2270" s="9" t="s">
        <v>10861</v>
      </c>
      <c r="D2270" s="6" t="s">
        <v>10862</v>
      </c>
      <c r="E2270" s="22">
        <v>44265</v>
      </c>
      <c r="F2270" s="22">
        <v>46090</v>
      </c>
      <c r="G2270" s="6" t="s">
        <v>10863</v>
      </c>
      <c r="H2270" s="6" t="s">
        <v>18</v>
      </c>
      <c r="I2270" s="6" t="s">
        <v>19</v>
      </c>
      <c r="J2270" s="6" t="s">
        <v>10864</v>
      </c>
      <c r="K2270" s="9" t="s">
        <v>10865</v>
      </c>
      <c r="L2270" s="10" t="s">
        <v>22</v>
      </c>
      <c r="M2270" s="10" t="s">
        <v>22</v>
      </c>
      <c r="N2270" s="10" t="s">
        <v>22</v>
      </c>
      <c r="O2270" s="10" t="s">
        <v>22</v>
      </c>
      <c r="P2270" s="10" t="s">
        <v>22</v>
      </c>
      <c r="Q2270" s="10" t="s">
        <v>22</v>
      </c>
      <c r="R2270" s="10" t="s">
        <v>22</v>
      </c>
      <c r="S2270" s="10" t="s">
        <v>22</v>
      </c>
      <c r="T2270" s="10" t="s">
        <v>22</v>
      </c>
      <c r="U2270" s="10" t="s">
        <v>22</v>
      </c>
      <c r="V2270" s="10" t="s">
        <v>22</v>
      </c>
      <c r="W2270" s="10" t="s">
        <v>22</v>
      </c>
      <c r="X2270" s="10" t="s">
        <v>22</v>
      </c>
      <c r="Y2270" s="10" t="s">
        <v>22</v>
      </c>
      <c r="Z2270" s="10" t="s">
        <v>22</v>
      </c>
    </row>
    <row r="2271" spans="1:26" ht="24" customHeight="1" x14ac:dyDescent="0.2">
      <c r="A2271" s="9" t="s">
        <v>19513</v>
      </c>
      <c r="B2271" s="9" t="s">
        <v>14</v>
      </c>
      <c r="C2271" s="9" t="s">
        <v>10866</v>
      </c>
      <c r="D2271" s="6" t="s">
        <v>10867</v>
      </c>
      <c r="E2271" s="22">
        <v>44265</v>
      </c>
      <c r="F2271" s="22">
        <v>46090</v>
      </c>
      <c r="G2271" s="6" t="s">
        <v>10868</v>
      </c>
      <c r="H2271" s="6" t="s">
        <v>2368</v>
      </c>
      <c r="I2271" s="6" t="s">
        <v>10869</v>
      </c>
      <c r="J2271" s="6" t="s">
        <v>10870</v>
      </c>
      <c r="K2271" s="9" t="s">
        <v>10871</v>
      </c>
      <c r="L2271" s="10" t="s">
        <v>22</v>
      </c>
      <c r="M2271" s="10" t="s">
        <v>22</v>
      </c>
      <c r="N2271" s="10" t="s">
        <v>22</v>
      </c>
      <c r="O2271" s="10" t="s">
        <v>22</v>
      </c>
      <c r="P2271" s="10" t="s">
        <v>22</v>
      </c>
      <c r="Q2271" s="10" t="s">
        <v>22</v>
      </c>
      <c r="R2271" s="10" t="s">
        <v>22</v>
      </c>
      <c r="S2271" s="10" t="s">
        <v>22</v>
      </c>
      <c r="T2271" s="10" t="s">
        <v>22</v>
      </c>
      <c r="U2271" s="10" t="s">
        <v>22</v>
      </c>
      <c r="V2271" s="10" t="s">
        <v>22</v>
      </c>
      <c r="W2271" s="10" t="s">
        <v>22</v>
      </c>
      <c r="X2271" s="10" t="s">
        <v>22</v>
      </c>
      <c r="Y2271" s="10" t="s">
        <v>22</v>
      </c>
      <c r="Z2271" s="10" t="s">
        <v>22</v>
      </c>
    </row>
    <row r="2272" spans="1:26" ht="24" customHeight="1" x14ac:dyDescent="0.2">
      <c r="A2272" s="9" t="s">
        <v>19514</v>
      </c>
      <c r="B2272" s="9" t="s">
        <v>14</v>
      </c>
      <c r="C2272" s="9" t="s">
        <v>10872</v>
      </c>
      <c r="D2272" s="6" t="s">
        <v>10873</v>
      </c>
      <c r="E2272" s="22">
        <v>44274</v>
      </c>
      <c r="F2272" s="22">
        <v>46099</v>
      </c>
      <c r="G2272" s="6" t="s">
        <v>10874</v>
      </c>
      <c r="H2272" s="6" t="s">
        <v>62</v>
      </c>
      <c r="I2272" s="6" t="s">
        <v>1955</v>
      </c>
      <c r="J2272" s="6" t="s">
        <v>10875</v>
      </c>
      <c r="W2272" s="10" t="s">
        <v>22</v>
      </c>
    </row>
    <row r="2273" spans="1:26" ht="24" customHeight="1" x14ac:dyDescent="0.2">
      <c r="A2273" s="9" t="s">
        <v>19515</v>
      </c>
      <c r="B2273" s="9" t="s">
        <v>14</v>
      </c>
      <c r="C2273" s="9" t="s">
        <v>10876</v>
      </c>
      <c r="D2273" s="6" t="s">
        <v>10877</v>
      </c>
      <c r="E2273" s="22">
        <v>44265</v>
      </c>
      <c r="F2273" s="22">
        <v>46090</v>
      </c>
      <c r="G2273" s="6" t="s">
        <v>10878</v>
      </c>
      <c r="H2273" s="6" t="s">
        <v>62</v>
      </c>
      <c r="I2273" s="6" t="s">
        <v>312</v>
      </c>
      <c r="J2273" s="6" t="s">
        <v>10879</v>
      </c>
      <c r="L2273" s="10" t="s">
        <v>22</v>
      </c>
      <c r="M2273" s="10" t="s">
        <v>22</v>
      </c>
      <c r="N2273" s="10" t="s">
        <v>22</v>
      </c>
      <c r="O2273" s="10" t="s">
        <v>22</v>
      </c>
      <c r="P2273" s="10" t="s">
        <v>22</v>
      </c>
      <c r="Q2273" s="10" t="s">
        <v>22</v>
      </c>
      <c r="R2273" s="10" t="s">
        <v>22</v>
      </c>
      <c r="S2273" s="10" t="s">
        <v>22</v>
      </c>
      <c r="T2273" s="10" t="s">
        <v>22</v>
      </c>
      <c r="U2273" s="10" t="s">
        <v>22</v>
      </c>
      <c r="V2273" s="10" t="s">
        <v>22</v>
      </c>
      <c r="W2273" s="10" t="s">
        <v>22</v>
      </c>
      <c r="X2273" s="10" t="s">
        <v>22</v>
      </c>
      <c r="Y2273" s="10" t="s">
        <v>22</v>
      </c>
      <c r="Z2273" s="10" t="s">
        <v>22</v>
      </c>
    </row>
    <row r="2274" spans="1:26" ht="24" customHeight="1" x14ac:dyDescent="0.2">
      <c r="A2274" s="9" t="s">
        <v>19516</v>
      </c>
      <c r="B2274" s="9" t="s">
        <v>14</v>
      </c>
      <c r="C2274" s="9" t="s">
        <v>10880</v>
      </c>
      <c r="D2274" s="6" t="s">
        <v>10881</v>
      </c>
      <c r="E2274" s="22">
        <v>44274</v>
      </c>
      <c r="F2274" s="22">
        <v>46099</v>
      </c>
      <c r="G2274" s="6" t="s">
        <v>10882</v>
      </c>
      <c r="H2274" s="6" t="s">
        <v>18</v>
      </c>
      <c r="I2274" s="6" t="s">
        <v>19</v>
      </c>
      <c r="J2274" s="6" t="s">
        <v>10883</v>
      </c>
      <c r="L2274" s="10" t="s">
        <v>22</v>
      </c>
      <c r="M2274" s="10" t="s">
        <v>22</v>
      </c>
      <c r="N2274" s="10" t="s">
        <v>22</v>
      </c>
      <c r="O2274" s="10" t="s">
        <v>22</v>
      </c>
      <c r="P2274" s="10" t="s">
        <v>22</v>
      </c>
      <c r="Q2274" s="10" t="s">
        <v>22</v>
      </c>
      <c r="U2274" s="10" t="s">
        <v>22</v>
      </c>
      <c r="V2274" s="10" t="s">
        <v>22</v>
      </c>
      <c r="W2274" s="10" t="s">
        <v>22</v>
      </c>
      <c r="X2274" s="10" t="s">
        <v>22</v>
      </c>
      <c r="Y2274" s="10" t="s">
        <v>22</v>
      </c>
      <c r="Z2274" s="10" t="s">
        <v>22</v>
      </c>
    </row>
    <row r="2275" spans="1:26" ht="24" customHeight="1" x14ac:dyDescent="0.2">
      <c r="A2275" s="9" t="s">
        <v>19517</v>
      </c>
      <c r="B2275" s="9" t="s">
        <v>14</v>
      </c>
      <c r="C2275" s="9" t="s">
        <v>10884</v>
      </c>
      <c r="D2275" s="6" t="s">
        <v>10885</v>
      </c>
      <c r="E2275" s="22">
        <v>44279</v>
      </c>
      <c r="F2275" s="22">
        <v>46104</v>
      </c>
      <c r="G2275" s="6" t="s">
        <v>10886</v>
      </c>
      <c r="H2275" s="6" t="s">
        <v>62</v>
      </c>
      <c r="I2275" s="6" t="s">
        <v>186</v>
      </c>
      <c r="J2275" s="6" t="s">
        <v>10887</v>
      </c>
      <c r="K2275" s="9" t="s">
        <v>10888</v>
      </c>
      <c r="L2275" s="10" t="s">
        <v>22</v>
      </c>
      <c r="M2275" s="10" t="s">
        <v>22</v>
      </c>
      <c r="N2275" s="10" t="s">
        <v>22</v>
      </c>
      <c r="U2275" s="10" t="s">
        <v>22</v>
      </c>
      <c r="V2275" s="10" t="s">
        <v>22</v>
      </c>
      <c r="W2275" s="10" t="s">
        <v>22</v>
      </c>
    </row>
    <row r="2276" spans="1:26" ht="24" customHeight="1" x14ac:dyDescent="0.2">
      <c r="A2276" s="9" t="s">
        <v>19518</v>
      </c>
      <c r="B2276" s="9" t="s">
        <v>14</v>
      </c>
      <c r="C2276" s="9" t="s">
        <v>10889</v>
      </c>
      <c r="D2276" s="6" t="s">
        <v>10890</v>
      </c>
      <c r="E2276" s="22">
        <v>44279</v>
      </c>
      <c r="F2276" s="22">
        <v>46104</v>
      </c>
      <c r="G2276" s="6" t="s">
        <v>10891</v>
      </c>
      <c r="H2276" s="6" t="s">
        <v>62</v>
      </c>
      <c r="I2276" s="6" t="s">
        <v>1225</v>
      </c>
      <c r="J2276" s="6" t="s">
        <v>10892</v>
      </c>
      <c r="K2276" s="9" t="s">
        <v>10893</v>
      </c>
      <c r="L2276" s="10" t="s">
        <v>22</v>
      </c>
      <c r="M2276" s="10" t="s">
        <v>22</v>
      </c>
      <c r="N2276" s="10" t="s">
        <v>22</v>
      </c>
      <c r="O2276" s="10" t="s">
        <v>22</v>
      </c>
      <c r="P2276" s="10" t="s">
        <v>22</v>
      </c>
      <c r="Q2276" s="10" t="s">
        <v>22</v>
      </c>
      <c r="R2276" s="10" t="s">
        <v>22</v>
      </c>
      <c r="S2276" s="10" t="s">
        <v>22</v>
      </c>
      <c r="T2276" s="10" t="s">
        <v>22</v>
      </c>
      <c r="U2276" s="10" t="s">
        <v>22</v>
      </c>
      <c r="V2276" s="10" t="s">
        <v>22</v>
      </c>
      <c r="W2276" s="10" t="s">
        <v>22</v>
      </c>
      <c r="X2276" s="10" t="s">
        <v>22</v>
      </c>
      <c r="Y2276" s="10" t="s">
        <v>22</v>
      </c>
      <c r="Z2276" s="10" t="s">
        <v>22</v>
      </c>
    </row>
    <row r="2277" spans="1:26" ht="24" customHeight="1" x14ac:dyDescent="0.2">
      <c r="A2277" s="9" t="s">
        <v>19519</v>
      </c>
      <c r="B2277" s="9" t="s">
        <v>14</v>
      </c>
      <c r="C2277" s="9" t="s">
        <v>10894</v>
      </c>
      <c r="D2277" s="6" t="s">
        <v>10895</v>
      </c>
      <c r="E2277" s="22">
        <v>44280</v>
      </c>
      <c r="F2277" s="22">
        <v>46105</v>
      </c>
      <c r="G2277" s="6" t="s">
        <v>10896</v>
      </c>
      <c r="H2277" s="6" t="s">
        <v>62</v>
      </c>
      <c r="I2277" s="6" t="s">
        <v>236</v>
      </c>
      <c r="J2277" s="6" t="s">
        <v>10897</v>
      </c>
      <c r="M2277" s="10" t="s">
        <v>22</v>
      </c>
      <c r="N2277" s="10" t="s">
        <v>22</v>
      </c>
      <c r="V2277" s="10" t="s">
        <v>22</v>
      </c>
      <c r="W2277" s="10" t="s">
        <v>22</v>
      </c>
    </row>
    <row r="2278" spans="1:26" ht="24" customHeight="1" x14ac:dyDescent="0.2">
      <c r="A2278" s="9" t="s">
        <v>19520</v>
      </c>
      <c r="B2278" s="9" t="s">
        <v>14</v>
      </c>
      <c r="C2278" s="9" t="s">
        <v>10898</v>
      </c>
      <c r="D2278" s="6" t="s">
        <v>10899</v>
      </c>
      <c r="E2278" s="22">
        <v>44280</v>
      </c>
      <c r="F2278" s="22">
        <v>46105</v>
      </c>
      <c r="G2278" s="6" t="s">
        <v>10900</v>
      </c>
      <c r="H2278" s="6" t="s">
        <v>18</v>
      </c>
      <c r="I2278" s="6" t="s">
        <v>19</v>
      </c>
      <c r="J2278" s="6" t="s">
        <v>10901</v>
      </c>
      <c r="K2278" s="9" t="s">
        <v>10902</v>
      </c>
      <c r="L2278" s="10" t="s">
        <v>22</v>
      </c>
      <c r="M2278" s="10" t="s">
        <v>22</v>
      </c>
      <c r="N2278" s="10" t="s">
        <v>22</v>
      </c>
      <c r="O2278" s="10" t="s">
        <v>22</v>
      </c>
      <c r="P2278" s="10" t="s">
        <v>22</v>
      </c>
      <c r="Q2278" s="10" t="s">
        <v>22</v>
      </c>
      <c r="R2278" s="10" t="s">
        <v>22</v>
      </c>
      <c r="S2278" s="10" t="s">
        <v>22</v>
      </c>
      <c r="T2278" s="10" t="s">
        <v>22</v>
      </c>
      <c r="U2278" s="10" t="s">
        <v>22</v>
      </c>
      <c r="V2278" s="10" t="s">
        <v>22</v>
      </c>
      <c r="W2278" s="10" t="s">
        <v>22</v>
      </c>
      <c r="X2278" s="10" t="s">
        <v>22</v>
      </c>
      <c r="Y2278" s="10" t="s">
        <v>22</v>
      </c>
      <c r="Z2278" s="10" t="s">
        <v>22</v>
      </c>
    </row>
    <row r="2279" spans="1:26" ht="24" customHeight="1" x14ac:dyDescent="0.2">
      <c r="A2279" s="9" t="s">
        <v>19521</v>
      </c>
      <c r="B2279" s="9" t="s">
        <v>14</v>
      </c>
      <c r="C2279" s="9" t="s">
        <v>10903</v>
      </c>
      <c r="D2279" s="6" t="s">
        <v>10904</v>
      </c>
      <c r="E2279" s="22">
        <v>44280</v>
      </c>
      <c r="F2279" s="22">
        <v>46105</v>
      </c>
      <c r="G2279" s="6" t="s">
        <v>10905</v>
      </c>
      <c r="H2279" s="6" t="s">
        <v>62</v>
      </c>
      <c r="I2279" s="6" t="s">
        <v>186</v>
      </c>
      <c r="J2279" s="6" t="s">
        <v>10906</v>
      </c>
      <c r="K2279" s="9" t="s">
        <v>10907</v>
      </c>
      <c r="L2279" s="10" t="s">
        <v>22</v>
      </c>
      <c r="M2279" s="10" t="s">
        <v>22</v>
      </c>
      <c r="N2279" s="10" t="s">
        <v>22</v>
      </c>
      <c r="O2279" s="10" t="s">
        <v>22</v>
      </c>
      <c r="P2279" s="10" t="s">
        <v>22</v>
      </c>
      <c r="Q2279" s="10" t="s">
        <v>22</v>
      </c>
      <c r="U2279" s="10" t="s">
        <v>22</v>
      </c>
      <c r="V2279" s="10" t="s">
        <v>22</v>
      </c>
      <c r="W2279" s="10" t="s">
        <v>22</v>
      </c>
      <c r="X2279" s="10" t="s">
        <v>22</v>
      </c>
      <c r="Y2279" s="10" t="s">
        <v>22</v>
      </c>
      <c r="Z2279" s="10" t="s">
        <v>22</v>
      </c>
    </row>
    <row r="2280" spans="1:26" ht="24" customHeight="1" x14ac:dyDescent="0.2">
      <c r="A2280" s="9" t="s">
        <v>19522</v>
      </c>
      <c r="B2280" s="9" t="s">
        <v>14</v>
      </c>
      <c r="C2280" s="9" t="s">
        <v>10908</v>
      </c>
      <c r="D2280" s="6" t="s">
        <v>10909</v>
      </c>
      <c r="E2280" s="22">
        <v>44280</v>
      </c>
      <c r="F2280" s="22">
        <v>46105</v>
      </c>
      <c r="G2280" s="6" t="s">
        <v>10910</v>
      </c>
      <c r="H2280" s="6" t="s">
        <v>18</v>
      </c>
      <c r="I2280" s="6" t="s">
        <v>19</v>
      </c>
      <c r="J2280" s="6" t="s">
        <v>10911</v>
      </c>
      <c r="K2280" s="9" t="s">
        <v>10912</v>
      </c>
      <c r="M2280" s="10" t="s">
        <v>22</v>
      </c>
      <c r="N2280" s="10" t="s">
        <v>22</v>
      </c>
    </row>
    <row r="2281" spans="1:26" ht="24" customHeight="1" x14ac:dyDescent="0.2">
      <c r="A2281" s="9" t="s">
        <v>19523</v>
      </c>
      <c r="B2281" s="9" t="s">
        <v>14</v>
      </c>
      <c r="C2281" s="9" t="s">
        <v>10913</v>
      </c>
      <c r="D2281" s="6" t="s">
        <v>10914</v>
      </c>
      <c r="E2281" s="22">
        <v>44287</v>
      </c>
      <c r="F2281" s="22">
        <v>46112</v>
      </c>
      <c r="G2281" s="6" t="s">
        <v>10915</v>
      </c>
      <c r="H2281" s="6" t="s">
        <v>202</v>
      </c>
      <c r="I2281" s="6" t="s">
        <v>336</v>
      </c>
      <c r="J2281" s="6" t="s">
        <v>10916</v>
      </c>
      <c r="L2281" s="10" t="s">
        <v>22</v>
      </c>
      <c r="M2281" s="10" t="s">
        <v>22</v>
      </c>
      <c r="N2281" s="10" t="s">
        <v>22</v>
      </c>
      <c r="O2281" s="10" t="s">
        <v>22</v>
      </c>
      <c r="P2281" s="10" t="s">
        <v>22</v>
      </c>
      <c r="Q2281" s="10" t="s">
        <v>22</v>
      </c>
      <c r="R2281" s="10" t="s">
        <v>22</v>
      </c>
      <c r="S2281" s="10" t="s">
        <v>22</v>
      </c>
      <c r="T2281" s="10" t="s">
        <v>22</v>
      </c>
      <c r="U2281" s="10" t="s">
        <v>22</v>
      </c>
      <c r="V2281" s="10" t="s">
        <v>22</v>
      </c>
      <c r="W2281" s="10" t="s">
        <v>22</v>
      </c>
      <c r="X2281" s="10" t="s">
        <v>22</v>
      </c>
      <c r="Y2281" s="10" t="s">
        <v>22</v>
      </c>
      <c r="Z2281" s="10" t="s">
        <v>22</v>
      </c>
    </row>
    <row r="2282" spans="1:26" ht="24" customHeight="1" x14ac:dyDescent="0.2">
      <c r="A2282" s="9" t="s">
        <v>19524</v>
      </c>
      <c r="B2282" s="9" t="s">
        <v>14</v>
      </c>
      <c r="C2282" s="9" t="s">
        <v>10917</v>
      </c>
      <c r="D2282" s="6" t="s">
        <v>10918</v>
      </c>
      <c r="E2282" s="22">
        <v>44287</v>
      </c>
      <c r="F2282" s="22">
        <v>46112</v>
      </c>
      <c r="G2282" s="6" t="s">
        <v>10919</v>
      </c>
      <c r="H2282" s="6" t="s">
        <v>18</v>
      </c>
      <c r="I2282" s="6" t="s">
        <v>19</v>
      </c>
      <c r="J2282" s="6" t="s">
        <v>10920</v>
      </c>
      <c r="K2282" s="9" t="s">
        <v>10921</v>
      </c>
      <c r="L2282" s="10" t="s">
        <v>22</v>
      </c>
      <c r="M2282" s="10" t="s">
        <v>22</v>
      </c>
      <c r="N2282" s="10" t="s">
        <v>22</v>
      </c>
      <c r="O2282" s="10" t="s">
        <v>22</v>
      </c>
      <c r="P2282" s="10" t="s">
        <v>22</v>
      </c>
      <c r="Q2282" s="10" t="s">
        <v>22</v>
      </c>
      <c r="R2282" s="10" t="s">
        <v>22</v>
      </c>
      <c r="S2282" s="10" t="s">
        <v>22</v>
      </c>
      <c r="T2282" s="10" t="s">
        <v>22</v>
      </c>
    </row>
    <row r="2283" spans="1:26" ht="24" customHeight="1" x14ac:dyDescent="0.2">
      <c r="A2283" s="9" t="s">
        <v>19525</v>
      </c>
      <c r="B2283" s="9" t="s">
        <v>14</v>
      </c>
      <c r="C2283" s="9" t="s">
        <v>10922</v>
      </c>
      <c r="D2283" s="6" t="s">
        <v>10923</v>
      </c>
      <c r="E2283" s="22">
        <v>44288</v>
      </c>
      <c r="F2283" s="22">
        <v>46113</v>
      </c>
      <c r="G2283" s="6" t="s">
        <v>10924</v>
      </c>
      <c r="H2283" s="6" t="s">
        <v>363</v>
      </c>
      <c r="I2283" s="6" t="s">
        <v>466</v>
      </c>
      <c r="J2283" s="6" t="s">
        <v>10925</v>
      </c>
      <c r="K2283" s="9" t="s">
        <v>10926</v>
      </c>
      <c r="L2283" s="10" t="s">
        <v>22</v>
      </c>
      <c r="M2283" s="10" t="s">
        <v>22</v>
      </c>
      <c r="N2283" s="10" t="s">
        <v>22</v>
      </c>
      <c r="O2283" s="10" t="s">
        <v>22</v>
      </c>
      <c r="P2283" s="10" t="s">
        <v>22</v>
      </c>
      <c r="Q2283" s="10" t="s">
        <v>22</v>
      </c>
      <c r="R2283" s="10" t="s">
        <v>22</v>
      </c>
      <c r="S2283" s="10" t="s">
        <v>22</v>
      </c>
      <c r="T2283" s="10" t="s">
        <v>22</v>
      </c>
      <c r="U2283" s="10" t="s">
        <v>22</v>
      </c>
      <c r="V2283" s="10" t="s">
        <v>22</v>
      </c>
      <c r="W2283" s="10" t="s">
        <v>22</v>
      </c>
      <c r="X2283" s="10" t="s">
        <v>22</v>
      </c>
      <c r="Y2283" s="10" t="s">
        <v>22</v>
      </c>
      <c r="Z2283" s="10" t="s">
        <v>22</v>
      </c>
    </row>
    <row r="2284" spans="1:26" ht="24" customHeight="1" x14ac:dyDescent="0.2">
      <c r="A2284" s="9" t="s">
        <v>19526</v>
      </c>
      <c r="B2284" s="9" t="s">
        <v>14</v>
      </c>
      <c r="C2284" s="9" t="s">
        <v>10927</v>
      </c>
      <c r="D2284" s="6" t="s">
        <v>10928</v>
      </c>
      <c r="E2284" s="22">
        <v>44288</v>
      </c>
      <c r="F2284" s="22">
        <v>46113</v>
      </c>
      <c r="G2284" s="6" t="s">
        <v>10929</v>
      </c>
      <c r="H2284" s="6" t="s">
        <v>2029</v>
      </c>
      <c r="I2284" s="6" t="s">
        <v>3395</v>
      </c>
      <c r="J2284" s="6" t="s">
        <v>10930</v>
      </c>
      <c r="K2284" s="9" t="s">
        <v>10931</v>
      </c>
      <c r="M2284" s="10" t="s">
        <v>22</v>
      </c>
      <c r="N2284" s="10" t="s">
        <v>22</v>
      </c>
      <c r="S2284" s="10" t="s">
        <v>22</v>
      </c>
      <c r="T2284" s="10" t="s">
        <v>22</v>
      </c>
      <c r="V2284" s="10" t="s">
        <v>22</v>
      </c>
      <c r="W2284" s="10" t="s">
        <v>22</v>
      </c>
    </row>
    <row r="2285" spans="1:26" ht="24" customHeight="1" x14ac:dyDescent="0.2">
      <c r="A2285" s="9" t="s">
        <v>19527</v>
      </c>
      <c r="B2285" s="9" t="s">
        <v>14</v>
      </c>
      <c r="C2285" s="9" t="s">
        <v>10932</v>
      </c>
      <c r="D2285" s="6" t="s">
        <v>10933</v>
      </c>
      <c r="E2285" s="22">
        <v>44294</v>
      </c>
      <c r="F2285" s="22">
        <v>46119</v>
      </c>
      <c r="G2285" s="6" t="s">
        <v>10934</v>
      </c>
      <c r="H2285" s="6" t="s">
        <v>202</v>
      </c>
      <c r="I2285" s="6" t="s">
        <v>879</v>
      </c>
      <c r="J2285" s="6" t="s">
        <v>10935</v>
      </c>
      <c r="M2285" s="10" t="s">
        <v>22</v>
      </c>
      <c r="N2285" s="10" t="s">
        <v>22</v>
      </c>
      <c r="P2285" s="10" t="s">
        <v>22</v>
      </c>
      <c r="Q2285" s="10" t="s">
        <v>22</v>
      </c>
      <c r="S2285" s="10" t="s">
        <v>22</v>
      </c>
      <c r="T2285" s="10" t="s">
        <v>22</v>
      </c>
      <c r="V2285" s="10" t="s">
        <v>22</v>
      </c>
      <c r="W2285" s="10" t="s">
        <v>22</v>
      </c>
      <c r="Y2285" s="10" t="s">
        <v>22</v>
      </c>
      <c r="Z2285" s="10" t="s">
        <v>22</v>
      </c>
    </row>
    <row r="2286" spans="1:26" ht="24" customHeight="1" x14ac:dyDescent="0.2">
      <c r="A2286" s="9" t="s">
        <v>19528</v>
      </c>
      <c r="B2286" s="9" t="s">
        <v>14</v>
      </c>
      <c r="C2286" s="9" t="s">
        <v>10936</v>
      </c>
      <c r="D2286" s="6" t="s">
        <v>10937</v>
      </c>
      <c r="E2286" s="22">
        <v>44294</v>
      </c>
      <c r="F2286" s="22">
        <v>46119</v>
      </c>
      <c r="G2286" s="6" t="s">
        <v>10938</v>
      </c>
      <c r="H2286" s="6" t="s">
        <v>363</v>
      </c>
      <c r="I2286" s="6" t="s">
        <v>1945</v>
      </c>
      <c r="J2286" s="6" t="s">
        <v>10939</v>
      </c>
      <c r="K2286" s="9" t="s">
        <v>10940</v>
      </c>
      <c r="L2286" s="10" t="s">
        <v>22</v>
      </c>
      <c r="M2286" s="10" t="s">
        <v>22</v>
      </c>
      <c r="N2286" s="10" t="s">
        <v>22</v>
      </c>
    </row>
    <row r="2287" spans="1:26" ht="24" customHeight="1" x14ac:dyDescent="0.2">
      <c r="A2287" s="9" t="s">
        <v>19529</v>
      </c>
      <c r="B2287" s="9" t="s">
        <v>14</v>
      </c>
      <c r="C2287" s="9" t="s">
        <v>10941</v>
      </c>
      <c r="D2287" s="6" t="s">
        <v>10942</v>
      </c>
      <c r="E2287" s="22">
        <v>44294</v>
      </c>
      <c r="F2287" s="22">
        <v>46119</v>
      </c>
      <c r="G2287" s="6" t="s">
        <v>10943</v>
      </c>
      <c r="H2287" s="6" t="s">
        <v>62</v>
      </c>
      <c r="I2287" s="6" t="s">
        <v>1816</v>
      </c>
      <c r="J2287" s="6" t="s">
        <v>10944</v>
      </c>
      <c r="K2287" s="9" t="s">
        <v>10945</v>
      </c>
      <c r="L2287" s="10" t="s">
        <v>22</v>
      </c>
      <c r="M2287" s="10" t="s">
        <v>22</v>
      </c>
      <c r="N2287" s="10" t="s">
        <v>22</v>
      </c>
      <c r="O2287" s="10" t="s">
        <v>22</v>
      </c>
      <c r="P2287" s="10" t="s">
        <v>22</v>
      </c>
      <c r="Q2287" s="10" t="s">
        <v>22</v>
      </c>
      <c r="U2287" s="10" t="s">
        <v>22</v>
      </c>
      <c r="V2287" s="10" t="s">
        <v>22</v>
      </c>
      <c r="W2287" s="10" t="s">
        <v>22</v>
      </c>
      <c r="X2287" s="10" t="s">
        <v>22</v>
      </c>
      <c r="Y2287" s="10" t="s">
        <v>22</v>
      </c>
      <c r="Z2287" s="10" t="s">
        <v>22</v>
      </c>
    </row>
    <row r="2288" spans="1:26" ht="24" customHeight="1" x14ac:dyDescent="0.2">
      <c r="A2288" s="9" t="s">
        <v>19530</v>
      </c>
      <c r="B2288" s="9" t="s">
        <v>14</v>
      </c>
      <c r="C2288" s="9" t="s">
        <v>10946</v>
      </c>
      <c r="D2288" s="6" t="s">
        <v>16270</v>
      </c>
      <c r="E2288" s="22">
        <v>44295</v>
      </c>
      <c r="F2288" s="22">
        <v>46120</v>
      </c>
      <c r="G2288" s="6" t="s">
        <v>16271</v>
      </c>
      <c r="H2288" s="6" t="s">
        <v>202</v>
      </c>
      <c r="I2288" s="6" t="s">
        <v>1707</v>
      </c>
      <c r="J2288" s="6" t="s">
        <v>16272</v>
      </c>
      <c r="K2288" s="9" t="s">
        <v>10947</v>
      </c>
      <c r="L2288" s="10" t="s">
        <v>22</v>
      </c>
      <c r="M2288" s="10" t="s">
        <v>22</v>
      </c>
      <c r="N2288" s="10" t="s">
        <v>22</v>
      </c>
      <c r="O2288" s="10" t="s">
        <v>22</v>
      </c>
      <c r="P2288" s="10" t="s">
        <v>22</v>
      </c>
      <c r="Q2288" s="10" t="s">
        <v>22</v>
      </c>
      <c r="R2288" s="10" t="s">
        <v>22</v>
      </c>
      <c r="S2288" s="10" t="s">
        <v>22</v>
      </c>
      <c r="T2288" s="10" t="s">
        <v>22</v>
      </c>
      <c r="U2288" s="10" t="s">
        <v>22</v>
      </c>
      <c r="V2288" s="10" t="s">
        <v>22</v>
      </c>
      <c r="W2288" s="10" t="s">
        <v>22</v>
      </c>
      <c r="X2288" s="10" t="s">
        <v>22</v>
      </c>
      <c r="Y2288" s="10" t="s">
        <v>22</v>
      </c>
      <c r="Z2288" s="10" t="s">
        <v>22</v>
      </c>
    </row>
    <row r="2289" spans="1:26" ht="24" customHeight="1" x14ac:dyDescent="0.2">
      <c r="A2289" s="9" t="s">
        <v>19531</v>
      </c>
      <c r="B2289" s="9" t="s">
        <v>14</v>
      </c>
      <c r="C2289" s="9" t="s">
        <v>10948</v>
      </c>
      <c r="D2289" s="6" t="s">
        <v>10949</v>
      </c>
      <c r="E2289" s="22">
        <v>44298</v>
      </c>
      <c r="F2289" s="22">
        <v>46123</v>
      </c>
      <c r="G2289" s="6" t="s">
        <v>10950</v>
      </c>
      <c r="H2289" s="6" t="s">
        <v>363</v>
      </c>
      <c r="I2289" s="6" t="s">
        <v>646</v>
      </c>
      <c r="J2289" s="6" t="s">
        <v>10951</v>
      </c>
      <c r="K2289" s="9" t="s">
        <v>10952</v>
      </c>
      <c r="L2289" s="10" t="s">
        <v>22</v>
      </c>
      <c r="M2289" s="10" t="s">
        <v>22</v>
      </c>
      <c r="N2289" s="10" t="s">
        <v>22</v>
      </c>
      <c r="O2289" s="10" t="s">
        <v>22</v>
      </c>
      <c r="P2289" s="10" t="s">
        <v>22</v>
      </c>
      <c r="Q2289" s="10" t="s">
        <v>22</v>
      </c>
      <c r="R2289" s="10" t="s">
        <v>22</v>
      </c>
      <c r="S2289" s="10" t="s">
        <v>22</v>
      </c>
      <c r="T2289" s="10" t="s">
        <v>22</v>
      </c>
      <c r="U2289" s="10" t="s">
        <v>22</v>
      </c>
      <c r="V2289" s="10" t="s">
        <v>22</v>
      </c>
      <c r="W2289" s="10" t="s">
        <v>22</v>
      </c>
      <c r="X2289" s="10" t="s">
        <v>22</v>
      </c>
      <c r="Y2289" s="10" t="s">
        <v>22</v>
      </c>
      <c r="Z2289" s="10" t="s">
        <v>22</v>
      </c>
    </row>
    <row r="2290" spans="1:26" ht="24" customHeight="1" x14ac:dyDescent="0.2">
      <c r="A2290" s="9" t="s">
        <v>19532</v>
      </c>
      <c r="B2290" s="9" t="s">
        <v>14</v>
      </c>
      <c r="C2290" s="9" t="s">
        <v>10953</v>
      </c>
      <c r="D2290" s="6" t="s">
        <v>4661</v>
      </c>
      <c r="E2290" s="22">
        <v>44298</v>
      </c>
      <c r="F2290" s="22">
        <v>46123</v>
      </c>
      <c r="G2290" s="6" t="s">
        <v>4662</v>
      </c>
      <c r="H2290" s="6" t="s">
        <v>18</v>
      </c>
      <c r="I2290" s="6" t="s">
        <v>19</v>
      </c>
      <c r="J2290" s="6" t="s">
        <v>10954</v>
      </c>
      <c r="K2290" s="9" t="s">
        <v>10955</v>
      </c>
      <c r="L2290" s="10" t="s">
        <v>22</v>
      </c>
      <c r="M2290" s="10" t="s">
        <v>22</v>
      </c>
      <c r="N2290" s="10" t="s">
        <v>22</v>
      </c>
      <c r="O2290" s="10" t="s">
        <v>22</v>
      </c>
      <c r="P2290" s="10" t="s">
        <v>22</v>
      </c>
      <c r="Q2290" s="10" t="s">
        <v>22</v>
      </c>
      <c r="R2290" s="10" t="s">
        <v>22</v>
      </c>
      <c r="S2290" s="10" t="s">
        <v>22</v>
      </c>
      <c r="T2290" s="10" t="s">
        <v>22</v>
      </c>
      <c r="U2290" s="10" t="s">
        <v>22</v>
      </c>
      <c r="V2290" s="10" t="s">
        <v>22</v>
      </c>
      <c r="W2290" s="10" t="s">
        <v>22</v>
      </c>
      <c r="X2290" s="10" t="s">
        <v>22</v>
      </c>
      <c r="Y2290" s="10" t="s">
        <v>22</v>
      </c>
      <c r="Z2290" s="10" t="s">
        <v>22</v>
      </c>
    </row>
    <row r="2291" spans="1:26" ht="24" customHeight="1" x14ac:dyDescent="0.2">
      <c r="A2291" s="9" t="s">
        <v>19533</v>
      </c>
      <c r="B2291" s="9" t="s">
        <v>14</v>
      </c>
      <c r="C2291" s="9" t="s">
        <v>10956</v>
      </c>
      <c r="D2291" s="6" t="s">
        <v>10957</v>
      </c>
      <c r="E2291" s="22">
        <v>44298</v>
      </c>
      <c r="F2291" s="22">
        <v>46123</v>
      </c>
      <c r="G2291" s="6" t="s">
        <v>10958</v>
      </c>
      <c r="H2291" s="6" t="s">
        <v>62</v>
      </c>
      <c r="I2291" s="6" t="s">
        <v>493</v>
      </c>
      <c r="J2291" s="6" t="s">
        <v>10959</v>
      </c>
      <c r="K2291" s="9" t="s">
        <v>10960</v>
      </c>
      <c r="L2291" s="10" t="s">
        <v>22</v>
      </c>
      <c r="M2291" s="10" t="s">
        <v>22</v>
      </c>
      <c r="N2291" s="10" t="s">
        <v>22</v>
      </c>
      <c r="O2291" s="10" t="s">
        <v>22</v>
      </c>
      <c r="P2291" s="10" t="s">
        <v>22</v>
      </c>
      <c r="Q2291" s="10" t="s">
        <v>22</v>
      </c>
      <c r="R2291" s="10" t="s">
        <v>22</v>
      </c>
      <c r="S2291" s="10" t="s">
        <v>22</v>
      </c>
      <c r="T2291" s="10" t="s">
        <v>22</v>
      </c>
      <c r="U2291" s="10" t="s">
        <v>22</v>
      </c>
      <c r="V2291" s="10" t="s">
        <v>22</v>
      </c>
      <c r="W2291" s="10" t="s">
        <v>22</v>
      </c>
      <c r="X2291" s="10" t="s">
        <v>22</v>
      </c>
      <c r="Y2291" s="10" t="s">
        <v>22</v>
      </c>
      <c r="Z2291" s="10" t="s">
        <v>22</v>
      </c>
    </row>
    <row r="2292" spans="1:26" ht="24" customHeight="1" x14ac:dyDescent="0.2">
      <c r="A2292" s="9" t="s">
        <v>19534</v>
      </c>
      <c r="B2292" s="9" t="s">
        <v>14</v>
      </c>
      <c r="C2292" s="9" t="s">
        <v>10961</v>
      </c>
      <c r="D2292" s="6" t="s">
        <v>10962</v>
      </c>
      <c r="E2292" s="22">
        <v>44299</v>
      </c>
      <c r="F2292" s="22">
        <v>46124</v>
      </c>
      <c r="G2292" s="6" t="s">
        <v>10963</v>
      </c>
      <c r="H2292" s="6" t="s">
        <v>62</v>
      </c>
      <c r="I2292" s="6" t="s">
        <v>994</v>
      </c>
      <c r="J2292" s="6" t="s">
        <v>16273</v>
      </c>
      <c r="K2292" s="9" t="s">
        <v>10964</v>
      </c>
      <c r="M2292" s="10" t="s">
        <v>22</v>
      </c>
      <c r="N2292" s="10" t="s">
        <v>22</v>
      </c>
    </row>
    <row r="2293" spans="1:26" ht="24" customHeight="1" x14ac:dyDescent="0.2">
      <c r="A2293" s="9" t="s">
        <v>19535</v>
      </c>
      <c r="B2293" s="9" t="s">
        <v>14</v>
      </c>
      <c r="C2293" s="9" t="s">
        <v>10965</v>
      </c>
      <c r="D2293" s="6" t="s">
        <v>10966</v>
      </c>
      <c r="E2293" s="22">
        <v>44305</v>
      </c>
      <c r="F2293" s="22">
        <v>46130</v>
      </c>
      <c r="G2293" s="6" t="s">
        <v>10967</v>
      </c>
      <c r="H2293" s="6" t="s">
        <v>62</v>
      </c>
      <c r="I2293" s="6" t="s">
        <v>2578</v>
      </c>
      <c r="J2293" s="6" t="s">
        <v>10968</v>
      </c>
      <c r="K2293" s="9" t="s">
        <v>10969</v>
      </c>
      <c r="L2293" s="10" t="s">
        <v>22</v>
      </c>
      <c r="M2293" s="10" t="s">
        <v>22</v>
      </c>
      <c r="N2293" s="10" t="s">
        <v>22</v>
      </c>
      <c r="O2293" s="10" t="s">
        <v>22</v>
      </c>
      <c r="P2293" s="10" t="s">
        <v>22</v>
      </c>
      <c r="Q2293" s="10" t="s">
        <v>22</v>
      </c>
      <c r="R2293" s="10" t="s">
        <v>22</v>
      </c>
      <c r="S2293" s="10" t="s">
        <v>22</v>
      </c>
      <c r="T2293" s="10" t="s">
        <v>22</v>
      </c>
      <c r="U2293" s="10" t="s">
        <v>22</v>
      </c>
      <c r="V2293" s="10" t="s">
        <v>22</v>
      </c>
      <c r="W2293" s="10" t="s">
        <v>22</v>
      </c>
      <c r="X2293" s="10" t="s">
        <v>22</v>
      </c>
      <c r="Y2293" s="10" t="s">
        <v>22</v>
      </c>
      <c r="Z2293" s="10" t="s">
        <v>22</v>
      </c>
    </row>
    <row r="2294" spans="1:26" ht="24" customHeight="1" x14ac:dyDescent="0.2">
      <c r="A2294" s="9" t="s">
        <v>19536</v>
      </c>
      <c r="B2294" s="9" t="s">
        <v>14</v>
      </c>
      <c r="C2294" s="9" t="s">
        <v>10970</v>
      </c>
      <c r="D2294" s="6" t="s">
        <v>10971</v>
      </c>
      <c r="E2294" s="22">
        <v>44305</v>
      </c>
      <c r="F2294" s="22">
        <v>46130</v>
      </c>
      <c r="G2294" s="6" t="s">
        <v>10972</v>
      </c>
      <c r="H2294" s="6" t="s">
        <v>18</v>
      </c>
      <c r="I2294" s="6" t="s">
        <v>19</v>
      </c>
      <c r="J2294" s="6" t="s">
        <v>10973</v>
      </c>
      <c r="K2294" s="9" t="s">
        <v>10974</v>
      </c>
      <c r="M2294" s="10" t="s">
        <v>22</v>
      </c>
      <c r="N2294" s="10" t="s">
        <v>22</v>
      </c>
      <c r="P2294" s="10" t="s">
        <v>22</v>
      </c>
      <c r="Q2294" s="10" t="s">
        <v>22</v>
      </c>
      <c r="V2294" s="10" t="s">
        <v>22</v>
      </c>
      <c r="W2294" s="10" t="s">
        <v>22</v>
      </c>
      <c r="Y2294" s="10" t="s">
        <v>22</v>
      </c>
      <c r="Z2294" s="10" t="s">
        <v>22</v>
      </c>
    </row>
    <row r="2295" spans="1:26" ht="24" customHeight="1" x14ac:dyDescent="0.2">
      <c r="A2295" s="9" t="s">
        <v>19537</v>
      </c>
      <c r="B2295" s="9" t="s">
        <v>14</v>
      </c>
      <c r="C2295" s="9" t="s">
        <v>10975</v>
      </c>
      <c r="D2295" s="6" t="s">
        <v>10976</v>
      </c>
      <c r="E2295" s="22">
        <v>44306</v>
      </c>
      <c r="F2295" s="22">
        <v>46131</v>
      </c>
      <c r="G2295" s="6" t="s">
        <v>10977</v>
      </c>
      <c r="H2295" s="6" t="s">
        <v>62</v>
      </c>
      <c r="I2295" s="6" t="s">
        <v>306</v>
      </c>
      <c r="J2295" s="6" t="s">
        <v>10978</v>
      </c>
      <c r="K2295" s="9" t="s">
        <v>10979</v>
      </c>
      <c r="L2295" s="10" t="s">
        <v>22</v>
      </c>
      <c r="M2295" s="10" t="s">
        <v>22</v>
      </c>
      <c r="N2295" s="10" t="s">
        <v>22</v>
      </c>
      <c r="O2295" s="10" t="s">
        <v>22</v>
      </c>
      <c r="P2295" s="10" t="s">
        <v>22</v>
      </c>
      <c r="Q2295" s="10" t="s">
        <v>22</v>
      </c>
      <c r="R2295" s="10" t="s">
        <v>22</v>
      </c>
      <c r="S2295" s="10" t="s">
        <v>22</v>
      </c>
      <c r="T2295" s="10" t="s">
        <v>22</v>
      </c>
      <c r="U2295" s="10" t="s">
        <v>22</v>
      </c>
      <c r="V2295" s="10" t="s">
        <v>22</v>
      </c>
      <c r="W2295" s="10" t="s">
        <v>22</v>
      </c>
      <c r="X2295" s="10" t="s">
        <v>22</v>
      </c>
      <c r="Y2295" s="10" t="s">
        <v>22</v>
      </c>
      <c r="Z2295" s="10" t="s">
        <v>22</v>
      </c>
    </row>
    <row r="2296" spans="1:26" ht="24" customHeight="1" x14ac:dyDescent="0.2">
      <c r="A2296" s="9" t="s">
        <v>19538</v>
      </c>
      <c r="B2296" s="9" t="s">
        <v>14</v>
      </c>
      <c r="C2296" s="9" t="s">
        <v>10980</v>
      </c>
      <c r="D2296" s="6" t="s">
        <v>10981</v>
      </c>
      <c r="E2296" s="22">
        <v>44309</v>
      </c>
      <c r="F2296" s="22">
        <v>46134</v>
      </c>
      <c r="G2296" s="6" t="s">
        <v>10982</v>
      </c>
      <c r="H2296" s="6" t="s">
        <v>229</v>
      </c>
      <c r="I2296" s="6" t="s">
        <v>2600</v>
      </c>
      <c r="J2296" s="6" t="s">
        <v>10983</v>
      </c>
      <c r="K2296" s="9" t="s">
        <v>10984</v>
      </c>
      <c r="L2296" s="10" t="s">
        <v>22</v>
      </c>
      <c r="M2296" s="10" t="s">
        <v>22</v>
      </c>
      <c r="N2296" s="10" t="s">
        <v>22</v>
      </c>
      <c r="O2296" s="10" t="s">
        <v>22</v>
      </c>
      <c r="P2296" s="10" t="s">
        <v>22</v>
      </c>
      <c r="Q2296" s="10" t="s">
        <v>22</v>
      </c>
      <c r="R2296" s="10" t="s">
        <v>22</v>
      </c>
      <c r="S2296" s="10" t="s">
        <v>22</v>
      </c>
      <c r="T2296" s="10" t="s">
        <v>22</v>
      </c>
      <c r="U2296" s="10" t="s">
        <v>22</v>
      </c>
      <c r="V2296" s="10" t="s">
        <v>22</v>
      </c>
      <c r="W2296" s="10" t="s">
        <v>22</v>
      </c>
      <c r="X2296" s="10" t="s">
        <v>22</v>
      </c>
      <c r="Y2296" s="10" t="s">
        <v>22</v>
      </c>
      <c r="Z2296" s="10" t="s">
        <v>22</v>
      </c>
    </row>
    <row r="2297" spans="1:26" ht="24" customHeight="1" x14ac:dyDescent="0.2">
      <c r="A2297" s="9" t="s">
        <v>19539</v>
      </c>
      <c r="B2297" s="9" t="s">
        <v>14</v>
      </c>
      <c r="C2297" s="9" t="s">
        <v>10985</v>
      </c>
      <c r="D2297" s="6" t="s">
        <v>10986</v>
      </c>
      <c r="E2297" s="22">
        <v>44309</v>
      </c>
      <c r="F2297" s="22">
        <v>46134</v>
      </c>
      <c r="G2297" s="6" t="s">
        <v>10987</v>
      </c>
      <c r="H2297" s="6" t="s">
        <v>62</v>
      </c>
      <c r="I2297" s="6" t="s">
        <v>4879</v>
      </c>
      <c r="J2297" s="6" t="s">
        <v>10988</v>
      </c>
      <c r="K2297" s="9" t="s">
        <v>10989</v>
      </c>
      <c r="L2297" s="10" t="s">
        <v>22</v>
      </c>
      <c r="M2297" s="10" t="s">
        <v>22</v>
      </c>
      <c r="N2297" s="10" t="s">
        <v>22</v>
      </c>
      <c r="O2297" s="10" t="s">
        <v>22</v>
      </c>
      <c r="P2297" s="10" t="s">
        <v>22</v>
      </c>
      <c r="Q2297" s="10" t="s">
        <v>22</v>
      </c>
      <c r="R2297" s="10" t="s">
        <v>22</v>
      </c>
      <c r="S2297" s="10" t="s">
        <v>22</v>
      </c>
      <c r="T2297" s="10" t="s">
        <v>22</v>
      </c>
      <c r="U2297" s="10" t="s">
        <v>22</v>
      </c>
      <c r="V2297" s="10" t="s">
        <v>22</v>
      </c>
      <c r="W2297" s="10" t="s">
        <v>22</v>
      </c>
      <c r="X2297" s="10" t="s">
        <v>22</v>
      </c>
      <c r="Y2297" s="10" t="s">
        <v>22</v>
      </c>
      <c r="Z2297" s="10" t="s">
        <v>22</v>
      </c>
    </row>
    <row r="2298" spans="1:26" ht="24" customHeight="1" x14ac:dyDescent="0.2">
      <c r="A2298" s="9" t="s">
        <v>19540</v>
      </c>
      <c r="B2298" s="9" t="s">
        <v>14</v>
      </c>
      <c r="C2298" s="9" t="s">
        <v>10990</v>
      </c>
      <c r="D2298" s="6" t="s">
        <v>10991</v>
      </c>
      <c r="E2298" s="22">
        <v>44309</v>
      </c>
      <c r="F2298" s="22">
        <v>46134</v>
      </c>
      <c r="G2298" s="6" t="s">
        <v>10992</v>
      </c>
      <c r="H2298" s="6" t="s">
        <v>202</v>
      </c>
      <c r="I2298" s="6" t="s">
        <v>10993</v>
      </c>
      <c r="J2298" s="6" t="s">
        <v>10994</v>
      </c>
      <c r="K2298" s="9" t="s">
        <v>10995</v>
      </c>
      <c r="L2298" s="10" t="s">
        <v>22</v>
      </c>
      <c r="M2298" s="10" t="s">
        <v>22</v>
      </c>
      <c r="N2298" s="10" t="s">
        <v>22</v>
      </c>
      <c r="O2298" s="10" t="s">
        <v>22</v>
      </c>
      <c r="P2298" s="10" t="s">
        <v>22</v>
      </c>
      <c r="Q2298" s="10" t="s">
        <v>22</v>
      </c>
      <c r="R2298" s="10" t="s">
        <v>22</v>
      </c>
      <c r="S2298" s="10" t="s">
        <v>22</v>
      </c>
      <c r="T2298" s="10" t="s">
        <v>22</v>
      </c>
      <c r="U2298" s="10" t="s">
        <v>22</v>
      </c>
      <c r="V2298" s="10" t="s">
        <v>22</v>
      </c>
      <c r="W2298" s="10" t="s">
        <v>22</v>
      </c>
      <c r="X2298" s="10" t="s">
        <v>22</v>
      </c>
      <c r="Y2298" s="10" t="s">
        <v>22</v>
      </c>
      <c r="Z2298" s="10" t="s">
        <v>22</v>
      </c>
    </row>
    <row r="2299" spans="1:26" ht="24" customHeight="1" x14ac:dyDescent="0.2">
      <c r="A2299" s="9" t="s">
        <v>19541</v>
      </c>
      <c r="B2299" s="9" t="s">
        <v>14</v>
      </c>
      <c r="C2299" s="9" t="s">
        <v>10996</v>
      </c>
      <c r="D2299" s="6" t="s">
        <v>10997</v>
      </c>
      <c r="E2299" s="22">
        <v>44309</v>
      </c>
      <c r="F2299" s="22">
        <v>46134</v>
      </c>
      <c r="G2299" s="6" t="s">
        <v>10998</v>
      </c>
      <c r="H2299" s="6" t="s">
        <v>62</v>
      </c>
      <c r="I2299" s="6" t="s">
        <v>994</v>
      </c>
      <c r="J2299" s="6" t="s">
        <v>16274</v>
      </c>
      <c r="K2299" s="9" t="s">
        <v>10999</v>
      </c>
      <c r="L2299" s="10" t="s">
        <v>22</v>
      </c>
      <c r="M2299" s="10" t="s">
        <v>22</v>
      </c>
      <c r="N2299" s="10" t="s">
        <v>22</v>
      </c>
      <c r="O2299" s="10" t="s">
        <v>22</v>
      </c>
      <c r="P2299" s="10" t="s">
        <v>22</v>
      </c>
      <c r="Q2299" s="10" t="s">
        <v>22</v>
      </c>
      <c r="R2299" s="10" t="s">
        <v>22</v>
      </c>
      <c r="S2299" s="10" t="s">
        <v>22</v>
      </c>
      <c r="T2299" s="10" t="s">
        <v>22</v>
      </c>
      <c r="U2299" s="10" t="s">
        <v>22</v>
      </c>
      <c r="V2299" s="10" t="s">
        <v>22</v>
      </c>
      <c r="W2299" s="10" t="s">
        <v>22</v>
      </c>
      <c r="X2299" s="10" t="s">
        <v>22</v>
      </c>
      <c r="Y2299" s="10" t="s">
        <v>22</v>
      </c>
      <c r="Z2299" s="10" t="s">
        <v>22</v>
      </c>
    </row>
    <row r="2300" spans="1:26" ht="24" customHeight="1" x14ac:dyDescent="0.2">
      <c r="A2300" s="9" t="s">
        <v>19542</v>
      </c>
      <c r="B2300" s="9" t="s">
        <v>14</v>
      </c>
      <c r="C2300" s="9" t="s">
        <v>11000</v>
      </c>
      <c r="D2300" s="6" t="s">
        <v>11001</v>
      </c>
      <c r="E2300" s="22">
        <v>44314</v>
      </c>
      <c r="F2300" s="22">
        <v>46139</v>
      </c>
      <c r="G2300" s="6" t="s">
        <v>11002</v>
      </c>
      <c r="H2300" s="6" t="s">
        <v>18</v>
      </c>
      <c r="I2300" s="6" t="s">
        <v>19</v>
      </c>
      <c r="J2300" s="6" t="s">
        <v>11003</v>
      </c>
      <c r="K2300" s="9" t="s">
        <v>11004</v>
      </c>
      <c r="L2300" s="10" t="s">
        <v>22</v>
      </c>
      <c r="M2300" s="10" t="s">
        <v>22</v>
      </c>
      <c r="N2300" s="10" t="s">
        <v>22</v>
      </c>
      <c r="O2300" s="10" t="s">
        <v>22</v>
      </c>
      <c r="P2300" s="10" t="s">
        <v>22</v>
      </c>
      <c r="Q2300" s="10" t="s">
        <v>22</v>
      </c>
      <c r="R2300" s="10" t="s">
        <v>22</v>
      </c>
      <c r="S2300" s="10" t="s">
        <v>22</v>
      </c>
      <c r="T2300" s="10" t="s">
        <v>22</v>
      </c>
      <c r="U2300" s="10" t="s">
        <v>22</v>
      </c>
      <c r="V2300" s="10" t="s">
        <v>22</v>
      </c>
      <c r="W2300" s="10" t="s">
        <v>22</v>
      </c>
      <c r="X2300" s="10" t="s">
        <v>22</v>
      </c>
      <c r="Y2300" s="10" t="s">
        <v>22</v>
      </c>
      <c r="Z2300" s="10" t="s">
        <v>22</v>
      </c>
    </row>
    <row r="2301" spans="1:26" ht="24" customHeight="1" x14ac:dyDescent="0.2">
      <c r="A2301" s="9" t="s">
        <v>19543</v>
      </c>
      <c r="B2301" s="9" t="s">
        <v>14</v>
      </c>
      <c r="C2301" s="9" t="s">
        <v>11005</v>
      </c>
      <c r="D2301" s="6" t="s">
        <v>11006</v>
      </c>
      <c r="E2301" s="22">
        <v>44314</v>
      </c>
      <c r="F2301" s="22">
        <v>46139</v>
      </c>
      <c r="G2301" s="6" t="s">
        <v>11007</v>
      </c>
      <c r="H2301" s="6" t="s">
        <v>62</v>
      </c>
      <c r="I2301" s="6" t="s">
        <v>551</v>
      </c>
      <c r="J2301" s="6" t="s">
        <v>11008</v>
      </c>
      <c r="K2301" s="9" t="s">
        <v>11009</v>
      </c>
      <c r="L2301" s="10" t="s">
        <v>22</v>
      </c>
      <c r="M2301" s="10" t="s">
        <v>22</v>
      </c>
      <c r="N2301" s="10" t="s">
        <v>22</v>
      </c>
      <c r="O2301" s="10" t="s">
        <v>22</v>
      </c>
      <c r="P2301" s="10" t="s">
        <v>22</v>
      </c>
      <c r="Q2301" s="10" t="s">
        <v>22</v>
      </c>
      <c r="R2301" s="10" t="s">
        <v>22</v>
      </c>
      <c r="S2301" s="10" t="s">
        <v>22</v>
      </c>
      <c r="T2301" s="10" t="s">
        <v>22</v>
      </c>
      <c r="U2301" s="10" t="s">
        <v>22</v>
      </c>
      <c r="V2301" s="10" t="s">
        <v>22</v>
      </c>
      <c r="W2301" s="10" t="s">
        <v>22</v>
      </c>
      <c r="X2301" s="10" t="s">
        <v>22</v>
      </c>
      <c r="Y2301" s="10" t="s">
        <v>22</v>
      </c>
      <c r="Z2301" s="10" t="s">
        <v>22</v>
      </c>
    </row>
    <row r="2302" spans="1:26" ht="24" customHeight="1" x14ac:dyDescent="0.2">
      <c r="A2302" s="9" t="s">
        <v>19544</v>
      </c>
      <c r="B2302" s="9" t="s">
        <v>14</v>
      </c>
      <c r="C2302" s="9" t="s">
        <v>11010</v>
      </c>
      <c r="D2302" s="6" t="s">
        <v>11011</v>
      </c>
      <c r="E2302" s="22">
        <v>44314</v>
      </c>
      <c r="F2302" s="22">
        <v>46139</v>
      </c>
      <c r="G2302" s="6" t="s">
        <v>11012</v>
      </c>
      <c r="H2302" s="6" t="s">
        <v>363</v>
      </c>
      <c r="I2302" s="6" t="s">
        <v>597</v>
      </c>
      <c r="J2302" s="6" t="s">
        <v>11013</v>
      </c>
      <c r="K2302" s="9" t="s">
        <v>11014</v>
      </c>
      <c r="L2302" s="10" t="s">
        <v>22</v>
      </c>
      <c r="M2302" s="10" t="s">
        <v>22</v>
      </c>
      <c r="N2302" s="10" t="s">
        <v>22</v>
      </c>
      <c r="O2302" s="10" t="s">
        <v>22</v>
      </c>
      <c r="P2302" s="10" t="s">
        <v>22</v>
      </c>
      <c r="Q2302" s="10" t="s">
        <v>22</v>
      </c>
      <c r="R2302" s="10" t="s">
        <v>22</v>
      </c>
      <c r="S2302" s="10" t="s">
        <v>22</v>
      </c>
      <c r="T2302" s="10" t="s">
        <v>22</v>
      </c>
      <c r="U2302" s="10" t="s">
        <v>22</v>
      </c>
      <c r="V2302" s="10" t="s">
        <v>22</v>
      </c>
      <c r="W2302" s="10" t="s">
        <v>22</v>
      </c>
      <c r="X2302" s="10" t="s">
        <v>22</v>
      </c>
      <c r="Y2302" s="10" t="s">
        <v>22</v>
      </c>
      <c r="Z2302" s="10" t="s">
        <v>22</v>
      </c>
    </row>
    <row r="2303" spans="1:26" ht="24" customHeight="1" x14ac:dyDescent="0.2">
      <c r="A2303" s="9" t="s">
        <v>19545</v>
      </c>
      <c r="B2303" s="9" t="s">
        <v>14</v>
      </c>
      <c r="C2303" s="9" t="s">
        <v>11015</v>
      </c>
      <c r="D2303" s="6" t="s">
        <v>11016</v>
      </c>
      <c r="E2303" s="22">
        <v>44323</v>
      </c>
      <c r="F2303" s="22">
        <v>46148</v>
      </c>
      <c r="G2303" s="6" t="s">
        <v>11017</v>
      </c>
      <c r="H2303" s="6" t="s">
        <v>18</v>
      </c>
      <c r="I2303" s="6" t="s">
        <v>26</v>
      </c>
      <c r="J2303" s="6" t="s">
        <v>11018</v>
      </c>
      <c r="K2303" s="9" t="s">
        <v>11019</v>
      </c>
      <c r="L2303" s="10" t="s">
        <v>22</v>
      </c>
      <c r="M2303" s="10" t="s">
        <v>22</v>
      </c>
      <c r="N2303" s="10" t="s">
        <v>22</v>
      </c>
      <c r="O2303" s="10" t="s">
        <v>22</v>
      </c>
      <c r="P2303" s="10" t="s">
        <v>22</v>
      </c>
      <c r="Q2303" s="10" t="s">
        <v>22</v>
      </c>
      <c r="U2303" s="10" t="s">
        <v>22</v>
      </c>
      <c r="V2303" s="10" t="s">
        <v>22</v>
      </c>
      <c r="W2303" s="10" t="s">
        <v>22</v>
      </c>
      <c r="X2303" s="10" t="s">
        <v>22</v>
      </c>
      <c r="Y2303" s="10" t="s">
        <v>22</v>
      </c>
      <c r="Z2303" s="10" t="s">
        <v>22</v>
      </c>
    </row>
    <row r="2304" spans="1:26" ht="24" customHeight="1" x14ac:dyDescent="0.2">
      <c r="A2304" s="9" t="s">
        <v>19546</v>
      </c>
      <c r="B2304" s="9" t="s">
        <v>14</v>
      </c>
      <c r="C2304" s="9" t="s">
        <v>11020</v>
      </c>
      <c r="D2304" s="6" t="s">
        <v>11021</v>
      </c>
      <c r="E2304" s="22">
        <v>44323</v>
      </c>
      <c r="F2304" s="22">
        <v>46148</v>
      </c>
      <c r="G2304" s="6" t="s">
        <v>11022</v>
      </c>
      <c r="H2304" s="6" t="s">
        <v>18</v>
      </c>
      <c r="I2304" s="6" t="s">
        <v>19</v>
      </c>
      <c r="J2304" s="6" t="s">
        <v>11023</v>
      </c>
      <c r="K2304" s="9" t="s">
        <v>11024</v>
      </c>
      <c r="M2304" s="10" t="s">
        <v>22</v>
      </c>
      <c r="N2304" s="10" t="s">
        <v>22</v>
      </c>
      <c r="V2304" s="10" t="s">
        <v>22</v>
      </c>
      <c r="W2304" s="10" t="s">
        <v>22</v>
      </c>
    </row>
    <row r="2305" spans="1:26" ht="24" customHeight="1" x14ac:dyDescent="0.2">
      <c r="A2305" s="9" t="s">
        <v>19547</v>
      </c>
      <c r="B2305" s="9" t="s">
        <v>14</v>
      </c>
      <c r="C2305" s="9" t="s">
        <v>11025</v>
      </c>
      <c r="D2305" s="6" t="s">
        <v>11026</v>
      </c>
      <c r="E2305" s="22">
        <v>44323</v>
      </c>
      <c r="F2305" s="22">
        <v>46148</v>
      </c>
      <c r="G2305" s="6" t="s">
        <v>11027</v>
      </c>
      <c r="H2305" s="6" t="s">
        <v>18</v>
      </c>
      <c r="I2305" s="6" t="s">
        <v>19</v>
      </c>
      <c r="J2305" s="6" t="s">
        <v>11028</v>
      </c>
      <c r="K2305" s="9" t="s">
        <v>11029</v>
      </c>
      <c r="L2305" s="10" t="s">
        <v>22</v>
      </c>
      <c r="M2305" s="10" t="s">
        <v>22</v>
      </c>
      <c r="N2305" s="10" t="s">
        <v>22</v>
      </c>
      <c r="O2305" s="10" t="s">
        <v>22</v>
      </c>
      <c r="P2305" s="10" t="s">
        <v>22</v>
      </c>
      <c r="Q2305" s="10" t="s">
        <v>22</v>
      </c>
      <c r="R2305" s="10" t="s">
        <v>22</v>
      </c>
      <c r="S2305" s="10" t="s">
        <v>22</v>
      </c>
      <c r="T2305" s="10" t="s">
        <v>22</v>
      </c>
      <c r="U2305" s="10" t="s">
        <v>22</v>
      </c>
      <c r="V2305" s="10" t="s">
        <v>22</v>
      </c>
      <c r="W2305" s="10" t="s">
        <v>22</v>
      </c>
      <c r="X2305" s="10" t="s">
        <v>22</v>
      </c>
      <c r="Y2305" s="10" t="s">
        <v>22</v>
      </c>
      <c r="Z2305" s="10" t="s">
        <v>22</v>
      </c>
    </row>
    <row r="2306" spans="1:26" ht="24" customHeight="1" x14ac:dyDescent="0.2">
      <c r="A2306" s="9" t="s">
        <v>19548</v>
      </c>
      <c r="B2306" s="9" t="s">
        <v>14</v>
      </c>
      <c r="C2306" s="9" t="s">
        <v>11030</v>
      </c>
      <c r="D2306" s="6" t="s">
        <v>11031</v>
      </c>
      <c r="E2306" s="22">
        <v>44326</v>
      </c>
      <c r="F2306" s="22">
        <v>46151</v>
      </c>
      <c r="G2306" s="6" t="s">
        <v>11032</v>
      </c>
      <c r="H2306" s="6" t="s">
        <v>18</v>
      </c>
      <c r="I2306" s="6" t="s">
        <v>26</v>
      </c>
      <c r="J2306" s="6" t="s">
        <v>11033</v>
      </c>
      <c r="K2306" s="9" t="s">
        <v>11034</v>
      </c>
      <c r="L2306" s="10" t="s">
        <v>22</v>
      </c>
      <c r="M2306" s="10" t="s">
        <v>22</v>
      </c>
      <c r="N2306" s="10" t="s">
        <v>22</v>
      </c>
      <c r="U2306" s="10" t="s">
        <v>22</v>
      </c>
      <c r="V2306" s="10" t="s">
        <v>22</v>
      </c>
      <c r="W2306" s="10" t="s">
        <v>22</v>
      </c>
    </row>
    <row r="2307" spans="1:26" ht="24" customHeight="1" x14ac:dyDescent="0.2">
      <c r="A2307" s="9" t="s">
        <v>19549</v>
      </c>
      <c r="B2307" s="9" t="s">
        <v>14</v>
      </c>
      <c r="C2307" s="9" t="s">
        <v>11035</v>
      </c>
      <c r="D2307" s="6" t="s">
        <v>11036</v>
      </c>
      <c r="E2307" s="22">
        <v>44328</v>
      </c>
      <c r="F2307" s="22">
        <v>46153</v>
      </c>
      <c r="G2307" s="6" t="s">
        <v>11037</v>
      </c>
      <c r="H2307" s="6" t="s">
        <v>202</v>
      </c>
      <c r="I2307" s="6" t="s">
        <v>873</v>
      </c>
      <c r="J2307" s="6" t="s">
        <v>11038</v>
      </c>
      <c r="K2307" s="9" t="s">
        <v>11039</v>
      </c>
      <c r="L2307" s="10" t="s">
        <v>22</v>
      </c>
      <c r="M2307" s="10" t="s">
        <v>22</v>
      </c>
      <c r="N2307" s="10" t="s">
        <v>22</v>
      </c>
      <c r="O2307" s="10" t="s">
        <v>22</v>
      </c>
      <c r="P2307" s="10" t="s">
        <v>22</v>
      </c>
      <c r="Q2307" s="10" t="s">
        <v>22</v>
      </c>
    </row>
    <row r="2308" spans="1:26" ht="24" customHeight="1" x14ac:dyDescent="0.2">
      <c r="A2308" s="9" t="s">
        <v>19550</v>
      </c>
      <c r="B2308" s="9" t="s">
        <v>14</v>
      </c>
      <c r="C2308" s="9" t="s">
        <v>11040</v>
      </c>
      <c r="D2308" s="6" t="s">
        <v>11041</v>
      </c>
      <c r="E2308" s="22">
        <v>44328</v>
      </c>
      <c r="F2308" s="22">
        <v>46153</v>
      </c>
      <c r="G2308" s="6" t="s">
        <v>11042</v>
      </c>
      <c r="H2308" s="6" t="s">
        <v>18</v>
      </c>
      <c r="I2308" s="6" t="s">
        <v>19</v>
      </c>
      <c r="J2308" s="6" t="s">
        <v>11043</v>
      </c>
      <c r="K2308" s="9" t="s">
        <v>11044</v>
      </c>
      <c r="L2308" s="10" t="s">
        <v>22</v>
      </c>
      <c r="M2308" s="10" t="s">
        <v>22</v>
      </c>
      <c r="N2308" s="10" t="s">
        <v>22</v>
      </c>
      <c r="O2308" s="10" t="s">
        <v>22</v>
      </c>
      <c r="P2308" s="10" t="s">
        <v>22</v>
      </c>
      <c r="Q2308" s="10" t="s">
        <v>22</v>
      </c>
      <c r="R2308" s="10" t="s">
        <v>22</v>
      </c>
      <c r="S2308" s="10" t="s">
        <v>22</v>
      </c>
      <c r="T2308" s="10" t="s">
        <v>22</v>
      </c>
      <c r="U2308" s="10" t="s">
        <v>22</v>
      </c>
      <c r="V2308" s="10" t="s">
        <v>22</v>
      </c>
      <c r="W2308" s="10" t="s">
        <v>22</v>
      </c>
      <c r="X2308" s="10" t="s">
        <v>22</v>
      </c>
      <c r="Y2308" s="10" t="s">
        <v>22</v>
      </c>
      <c r="Z2308" s="10" t="s">
        <v>22</v>
      </c>
    </row>
    <row r="2309" spans="1:26" ht="24" customHeight="1" x14ac:dyDescent="0.2">
      <c r="A2309" s="9" t="s">
        <v>19551</v>
      </c>
      <c r="B2309" s="9" t="s">
        <v>14</v>
      </c>
      <c r="C2309" s="9" t="s">
        <v>11045</v>
      </c>
      <c r="D2309" s="6" t="s">
        <v>11046</v>
      </c>
      <c r="E2309" s="22">
        <v>44333</v>
      </c>
      <c r="F2309" s="22">
        <v>46158</v>
      </c>
      <c r="G2309" s="6" t="s">
        <v>11047</v>
      </c>
      <c r="H2309" s="6" t="s">
        <v>202</v>
      </c>
      <c r="I2309" s="6" t="s">
        <v>336</v>
      </c>
      <c r="J2309" s="6" t="s">
        <v>11048</v>
      </c>
      <c r="K2309" s="9" t="s">
        <v>11049</v>
      </c>
      <c r="L2309" s="10" t="s">
        <v>22</v>
      </c>
      <c r="M2309" s="10" t="s">
        <v>22</v>
      </c>
      <c r="N2309" s="10" t="s">
        <v>22</v>
      </c>
      <c r="O2309" s="10" t="s">
        <v>22</v>
      </c>
      <c r="P2309" s="10" t="s">
        <v>22</v>
      </c>
      <c r="Q2309" s="10" t="s">
        <v>22</v>
      </c>
      <c r="R2309" s="10" t="s">
        <v>22</v>
      </c>
      <c r="S2309" s="10" t="s">
        <v>22</v>
      </c>
      <c r="T2309" s="10" t="s">
        <v>22</v>
      </c>
    </row>
    <row r="2310" spans="1:26" ht="24" customHeight="1" x14ac:dyDescent="0.2">
      <c r="A2310" s="9" t="s">
        <v>19552</v>
      </c>
      <c r="B2310" s="9" t="s">
        <v>14</v>
      </c>
      <c r="C2310" s="9" t="s">
        <v>11050</v>
      </c>
      <c r="D2310" s="6" t="s">
        <v>11051</v>
      </c>
      <c r="E2310" s="22">
        <v>44333</v>
      </c>
      <c r="F2310" s="22">
        <v>46158</v>
      </c>
      <c r="G2310" s="6" t="s">
        <v>11052</v>
      </c>
      <c r="H2310" s="6" t="s">
        <v>62</v>
      </c>
      <c r="I2310" s="6" t="s">
        <v>306</v>
      </c>
      <c r="J2310" s="6" t="s">
        <v>11053</v>
      </c>
      <c r="K2310" s="9" t="s">
        <v>11054</v>
      </c>
      <c r="L2310" s="10" t="s">
        <v>22</v>
      </c>
      <c r="M2310" s="10" t="s">
        <v>22</v>
      </c>
      <c r="N2310" s="10" t="s">
        <v>22</v>
      </c>
      <c r="O2310" s="10" t="s">
        <v>22</v>
      </c>
      <c r="P2310" s="10" t="s">
        <v>22</v>
      </c>
      <c r="Q2310" s="10" t="s">
        <v>22</v>
      </c>
      <c r="U2310" s="10" t="s">
        <v>22</v>
      </c>
      <c r="V2310" s="10" t="s">
        <v>22</v>
      </c>
      <c r="W2310" s="10" t="s">
        <v>22</v>
      </c>
      <c r="X2310" s="10" t="s">
        <v>22</v>
      </c>
      <c r="Y2310" s="10" t="s">
        <v>22</v>
      </c>
      <c r="Z2310" s="10" t="s">
        <v>22</v>
      </c>
    </row>
    <row r="2311" spans="1:26" ht="24" customHeight="1" x14ac:dyDescent="0.2">
      <c r="A2311" s="9" t="s">
        <v>19553</v>
      </c>
      <c r="B2311" s="9" t="s">
        <v>14</v>
      </c>
      <c r="C2311" s="9" t="s">
        <v>11055</v>
      </c>
      <c r="D2311" s="6" t="s">
        <v>11056</v>
      </c>
      <c r="E2311" s="22">
        <v>44334</v>
      </c>
      <c r="F2311" s="22">
        <v>46159</v>
      </c>
      <c r="G2311" s="6" t="s">
        <v>11057</v>
      </c>
      <c r="H2311" s="6" t="s">
        <v>62</v>
      </c>
      <c r="I2311" s="6" t="s">
        <v>312</v>
      </c>
      <c r="J2311" s="6" t="s">
        <v>11058</v>
      </c>
      <c r="K2311" s="9" t="s">
        <v>11059</v>
      </c>
      <c r="L2311" s="10" t="s">
        <v>22</v>
      </c>
      <c r="M2311" s="10" t="s">
        <v>22</v>
      </c>
      <c r="N2311" s="10" t="s">
        <v>22</v>
      </c>
      <c r="O2311" s="10" t="s">
        <v>22</v>
      </c>
      <c r="P2311" s="10" t="s">
        <v>22</v>
      </c>
      <c r="Q2311" s="10" t="s">
        <v>22</v>
      </c>
      <c r="R2311" s="10" t="s">
        <v>22</v>
      </c>
      <c r="S2311" s="10" t="s">
        <v>22</v>
      </c>
      <c r="T2311" s="10" t="s">
        <v>22</v>
      </c>
      <c r="U2311" s="10" t="s">
        <v>22</v>
      </c>
      <c r="V2311" s="10" t="s">
        <v>22</v>
      </c>
      <c r="W2311" s="10" t="s">
        <v>22</v>
      </c>
      <c r="X2311" s="10" t="s">
        <v>22</v>
      </c>
      <c r="Y2311" s="10" t="s">
        <v>22</v>
      </c>
      <c r="Z2311" s="10" t="s">
        <v>22</v>
      </c>
    </row>
    <row r="2312" spans="1:26" ht="24" customHeight="1" x14ac:dyDescent="0.2">
      <c r="A2312" s="9" t="s">
        <v>19554</v>
      </c>
      <c r="B2312" s="9" t="s">
        <v>14</v>
      </c>
      <c r="C2312" s="9" t="s">
        <v>11060</v>
      </c>
      <c r="D2312" s="6" t="s">
        <v>11061</v>
      </c>
      <c r="E2312" s="22">
        <v>44334</v>
      </c>
      <c r="F2312" s="22">
        <v>46159</v>
      </c>
      <c r="G2312" s="6" t="s">
        <v>11062</v>
      </c>
      <c r="H2312" s="6" t="s">
        <v>62</v>
      </c>
      <c r="I2312" s="6" t="s">
        <v>186</v>
      </c>
      <c r="J2312" s="6" t="s">
        <v>11063</v>
      </c>
      <c r="K2312" s="9" t="s">
        <v>11064</v>
      </c>
      <c r="L2312" s="10" t="s">
        <v>22</v>
      </c>
      <c r="M2312" s="10" t="s">
        <v>22</v>
      </c>
      <c r="N2312" s="10" t="s">
        <v>22</v>
      </c>
      <c r="O2312" s="10" t="s">
        <v>22</v>
      </c>
      <c r="P2312" s="10" t="s">
        <v>22</v>
      </c>
      <c r="Q2312" s="10" t="s">
        <v>22</v>
      </c>
      <c r="R2312" s="10" t="s">
        <v>22</v>
      </c>
      <c r="S2312" s="10" t="s">
        <v>22</v>
      </c>
      <c r="T2312" s="10" t="s">
        <v>22</v>
      </c>
      <c r="U2312" s="10" t="s">
        <v>22</v>
      </c>
      <c r="V2312" s="10" t="s">
        <v>22</v>
      </c>
      <c r="W2312" s="10" t="s">
        <v>22</v>
      </c>
      <c r="X2312" s="10" t="s">
        <v>22</v>
      </c>
      <c r="Y2312" s="10" t="s">
        <v>22</v>
      </c>
      <c r="Z2312" s="10" t="s">
        <v>22</v>
      </c>
    </row>
    <row r="2313" spans="1:26" ht="24" customHeight="1" x14ac:dyDescent="0.2">
      <c r="A2313" s="9" t="s">
        <v>19555</v>
      </c>
      <c r="B2313" s="9" t="s">
        <v>14</v>
      </c>
      <c r="C2313" s="9" t="s">
        <v>11065</v>
      </c>
      <c r="D2313" s="6" t="s">
        <v>11066</v>
      </c>
      <c r="E2313" s="22">
        <v>44334</v>
      </c>
      <c r="F2313" s="22">
        <v>46159</v>
      </c>
      <c r="G2313" s="6" t="s">
        <v>11067</v>
      </c>
      <c r="H2313" s="6" t="s">
        <v>202</v>
      </c>
      <c r="I2313" s="6" t="s">
        <v>441</v>
      </c>
      <c r="J2313" s="6" t="s">
        <v>11068</v>
      </c>
      <c r="K2313" s="9" t="s">
        <v>11069</v>
      </c>
      <c r="L2313" s="10" t="s">
        <v>22</v>
      </c>
      <c r="M2313" s="10" t="s">
        <v>22</v>
      </c>
      <c r="N2313" s="10" t="s">
        <v>22</v>
      </c>
      <c r="O2313" s="10" t="s">
        <v>22</v>
      </c>
      <c r="P2313" s="10" t="s">
        <v>22</v>
      </c>
      <c r="Q2313" s="10" t="s">
        <v>22</v>
      </c>
      <c r="R2313" s="10" t="s">
        <v>22</v>
      </c>
      <c r="S2313" s="10" t="s">
        <v>22</v>
      </c>
      <c r="T2313" s="10" t="s">
        <v>22</v>
      </c>
      <c r="U2313" s="10" t="s">
        <v>22</v>
      </c>
      <c r="V2313" s="10" t="s">
        <v>22</v>
      </c>
      <c r="W2313" s="10" t="s">
        <v>22</v>
      </c>
      <c r="X2313" s="10" t="s">
        <v>22</v>
      </c>
      <c r="Y2313" s="10" t="s">
        <v>22</v>
      </c>
      <c r="Z2313" s="10" t="s">
        <v>22</v>
      </c>
    </row>
    <row r="2314" spans="1:26" ht="24" customHeight="1" x14ac:dyDescent="0.2">
      <c r="A2314" s="9" t="s">
        <v>19556</v>
      </c>
      <c r="B2314" s="9" t="s">
        <v>14</v>
      </c>
      <c r="C2314" s="9" t="s">
        <v>11070</v>
      </c>
      <c r="D2314" s="6" t="s">
        <v>11071</v>
      </c>
      <c r="E2314" s="22">
        <v>44334</v>
      </c>
      <c r="F2314" s="22">
        <v>46159</v>
      </c>
      <c r="G2314" s="6" t="s">
        <v>11072</v>
      </c>
      <c r="H2314" s="6" t="s">
        <v>202</v>
      </c>
      <c r="I2314" s="6" t="s">
        <v>3026</v>
      </c>
      <c r="J2314" s="6" t="s">
        <v>11073</v>
      </c>
      <c r="L2314" s="10" t="s">
        <v>22</v>
      </c>
      <c r="M2314" s="10" t="s">
        <v>22</v>
      </c>
      <c r="N2314" s="10" t="s">
        <v>22</v>
      </c>
      <c r="O2314" s="10" t="s">
        <v>22</v>
      </c>
      <c r="P2314" s="10" t="s">
        <v>22</v>
      </c>
      <c r="Q2314" s="10" t="s">
        <v>22</v>
      </c>
      <c r="R2314" s="10" t="s">
        <v>22</v>
      </c>
      <c r="S2314" s="10" t="s">
        <v>22</v>
      </c>
      <c r="T2314" s="10" t="s">
        <v>22</v>
      </c>
      <c r="U2314" s="10" t="s">
        <v>22</v>
      </c>
      <c r="V2314" s="10" t="s">
        <v>22</v>
      </c>
      <c r="W2314" s="10" t="s">
        <v>22</v>
      </c>
      <c r="X2314" s="10" t="s">
        <v>22</v>
      </c>
      <c r="Y2314" s="10" t="s">
        <v>22</v>
      </c>
      <c r="Z2314" s="10" t="s">
        <v>22</v>
      </c>
    </row>
    <row r="2315" spans="1:26" ht="24" customHeight="1" x14ac:dyDescent="0.2">
      <c r="A2315" s="9" t="s">
        <v>19557</v>
      </c>
      <c r="B2315" s="9" t="s">
        <v>14</v>
      </c>
      <c r="C2315" s="9" t="s">
        <v>11074</v>
      </c>
      <c r="D2315" s="6" t="s">
        <v>11075</v>
      </c>
      <c r="E2315" s="22">
        <v>44344</v>
      </c>
      <c r="F2315" s="22">
        <v>46169</v>
      </c>
      <c r="G2315" s="6" t="s">
        <v>11076</v>
      </c>
      <c r="H2315" s="6" t="s">
        <v>18</v>
      </c>
      <c r="I2315" s="6" t="s">
        <v>19</v>
      </c>
      <c r="J2315" s="6" t="s">
        <v>11077</v>
      </c>
      <c r="K2315" s="9" t="s">
        <v>11078</v>
      </c>
      <c r="L2315" s="10" t="s">
        <v>22</v>
      </c>
      <c r="M2315" s="10" t="s">
        <v>22</v>
      </c>
      <c r="N2315" s="10" t="s">
        <v>22</v>
      </c>
      <c r="O2315" s="10" t="s">
        <v>22</v>
      </c>
      <c r="P2315" s="10" t="s">
        <v>22</v>
      </c>
      <c r="Q2315" s="10" t="s">
        <v>22</v>
      </c>
      <c r="R2315" s="10" t="s">
        <v>22</v>
      </c>
      <c r="S2315" s="10" t="s">
        <v>22</v>
      </c>
      <c r="T2315" s="10" t="s">
        <v>22</v>
      </c>
      <c r="U2315" s="10" t="s">
        <v>22</v>
      </c>
      <c r="V2315" s="10" t="s">
        <v>22</v>
      </c>
      <c r="W2315" s="10" t="s">
        <v>22</v>
      </c>
      <c r="X2315" s="10" t="s">
        <v>22</v>
      </c>
      <c r="Y2315" s="10" t="s">
        <v>22</v>
      </c>
      <c r="Z2315" s="10" t="s">
        <v>22</v>
      </c>
    </row>
    <row r="2316" spans="1:26" ht="34" customHeight="1" x14ac:dyDescent="0.2">
      <c r="A2316" s="9" t="s">
        <v>19558</v>
      </c>
      <c r="B2316" s="9" t="s">
        <v>14</v>
      </c>
      <c r="C2316" s="9" t="s">
        <v>11079</v>
      </c>
      <c r="D2316" s="6" t="s">
        <v>11080</v>
      </c>
      <c r="E2316" s="22">
        <v>44344</v>
      </c>
      <c r="F2316" s="22">
        <v>46169</v>
      </c>
      <c r="G2316" s="6" t="s">
        <v>11081</v>
      </c>
      <c r="H2316" s="6" t="s">
        <v>18</v>
      </c>
      <c r="I2316" s="6" t="s">
        <v>19</v>
      </c>
      <c r="J2316" s="6" t="s">
        <v>11082</v>
      </c>
      <c r="K2316" s="9" t="s">
        <v>11083</v>
      </c>
      <c r="L2316" s="10" t="s">
        <v>22</v>
      </c>
      <c r="M2316" s="10" t="s">
        <v>22</v>
      </c>
      <c r="N2316" s="10" t="s">
        <v>22</v>
      </c>
      <c r="O2316" s="10" t="s">
        <v>22</v>
      </c>
      <c r="P2316" s="10" t="s">
        <v>22</v>
      </c>
      <c r="Q2316" s="10" t="s">
        <v>22</v>
      </c>
      <c r="R2316" s="10" t="s">
        <v>22</v>
      </c>
      <c r="S2316" s="10" t="s">
        <v>22</v>
      </c>
      <c r="T2316" s="10" t="s">
        <v>22</v>
      </c>
      <c r="U2316" s="10" t="s">
        <v>22</v>
      </c>
      <c r="V2316" s="10" t="s">
        <v>22</v>
      </c>
      <c r="W2316" s="10" t="s">
        <v>22</v>
      </c>
      <c r="X2316" s="10" t="s">
        <v>22</v>
      </c>
      <c r="Y2316" s="10" t="s">
        <v>22</v>
      </c>
      <c r="Z2316" s="10" t="s">
        <v>22</v>
      </c>
    </row>
    <row r="2317" spans="1:26" ht="24" customHeight="1" x14ac:dyDescent="0.2">
      <c r="A2317" s="9" t="s">
        <v>19559</v>
      </c>
      <c r="B2317" s="9" t="s">
        <v>14</v>
      </c>
      <c r="C2317" s="9" t="s">
        <v>11084</v>
      </c>
      <c r="D2317" s="6" t="s">
        <v>11085</v>
      </c>
      <c r="E2317" s="22">
        <v>44344</v>
      </c>
      <c r="F2317" s="22">
        <v>46169</v>
      </c>
      <c r="G2317" s="6" t="s">
        <v>11086</v>
      </c>
      <c r="H2317" s="6" t="s">
        <v>62</v>
      </c>
      <c r="I2317" s="6" t="s">
        <v>493</v>
      </c>
      <c r="J2317" s="6" t="s">
        <v>11087</v>
      </c>
      <c r="K2317" s="9" t="s">
        <v>11088</v>
      </c>
      <c r="M2317" s="10" t="s">
        <v>22</v>
      </c>
      <c r="N2317" s="10" t="s">
        <v>22</v>
      </c>
      <c r="V2317" s="10" t="s">
        <v>22</v>
      </c>
      <c r="W2317" s="10" t="s">
        <v>22</v>
      </c>
    </row>
    <row r="2318" spans="1:26" ht="24" customHeight="1" x14ac:dyDescent="0.2">
      <c r="A2318" s="9" t="s">
        <v>19560</v>
      </c>
      <c r="B2318" s="9" t="s">
        <v>14</v>
      </c>
      <c r="C2318" s="9" t="s">
        <v>11089</v>
      </c>
      <c r="D2318" s="6" t="s">
        <v>11090</v>
      </c>
      <c r="E2318" s="22">
        <v>44344</v>
      </c>
      <c r="F2318" s="22">
        <v>46169</v>
      </c>
      <c r="G2318" s="6" t="s">
        <v>11091</v>
      </c>
      <c r="H2318" s="6" t="s">
        <v>62</v>
      </c>
      <c r="I2318" s="6" t="s">
        <v>551</v>
      </c>
      <c r="J2318" s="6" t="s">
        <v>11092</v>
      </c>
      <c r="K2318" s="9" t="s">
        <v>11093</v>
      </c>
      <c r="L2318" s="10" t="s">
        <v>22</v>
      </c>
      <c r="M2318" s="10" t="s">
        <v>22</v>
      </c>
      <c r="N2318" s="10" t="s">
        <v>22</v>
      </c>
      <c r="O2318" s="10" t="s">
        <v>22</v>
      </c>
      <c r="P2318" s="10" t="s">
        <v>22</v>
      </c>
      <c r="Q2318" s="10" t="s">
        <v>22</v>
      </c>
      <c r="R2318" s="10" t="s">
        <v>22</v>
      </c>
      <c r="S2318" s="10" t="s">
        <v>22</v>
      </c>
      <c r="T2318" s="10" t="s">
        <v>22</v>
      </c>
    </row>
    <row r="2319" spans="1:26" ht="24" customHeight="1" x14ac:dyDescent="0.2">
      <c r="A2319" s="9" t="s">
        <v>19561</v>
      </c>
      <c r="B2319" s="9" t="s">
        <v>14</v>
      </c>
      <c r="C2319" s="9" t="s">
        <v>11094</v>
      </c>
      <c r="D2319" s="6" t="s">
        <v>11095</v>
      </c>
      <c r="E2319" s="22">
        <v>44344</v>
      </c>
      <c r="F2319" s="22">
        <v>46169</v>
      </c>
      <c r="G2319" s="6" t="s">
        <v>11096</v>
      </c>
      <c r="H2319" s="6" t="s">
        <v>18</v>
      </c>
      <c r="I2319" s="6" t="s">
        <v>19</v>
      </c>
      <c r="J2319" s="6" t="s">
        <v>11097</v>
      </c>
      <c r="L2319" s="10" t="s">
        <v>22</v>
      </c>
      <c r="M2319" s="10" t="s">
        <v>22</v>
      </c>
      <c r="N2319" s="10" t="s">
        <v>22</v>
      </c>
      <c r="O2319" s="10" t="s">
        <v>22</v>
      </c>
      <c r="P2319" s="10" t="s">
        <v>22</v>
      </c>
      <c r="Q2319" s="10" t="s">
        <v>22</v>
      </c>
      <c r="R2319" s="10" t="s">
        <v>22</v>
      </c>
      <c r="S2319" s="10" t="s">
        <v>22</v>
      </c>
      <c r="T2319" s="10" t="s">
        <v>22</v>
      </c>
      <c r="U2319" s="10" t="s">
        <v>22</v>
      </c>
      <c r="V2319" s="10" t="s">
        <v>22</v>
      </c>
      <c r="W2319" s="10" t="s">
        <v>22</v>
      </c>
      <c r="X2319" s="10" t="s">
        <v>22</v>
      </c>
      <c r="Y2319" s="10" t="s">
        <v>22</v>
      </c>
      <c r="Z2319" s="10" t="s">
        <v>22</v>
      </c>
    </row>
    <row r="2320" spans="1:26" ht="24" customHeight="1" x14ac:dyDescent="0.2">
      <c r="A2320" s="9" t="s">
        <v>19562</v>
      </c>
      <c r="B2320" s="9" t="s">
        <v>14</v>
      </c>
      <c r="C2320" s="9" t="s">
        <v>11098</v>
      </c>
      <c r="D2320" s="6" t="s">
        <v>11099</v>
      </c>
      <c r="E2320" s="22">
        <v>44344</v>
      </c>
      <c r="F2320" s="22">
        <v>46169</v>
      </c>
      <c r="G2320" s="6" t="s">
        <v>11100</v>
      </c>
      <c r="H2320" s="6" t="s">
        <v>18</v>
      </c>
      <c r="I2320" s="6" t="s">
        <v>26</v>
      </c>
      <c r="J2320" s="6" t="s">
        <v>11101</v>
      </c>
      <c r="K2320" s="9" t="s">
        <v>11102</v>
      </c>
      <c r="L2320" s="10" t="s">
        <v>22</v>
      </c>
      <c r="M2320" s="10" t="s">
        <v>22</v>
      </c>
      <c r="N2320" s="10" t="s">
        <v>22</v>
      </c>
      <c r="O2320" s="10" t="s">
        <v>22</v>
      </c>
      <c r="P2320" s="10" t="s">
        <v>22</v>
      </c>
      <c r="Q2320" s="10" t="s">
        <v>22</v>
      </c>
      <c r="R2320" s="10" t="s">
        <v>22</v>
      </c>
      <c r="S2320" s="10" t="s">
        <v>22</v>
      </c>
      <c r="T2320" s="10" t="s">
        <v>22</v>
      </c>
      <c r="U2320" s="10" t="s">
        <v>22</v>
      </c>
      <c r="V2320" s="10" t="s">
        <v>22</v>
      </c>
      <c r="W2320" s="10" t="s">
        <v>22</v>
      </c>
      <c r="X2320" s="10" t="s">
        <v>22</v>
      </c>
      <c r="Y2320" s="10" t="s">
        <v>22</v>
      </c>
      <c r="Z2320" s="10" t="s">
        <v>22</v>
      </c>
    </row>
    <row r="2321" spans="1:26" ht="24" customHeight="1" x14ac:dyDescent="0.2">
      <c r="A2321" s="9" t="s">
        <v>19563</v>
      </c>
      <c r="B2321" s="9" t="s">
        <v>14</v>
      </c>
      <c r="C2321" s="9" t="s">
        <v>11103</v>
      </c>
      <c r="D2321" s="6" t="s">
        <v>11104</v>
      </c>
      <c r="E2321" s="22">
        <v>44349</v>
      </c>
      <c r="F2321" s="22">
        <v>46174</v>
      </c>
      <c r="G2321" s="6" t="s">
        <v>11105</v>
      </c>
      <c r="H2321" s="6" t="s">
        <v>363</v>
      </c>
      <c r="I2321" s="6" t="s">
        <v>558</v>
      </c>
      <c r="J2321" s="6" t="s">
        <v>11106</v>
      </c>
      <c r="K2321" s="9" t="s">
        <v>11107</v>
      </c>
      <c r="L2321" s="10" t="s">
        <v>22</v>
      </c>
      <c r="M2321" s="10" t="s">
        <v>22</v>
      </c>
      <c r="N2321" s="10" t="s">
        <v>22</v>
      </c>
      <c r="O2321" s="10" t="s">
        <v>22</v>
      </c>
      <c r="P2321" s="10" t="s">
        <v>22</v>
      </c>
      <c r="Q2321" s="10" t="s">
        <v>22</v>
      </c>
      <c r="R2321" s="10" t="s">
        <v>22</v>
      </c>
      <c r="S2321" s="10" t="s">
        <v>22</v>
      </c>
      <c r="T2321" s="10" t="s">
        <v>22</v>
      </c>
      <c r="U2321" s="10" t="s">
        <v>22</v>
      </c>
      <c r="V2321" s="10" t="s">
        <v>22</v>
      </c>
      <c r="W2321" s="10" t="s">
        <v>22</v>
      </c>
      <c r="X2321" s="10" t="s">
        <v>22</v>
      </c>
      <c r="Y2321" s="10" t="s">
        <v>22</v>
      </c>
      <c r="Z2321" s="10" t="s">
        <v>22</v>
      </c>
    </row>
    <row r="2322" spans="1:26" ht="24" customHeight="1" x14ac:dyDescent="0.2">
      <c r="A2322" s="9" t="s">
        <v>19564</v>
      </c>
      <c r="B2322" s="9" t="s">
        <v>14</v>
      </c>
      <c r="C2322" s="9" t="s">
        <v>11108</v>
      </c>
      <c r="D2322" s="6" t="s">
        <v>11109</v>
      </c>
      <c r="E2322" s="22">
        <v>44349</v>
      </c>
      <c r="F2322" s="22">
        <v>46174</v>
      </c>
      <c r="G2322" s="6" t="s">
        <v>11110</v>
      </c>
      <c r="H2322" s="6" t="s">
        <v>62</v>
      </c>
      <c r="I2322" s="6" t="s">
        <v>493</v>
      </c>
      <c r="J2322" s="6" t="s">
        <v>11111</v>
      </c>
      <c r="L2322" s="10" t="s">
        <v>22</v>
      </c>
      <c r="M2322" s="10" t="s">
        <v>22</v>
      </c>
      <c r="N2322" s="10" t="s">
        <v>22</v>
      </c>
      <c r="O2322" s="10" t="s">
        <v>22</v>
      </c>
      <c r="P2322" s="10" t="s">
        <v>22</v>
      </c>
      <c r="Q2322" s="10" t="s">
        <v>22</v>
      </c>
      <c r="U2322" s="10" t="s">
        <v>22</v>
      </c>
      <c r="V2322" s="10" t="s">
        <v>22</v>
      </c>
      <c r="W2322" s="10" t="s">
        <v>22</v>
      </c>
      <c r="X2322" s="10" t="s">
        <v>22</v>
      </c>
      <c r="Y2322" s="10" t="s">
        <v>22</v>
      </c>
      <c r="Z2322" s="10" t="s">
        <v>22</v>
      </c>
    </row>
    <row r="2323" spans="1:26" ht="24" customHeight="1" x14ac:dyDescent="0.2">
      <c r="A2323" s="9" t="s">
        <v>19565</v>
      </c>
      <c r="B2323" s="9" t="s">
        <v>14</v>
      </c>
      <c r="C2323" s="9" t="s">
        <v>11112</v>
      </c>
      <c r="D2323" s="6" t="s">
        <v>11113</v>
      </c>
      <c r="E2323" s="22">
        <v>44349</v>
      </c>
      <c r="F2323" s="22">
        <v>46174</v>
      </c>
      <c r="G2323" s="6" t="s">
        <v>11114</v>
      </c>
      <c r="H2323" s="6" t="s">
        <v>62</v>
      </c>
      <c r="I2323" s="6" t="s">
        <v>306</v>
      </c>
      <c r="J2323" s="6" t="s">
        <v>11115</v>
      </c>
      <c r="K2323" s="9" t="s">
        <v>11116</v>
      </c>
      <c r="L2323" s="10" t="s">
        <v>22</v>
      </c>
      <c r="M2323" s="10" t="s">
        <v>22</v>
      </c>
      <c r="N2323" s="10" t="s">
        <v>22</v>
      </c>
      <c r="O2323" s="10" t="s">
        <v>22</v>
      </c>
      <c r="P2323" s="10" t="s">
        <v>22</v>
      </c>
      <c r="Q2323" s="10" t="s">
        <v>22</v>
      </c>
      <c r="R2323" s="10" t="s">
        <v>22</v>
      </c>
      <c r="S2323" s="10" t="s">
        <v>22</v>
      </c>
      <c r="T2323" s="10" t="s">
        <v>22</v>
      </c>
      <c r="U2323" s="10" t="s">
        <v>22</v>
      </c>
      <c r="V2323" s="10" t="s">
        <v>22</v>
      </c>
      <c r="W2323" s="10" t="s">
        <v>22</v>
      </c>
      <c r="X2323" s="10" t="s">
        <v>22</v>
      </c>
      <c r="Y2323" s="10" t="s">
        <v>22</v>
      </c>
      <c r="Z2323" s="10" t="s">
        <v>22</v>
      </c>
    </row>
    <row r="2324" spans="1:26" ht="24" customHeight="1" x14ac:dyDescent="0.2">
      <c r="A2324" s="9" t="s">
        <v>19566</v>
      </c>
      <c r="B2324" s="9" t="s">
        <v>14</v>
      </c>
      <c r="C2324" s="9" t="s">
        <v>11117</v>
      </c>
      <c r="D2324" s="6" t="s">
        <v>11118</v>
      </c>
      <c r="E2324" s="22">
        <v>44349</v>
      </c>
      <c r="F2324" s="22">
        <v>46174</v>
      </c>
      <c r="G2324" s="6" t="s">
        <v>11119</v>
      </c>
      <c r="H2324" s="6" t="s">
        <v>7487</v>
      </c>
      <c r="I2324" s="6" t="s">
        <v>8183</v>
      </c>
      <c r="J2324" s="6" t="s">
        <v>11120</v>
      </c>
      <c r="K2324" s="9" t="s">
        <v>11121</v>
      </c>
      <c r="L2324" s="10" t="s">
        <v>22</v>
      </c>
      <c r="M2324" s="10" t="s">
        <v>22</v>
      </c>
      <c r="N2324" s="10" t="s">
        <v>22</v>
      </c>
      <c r="O2324" s="10" t="s">
        <v>22</v>
      </c>
      <c r="P2324" s="10" t="s">
        <v>22</v>
      </c>
      <c r="Q2324" s="10" t="s">
        <v>22</v>
      </c>
      <c r="R2324" s="10" t="s">
        <v>22</v>
      </c>
      <c r="S2324" s="10" t="s">
        <v>22</v>
      </c>
      <c r="T2324" s="10" t="s">
        <v>22</v>
      </c>
      <c r="U2324" s="10" t="s">
        <v>22</v>
      </c>
      <c r="V2324" s="10" t="s">
        <v>22</v>
      </c>
      <c r="W2324" s="10" t="s">
        <v>22</v>
      </c>
      <c r="X2324" s="10" t="s">
        <v>22</v>
      </c>
      <c r="Y2324" s="10" t="s">
        <v>22</v>
      </c>
      <c r="Z2324" s="10" t="s">
        <v>22</v>
      </c>
    </row>
    <row r="2325" spans="1:26" ht="24" customHeight="1" x14ac:dyDescent="0.2">
      <c r="A2325" s="9" t="s">
        <v>19567</v>
      </c>
      <c r="B2325" s="9" t="s">
        <v>14</v>
      </c>
      <c r="C2325" s="9" t="s">
        <v>11122</v>
      </c>
      <c r="D2325" s="6" t="s">
        <v>11123</v>
      </c>
      <c r="E2325" s="22">
        <v>44349</v>
      </c>
      <c r="F2325" s="22">
        <v>46174</v>
      </c>
      <c r="G2325" s="6" t="s">
        <v>11124</v>
      </c>
      <c r="H2325" s="6" t="s">
        <v>62</v>
      </c>
      <c r="I2325" s="6" t="s">
        <v>279</v>
      </c>
      <c r="J2325" s="6" t="s">
        <v>11125</v>
      </c>
      <c r="L2325" s="10" t="s">
        <v>22</v>
      </c>
      <c r="M2325" s="10" t="s">
        <v>22</v>
      </c>
      <c r="N2325" s="10" t="s">
        <v>22</v>
      </c>
      <c r="O2325" s="10" t="s">
        <v>22</v>
      </c>
      <c r="P2325" s="10" t="s">
        <v>22</v>
      </c>
      <c r="Q2325" s="10" t="s">
        <v>22</v>
      </c>
      <c r="R2325" s="10" t="s">
        <v>22</v>
      </c>
      <c r="S2325" s="10" t="s">
        <v>22</v>
      </c>
      <c r="T2325" s="10" t="s">
        <v>22</v>
      </c>
    </row>
    <row r="2326" spans="1:26" ht="24" customHeight="1" x14ac:dyDescent="0.2">
      <c r="A2326" s="9" t="s">
        <v>19568</v>
      </c>
      <c r="B2326" s="9" t="s">
        <v>14</v>
      </c>
      <c r="C2326" s="9" t="s">
        <v>11126</v>
      </c>
      <c r="D2326" s="6" t="s">
        <v>11127</v>
      </c>
      <c r="E2326" s="22">
        <v>44350</v>
      </c>
      <c r="F2326" s="22">
        <v>46175</v>
      </c>
      <c r="G2326" s="6" t="s">
        <v>11128</v>
      </c>
      <c r="H2326" s="6" t="s">
        <v>62</v>
      </c>
      <c r="I2326" s="6" t="s">
        <v>842</v>
      </c>
      <c r="J2326" s="6" t="s">
        <v>11129</v>
      </c>
      <c r="K2326" s="9" t="s">
        <v>11130</v>
      </c>
      <c r="L2326" s="10" t="s">
        <v>22</v>
      </c>
      <c r="M2326" s="10" t="s">
        <v>22</v>
      </c>
      <c r="N2326" s="10" t="s">
        <v>22</v>
      </c>
      <c r="O2326" s="10" t="s">
        <v>22</v>
      </c>
      <c r="P2326" s="10" t="s">
        <v>22</v>
      </c>
      <c r="Q2326" s="10" t="s">
        <v>22</v>
      </c>
      <c r="R2326" s="10" t="s">
        <v>22</v>
      </c>
      <c r="S2326" s="10" t="s">
        <v>22</v>
      </c>
      <c r="T2326" s="10" t="s">
        <v>22</v>
      </c>
      <c r="U2326" s="10" t="s">
        <v>22</v>
      </c>
      <c r="V2326" s="10" t="s">
        <v>22</v>
      </c>
      <c r="W2326" s="10" t="s">
        <v>22</v>
      </c>
      <c r="X2326" s="10" t="s">
        <v>22</v>
      </c>
      <c r="Y2326" s="10" t="s">
        <v>22</v>
      </c>
      <c r="Z2326" s="10" t="s">
        <v>22</v>
      </c>
    </row>
    <row r="2327" spans="1:26" ht="24" customHeight="1" x14ac:dyDescent="0.2">
      <c r="A2327" s="9" t="s">
        <v>19569</v>
      </c>
      <c r="B2327" s="9" t="s">
        <v>14</v>
      </c>
      <c r="C2327" s="9" t="s">
        <v>11131</v>
      </c>
      <c r="D2327" s="6" t="s">
        <v>11132</v>
      </c>
      <c r="E2327" s="22">
        <v>44354</v>
      </c>
      <c r="F2327" s="22">
        <v>46179</v>
      </c>
      <c r="G2327" s="6" t="s">
        <v>11133</v>
      </c>
      <c r="H2327" s="6" t="s">
        <v>229</v>
      </c>
      <c r="I2327" s="6" t="s">
        <v>4848</v>
      </c>
      <c r="J2327" s="6" t="s">
        <v>11134</v>
      </c>
      <c r="K2327" s="9" t="s">
        <v>11135</v>
      </c>
      <c r="L2327" s="10" t="s">
        <v>22</v>
      </c>
      <c r="M2327" s="10" t="s">
        <v>22</v>
      </c>
      <c r="N2327" s="10" t="s">
        <v>22</v>
      </c>
      <c r="O2327" s="10" t="s">
        <v>22</v>
      </c>
      <c r="P2327" s="10" t="s">
        <v>22</v>
      </c>
      <c r="Q2327" s="10" t="s">
        <v>22</v>
      </c>
      <c r="R2327" s="10" t="s">
        <v>22</v>
      </c>
      <c r="S2327" s="10" t="s">
        <v>22</v>
      </c>
      <c r="T2327" s="10" t="s">
        <v>22</v>
      </c>
      <c r="U2327" s="10" t="s">
        <v>22</v>
      </c>
      <c r="V2327" s="10" t="s">
        <v>22</v>
      </c>
      <c r="W2327" s="10" t="s">
        <v>22</v>
      </c>
      <c r="X2327" s="10" t="s">
        <v>22</v>
      </c>
      <c r="Y2327" s="10" t="s">
        <v>22</v>
      </c>
      <c r="Z2327" s="10" t="s">
        <v>22</v>
      </c>
    </row>
    <row r="2328" spans="1:26" ht="24" customHeight="1" x14ac:dyDescent="0.2">
      <c r="A2328" s="9" t="s">
        <v>19570</v>
      </c>
      <c r="B2328" s="9" t="s">
        <v>14</v>
      </c>
      <c r="C2328" s="9" t="s">
        <v>11136</v>
      </c>
      <c r="D2328" s="6" t="s">
        <v>11137</v>
      </c>
      <c r="E2328" s="22">
        <v>44356</v>
      </c>
      <c r="F2328" s="22">
        <v>46181</v>
      </c>
      <c r="G2328" s="6" t="s">
        <v>11138</v>
      </c>
      <c r="H2328" s="6" t="s">
        <v>18</v>
      </c>
      <c r="I2328" s="6" t="s">
        <v>19</v>
      </c>
      <c r="J2328" s="6" t="s">
        <v>11139</v>
      </c>
      <c r="K2328" s="9" t="s">
        <v>11140</v>
      </c>
      <c r="L2328" s="10" t="s">
        <v>22</v>
      </c>
      <c r="M2328" s="10" t="s">
        <v>22</v>
      </c>
      <c r="N2328" s="10" t="s">
        <v>22</v>
      </c>
      <c r="O2328" s="10" t="s">
        <v>22</v>
      </c>
      <c r="P2328" s="10" t="s">
        <v>22</v>
      </c>
      <c r="Q2328" s="10" t="s">
        <v>22</v>
      </c>
      <c r="R2328" s="10" t="s">
        <v>22</v>
      </c>
      <c r="S2328" s="10" t="s">
        <v>22</v>
      </c>
      <c r="T2328" s="10" t="s">
        <v>22</v>
      </c>
      <c r="U2328" s="10" t="s">
        <v>22</v>
      </c>
      <c r="V2328" s="10" t="s">
        <v>22</v>
      </c>
      <c r="W2328" s="10" t="s">
        <v>22</v>
      </c>
      <c r="X2328" s="10" t="s">
        <v>22</v>
      </c>
      <c r="Y2328" s="10" t="s">
        <v>22</v>
      </c>
      <c r="Z2328" s="10" t="s">
        <v>22</v>
      </c>
    </row>
    <row r="2329" spans="1:26" ht="24" customHeight="1" x14ac:dyDescent="0.2">
      <c r="A2329" s="9" t="s">
        <v>19571</v>
      </c>
      <c r="B2329" s="9" t="s">
        <v>14</v>
      </c>
      <c r="C2329" s="9" t="s">
        <v>11141</v>
      </c>
      <c r="D2329" s="6" t="s">
        <v>11142</v>
      </c>
      <c r="E2329" s="22">
        <v>44356</v>
      </c>
      <c r="F2329" s="22">
        <v>46181</v>
      </c>
      <c r="G2329" s="6" t="s">
        <v>11143</v>
      </c>
      <c r="H2329" s="6" t="s">
        <v>62</v>
      </c>
      <c r="I2329" s="6" t="s">
        <v>312</v>
      </c>
      <c r="J2329" s="6" t="s">
        <v>11144</v>
      </c>
      <c r="K2329" s="9" t="s">
        <v>11145</v>
      </c>
      <c r="L2329" s="10" t="s">
        <v>22</v>
      </c>
      <c r="N2329" s="10" t="s">
        <v>22</v>
      </c>
      <c r="O2329" s="10" t="s">
        <v>22</v>
      </c>
      <c r="Q2329" s="10" t="s">
        <v>22</v>
      </c>
      <c r="U2329" s="10" t="s">
        <v>22</v>
      </c>
      <c r="W2329" s="10" t="s">
        <v>22</v>
      </c>
      <c r="X2329" s="10" t="s">
        <v>22</v>
      </c>
      <c r="Z2329" s="10" t="s">
        <v>22</v>
      </c>
    </row>
    <row r="2330" spans="1:26" ht="24" customHeight="1" x14ac:dyDescent="0.2">
      <c r="A2330" s="9" t="s">
        <v>19572</v>
      </c>
      <c r="B2330" s="9" t="s">
        <v>14</v>
      </c>
      <c r="C2330" s="9" t="s">
        <v>11146</v>
      </c>
      <c r="D2330" s="6" t="s">
        <v>11147</v>
      </c>
      <c r="E2330" s="22">
        <v>44361</v>
      </c>
      <c r="F2330" s="22">
        <v>46186</v>
      </c>
      <c r="G2330" s="6" t="s">
        <v>11148</v>
      </c>
      <c r="H2330" s="6" t="s">
        <v>62</v>
      </c>
      <c r="I2330" s="6" t="s">
        <v>414</v>
      </c>
      <c r="J2330" s="6" t="s">
        <v>11149</v>
      </c>
      <c r="K2330" s="9" t="s">
        <v>11150</v>
      </c>
      <c r="L2330" s="10" t="s">
        <v>22</v>
      </c>
      <c r="M2330" s="10" t="s">
        <v>22</v>
      </c>
      <c r="N2330" s="10" t="s">
        <v>22</v>
      </c>
      <c r="O2330" s="10" t="s">
        <v>22</v>
      </c>
      <c r="P2330" s="10" t="s">
        <v>22</v>
      </c>
      <c r="Q2330" s="10" t="s">
        <v>22</v>
      </c>
      <c r="R2330" s="10" t="s">
        <v>22</v>
      </c>
      <c r="S2330" s="10" t="s">
        <v>22</v>
      </c>
      <c r="T2330" s="10" t="s">
        <v>22</v>
      </c>
      <c r="U2330" s="10" t="s">
        <v>22</v>
      </c>
      <c r="V2330" s="10" t="s">
        <v>22</v>
      </c>
      <c r="W2330" s="10" t="s">
        <v>22</v>
      </c>
      <c r="X2330" s="10" t="s">
        <v>22</v>
      </c>
      <c r="Y2330" s="10" t="s">
        <v>22</v>
      </c>
      <c r="Z2330" s="10" t="s">
        <v>22</v>
      </c>
    </row>
    <row r="2331" spans="1:26" ht="24" customHeight="1" x14ac:dyDescent="0.2">
      <c r="A2331" s="9" t="s">
        <v>19573</v>
      </c>
      <c r="B2331" s="9" t="s">
        <v>14</v>
      </c>
      <c r="C2331" s="9" t="s">
        <v>11151</v>
      </c>
      <c r="D2331" s="6" t="s">
        <v>11152</v>
      </c>
      <c r="E2331" s="22">
        <v>44361</v>
      </c>
      <c r="F2331" s="22">
        <v>46186</v>
      </c>
      <c r="G2331" s="6" t="s">
        <v>11153</v>
      </c>
      <c r="H2331" s="6" t="s">
        <v>202</v>
      </c>
      <c r="I2331" s="6" t="s">
        <v>441</v>
      </c>
      <c r="J2331" s="6" t="s">
        <v>11154</v>
      </c>
      <c r="K2331" s="9" t="s">
        <v>11155</v>
      </c>
      <c r="L2331" s="10" t="s">
        <v>22</v>
      </c>
      <c r="M2331" s="10" t="s">
        <v>22</v>
      </c>
      <c r="N2331" s="10" t="s">
        <v>22</v>
      </c>
      <c r="O2331" s="10" t="s">
        <v>22</v>
      </c>
      <c r="P2331" s="10" t="s">
        <v>22</v>
      </c>
      <c r="Q2331" s="10" t="s">
        <v>22</v>
      </c>
      <c r="R2331" s="10" t="s">
        <v>22</v>
      </c>
      <c r="S2331" s="10" t="s">
        <v>22</v>
      </c>
      <c r="T2331" s="10" t="s">
        <v>22</v>
      </c>
      <c r="U2331" s="10" t="s">
        <v>22</v>
      </c>
      <c r="V2331" s="10" t="s">
        <v>22</v>
      </c>
      <c r="W2331" s="10" t="s">
        <v>22</v>
      </c>
      <c r="X2331" s="10" t="s">
        <v>22</v>
      </c>
      <c r="Y2331" s="10" t="s">
        <v>22</v>
      </c>
      <c r="Z2331" s="10" t="s">
        <v>22</v>
      </c>
    </row>
    <row r="2332" spans="1:26" ht="24" customHeight="1" x14ac:dyDescent="0.2">
      <c r="A2332" s="9" t="s">
        <v>19574</v>
      </c>
      <c r="B2332" s="9" t="s">
        <v>14</v>
      </c>
      <c r="C2332" s="9" t="s">
        <v>11156</v>
      </c>
      <c r="D2332" s="6" t="s">
        <v>11157</v>
      </c>
      <c r="E2332" s="22">
        <v>44364</v>
      </c>
      <c r="F2332" s="22">
        <v>46189</v>
      </c>
      <c r="G2332" s="6" t="s">
        <v>16275</v>
      </c>
      <c r="H2332" s="6" t="s">
        <v>4409</v>
      </c>
      <c r="I2332" s="6" t="s">
        <v>7132</v>
      </c>
      <c r="J2332" s="6" t="s">
        <v>11158</v>
      </c>
      <c r="K2332" s="9" t="s">
        <v>11159</v>
      </c>
      <c r="L2332" s="10" t="s">
        <v>22</v>
      </c>
      <c r="M2332" s="10" t="s">
        <v>22</v>
      </c>
      <c r="N2332" s="10" t="s">
        <v>22</v>
      </c>
      <c r="O2332" s="10" t="s">
        <v>22</v>
      </c>
      <c r="P2332" s="10" t="s">
        <v>22</v>
      </c>
      <c r="Q2332" s="10" t="s">
        <v>22</v>
      </c>
      <c r="R2332" s="10" t="s">
        <v>22</v>
      </c>
      <c r="S2332" s="10" t="s">
        <v>22</v>
      </c>
      <c r="T2332" s="10" t="s">
        <v>22</v>
      </c>
      <c r="U2332" s="10" t="s">
        <v>22</v>
      </c>
      <c r="V2332" s="10" t="s">
        <v>22</v>
      </c>
      <c r="W2332" s="10" t="s">
        <v>22</v>
      </c>
      <c r="X2332" s="10" t="s">
        <v>22</v>
      </c>
      <c r="Y2332" s="10" t="s">
        <v>22</v>
      </c>
      <c r="Z2332" s="10" t="s">
        <v>22</v>
      </c>
    </row>
    <row r="2333" spans="1:26" ht="24" customHeight="1" x14ac:dyDescent="0.2">
      <c r="A2333" s="9" t="s">
        <v>19575</v>
      </c>
      <c r="B2333" s="9" t="s">
        <v>14</v>
      </c>
      <c r="C2333" s="9" t="s">
        <v>11156</v>
      </c>
      <c r="D2333" s="6" t="s">
        <v>11157</v>
      </c>
      <c r="E2333" s="22">
        <v>44364</v>
      </c>
      <c r="F2333" s="22">
        <v>46189</v>
      </c>
      <c r="G2333" s="6" t="s">
        <v>16276</v>
      </c>
      <c r="H2333" s="6" t="s">
        <v>2368</v>
      </c>
      <c r="I2333" s="6" t="s">
        <v>2369</v>
      </c>
      <c r="J2333" s="6" t="s">
        <v>11160</v>
      </c>
      <c r="K2333" s="9" t="s">
        <v>11161</v>
      </c>
      <c r="L2333" s="10" t="s">
        <v>22</v>
      </c>
      <c r="M2333" s="10" t="s">
        <v>22</v>
      </c>
      <c r="N2333" s="10" t="s">
        <v>22</v>
      </c>
      <c r="O2333" s="10" t="s">
        <v>22</v>
      </c>
      <c r="P2333" s="10" t="s">
        <v>22</v>
      </c>
      <c r="Q2333" s="10" t="s">
        <v>22</v>
      </c>
      <c r="R2333" s="10" t="s">
        <v>22</v>
      </c>
      <c r="S2333" s="10" t="s">
        <v>22</v>
      </c>
      <c r="T2333" s="10" t="s">
        <v>22</v>
      </c>
      <c r="U2333" s="10" t="s">
        <v>22</v>
      </c>
      <c r="V2333" s="10" t="s">
        <v>22</v>
      </c>
      <c r="W2333" s="10" t="s">
        <v>22</v>
      </c>
      <c r="X2333" s="10" t="s">
        <v>22</v>
      </c>
      <c r="Y2333" s="10" t="s">
        <v>22</v>
      </c>
      <c r="Z2333" s="10" t="s">
        <v>22</v>
      </c>
    </row>
    <row r="2334" spans="1:26" ht="24" customHeight="1" x14ac:dyDescent="0.2">
      <c r="A2334" s="9" t="s">
        <v>19576</v>
      </c>
      <c r="B2334" s="9" t="s">
        <v>14</v>
      </c>
      <c r="C2334" s="9" t="s">
        <v>11156</v>
      </c>
      <c r="D2334" s="6" t="s">
        <v>11157</v>
      </c>
      <c r="E2334" s="22">
        <v>44364</v>
      </c>
      <c r="F2334" s="22">
        <v>46189</v>
      </c>
      <c r="G2334" s="6" t="s">
        <v>11162</v>
      </c>
      <c r="H2334" s="6" t="s">
        <v>62</v>
      </c>
      <c r="I2334" s="6" t="s">
        <v>1141</v>
      </c>
      <c r="J2334" s="6" t="s">
        <v>16277</v>
      </c>
      <c r="K2334" s="9" t="s">
        <v>16278</v>
      </c>
      <c r="L2334" s="10" t="s">
        <v>22</v>
      </c>
      <c r="M2334" s="10" t="s">
        <v>22</v>
      </c>
      <c r="N2334" s="10" t="s">
        <v>22</v>
      </c>
      <c r="O2334" s="10" t="s">
        <v>22</v>
      </c>
      <c r="P2334" s="10" t="s">
        <v>22</v>
      </c>
      <c r="Q2334" s="10" t="s">
        <v>22</v>
      </c>
      <c r="R2334" s="10" t="s">
        <v>22</v>
      </c>
      <c r="S2334" s="10" t="s">
        <v>22</v>
      </c>
      <c r="T2334" s="10" t="s">
        <v>22</v>
      </c>
      <c r="U2334" s="10" t="s">
        <v>22</v>
      </c>
      <c r="V2334" s="10" t="s">
        <v>22</v>
      </c>
      <c r="W2334" s="10" t="s">
        <v>22</v>
      </c>
      <c r="X2334" s="10" t="s">
        <v>22</v>
      </c>
      <c r="Y2334" s="10" t="s">
        <v>22</v>
      </c>
      <c r="Z2334" s="10" t="s">
        <v>22</v>
      </c>
    </row>
    <row r="2335" spans="1:26" ht="24" customHeight="1" x14ac:dyDescent="0.2">
      <c r="A2335" s="9" t="s">
        <v>19577</v>
      </c>
      <c r="B2335" s="9" t="s">
        <v>14</v>
      </c>
      <c r="C2335" s="9" t="s">
        <v>11163</v>
      </c>
      <c r="D2335" s="6" t="s">
        <v>11164</v>
      </c>
      <c r="E2335" s="22">
        <v>44369</v>
      </c>
      <c r="F2335" s="22">
        <v>46194</v>
      </c>
      <c r="G2335" s="6" t="s">
        <v>11165</v>
      </c>
      <c r="H2335" s="6" t="s">
        <v>363</v>
      </c>
      <c r="I2335" s="6" t="s">
        <v>5754</v>
      </c>
      <c r="J2335" s="6" t="s">
        <v>11166</v>
      </c>
      <c r="K2335" s="9" t="s">
        <v>11167</v>
      </c>
      <c r="M2335" s="10" t="s">
        <v>22</v>
      </c>
      <c r="N2335" s="10" t="s">
        <v>22</v>
      </c>
      <c r="P2335" s="10" t="s">
        <v>22</v>
      </c>
      <c r="Q2335" s="10" t="s">
        <v>22</v>
      </c>
      <c r="S2335" s="10" t="s">
        <v>22</v>
      </c>
      <c r="T2335" s="10" t="s">
        <v>22</v>
      </c>
      <c r="V2335" s="10" t="s">
        <v>22</v>
      </c>
      <c r="W2335" s="10" t="s">
        <v>22</v>
      </c>
      <c r="Y2335" s="10" t="s">
        <v>22</v>
      </c>
      <c r="Z2335" s="10" t="s">
        <v>22</v>
      </c>
    </row>
    <row r="2336" spans="1:26" ht="24" customHeight="1" x14ac:dyDescent="0.2">
      <c r="A2336" s="9" t="s">
        <v>19578</v>
      </c>
      <c r="B2336" s="9" t="s">
        <v>14</v>
      </c>
      <c r="C2336" s="9" t="s">
        <v>11168</v>
      </c>
      <c r="D2336" s="6" t="s">
        <v>11169</v>
      </c>
      <c r="E2336" s="22">
        <v>44369</v>
      </c>
      <c r="F2336" s="22">
        <v>46194</v>
      </c>
      <c r="G2336" s="6" t="s">
        <v>11170</v>
      </c>
      <c r="H2336" s="6" t="s">
        <v>18</v>
      </c>
      <c r="I2336" s="6" t="s">
        <v>19</v>
      </c>
      <c r="J2336" s="6" t="s">
        <v>11171</v>
      </c>
      <c r="K2336" s="9" t="s">
        <v>11172</v>
      </c>
      <c r="L2336" s="10" t="s">
        <v>22</v>
      </c>
      <c r="M2336" s="10" t="s">
        <v>22</v>
      </c>
      <c r="N2336" s="10" t="s">
        <v>22</v>
      </c>
      <c r="O2336" s="10" t="s">
        <v>22</v>
      </c>
      <c r="P2336" s="10" t="s">
        <v>22</v>
      </c>
      <c r="Q2336" s="10" t="s">
        <v>22</v>
      </c>
      <c r="R2336" s="10" t="s">
        <v>22</v>
      </c>
      <c r="S2336" s="10" t="s">
        <v>22</v>
      </c>
      <c r="T2336" s="10" t="s">
        <v>22</v>
      </c>
    </row>
    <row r="2337" spans="1:26" ht="24" customHeight="1" x14ac:dyDescent="0.2">
      <c r="A2337" s="9" t="s">
        <v>19579</v>
      </c>
      <c r="B2337" s="9" t="s">
        <v>14</v>
      </c>
      <c r="C2337" s="9" t="s">
        <v>11173</v>
      </c>
      <c r="D2337" s="6" t="s">
        <v>11174</v>
      </c>
      <c r="E2337" s="22">
        <v>44370</v>
      </c>
      <c r="F2337" s="22">
        <v>46195</v>
      </c>
      <c r="G2337" s="6" t="s">
        <v>11175</v>
      </c>
      <c r="H2337" s="6" t="s">
        <v>62</v>
      </c>
      <c r="I2337" s="6" t="s">
        <v>493</v>
      </c>
      <c r="J2337" s="6" t="s">
        <v>11176</v>
      </c>
      <c r="K2337" s="9" t="s">
        <v>11177</v>
      </c>
      <c r="L2337" s="10" t="s">
        <v>22</v>
      </c>
      <c r="M2337" s="10" t="s">
        <v>22</v>
      </c>
      <c r="N2337" s="10" t="s">
        <v>22</v>
      </c>
      <c r="O2337" s="10" t="s">
        <v>22</v>
      </c>
      <c r="P2337" s="10" t="s">
        <v>22</v>
      </c>
      <c r="Q2337" s="10" t="s">
        <v>22</v>
      </c>
      <c r="R2337" s="10" t="s">
        <v>22</v>
      </c>
      <c r="S2337" s="10" t="s">
        <v>22</v>
      </c>
      <c r="T2337" s="10" t="s">
        <v>22</v>
      </c>
      <c r="U2337" s="10" t="s">
        <v>22</v>
      </c>
      <c r="V2337" s="10" t="s">
        <v>22</v>
      </c>
      <c r="W2337" s="10" t="s">
        <v>22</v>
      </c>
      <c r="X2337" s="10" t="s">
        <v>22</v>
      </c>
      <c r="Y2337" s="10" t="s">
        <v>22</v>
      </c>
      <c r="Z2337" s="10" t="s">
        <v>22</v>
      </c>
    </row>
    <row r="2338" spans="1:26" ht="24" customHeight="1" x14ac:dyDescent="0.2">
      <c r="A2338" s="9" t="s">
        <v>19580</v>
      </c>
      <c r="B2338" s="9" t="s">
        <v>14</v>
      </c>
      <c r="C2338" s="9" t="s">
        <v>11178</v>
      </c>
      <c r="D2338" s="6" t="s">
        <v>11179</v>
      </c>
      <c r="E2338" s="22">
        <v>44369</v>
      </c>
      <c r="F2338" s="22">
        <v>46194</v>
      </c>
      <c r="G2338" s="6" t="s">
        <v>11180</v>
      </c>
      <c r="H2338" s="6" t="s">
        <v>62</v>
      </c>
      <c r="I2338" s="6" t="s">
        <v>306</v>
      </c>
      <c r="J2338" s="6" t="s">
        <v>11181</v>
      </c>
      <c r="L2338" s="10" t="s">
        <v>22</v>
      </c>
      <c r="M2338" s="10" t="s">
        <v>22</v>
      </c>
      <c r="N2338" s="10" t="s">
        <v>22</v>
      </c>
      <c r="O2338" s="10" t="s">
        <v>22</v>
      </c>
      <c r="P2338" s="10" t="s">
        <v>22</v>
      </c>
      <c r="Q2338" s="10" t="s">
        <v>22</v>
      </c>
      <c r="R2338" s="10" t="s">
        <v>22</v>
      </c>
      <c r="S2338" s="10" t="s">
        <v>22</v>
      </c>
      <c r="T2338" s="10" t="s">
        <v>22</v>
      </c>
      <c r="U2338" s="10" t="s">
        <v>22</v>
      </c>
      <c r="V2338" s="10" t="s">
        <v>22</v>
      </c>
      <c r="W2338" s="10" t="s">
        <v>22</v>
      </c>
      <c r="X2338" s="10" t="s">
        <v>22</v>
      </c>
      <c r="Y2338" s="10" t="s">
        <v>22</v>
      </c>
      <c r="Z2338" s="10" t="s">
        <v>22</v>
      </c>
    </row>
    <row r="2339" spans="1:26" ht="24" customHeight="1" x14ac:dyDescent="0.2">
      <c r="A2339" s="9" t="s">
        <v>19581</v>
      </c>
      <c r="B2339" s="9" t="s">
        <v>14</v>
      </c>
      <c r="C2339" s="9" t="s">
        <v>11182</v>
      </c>
      <c r="D2339" s="6" t="s">
        <v>11183</v>
      </c>
      <c r="E2339" s="22">
        <v>44372</v>
      </c>
      <c r="F2339" s="22">
        <v>46197</v>
      </c>
      <c r="G2339" s="6" t="s">
        <v>11184</v>
      </c>
      <c r="H2339" s="6" t="s">
        <v>62</v>
      </c>
      <c r="I2339" s="6" t="s">
        <v>306</v>
      </c>
      <c r="J2339" s="6" t="s">
        <v>11185</v>
      </c>
      <c r="K2339" s="9" t="s">
        <v>11186</v>
      </c>
      <c r="L2339" s="10" t="s">
        <v>22</v>
      </c>
      <c r="M2339" s="10" t="s">
        <v>22</v>
      </c>
      <c r="N2339" s="10" t="s">
        <v>22</v>
      </c>
      <c r="O2339" s="10" t="s">
        <v>22</v>
      </c>
      <c r="P2339" s="10" t="s">
        <v>22</v>
      </c>
      <c r="Q2339" s="10" t="s">
        <v>22</v>
      </c>
      <c r="R2339" s="10" t="s">
        <v>22</v>
      </c>
      <c r="S2339" s="10" t="s">
        <v>22</v>
      </c>
      <c r="T2339" s="10" t="s">
        <v>22</v>
      </c>
      <c r="U2339" s="10" t="s">
        <v>22</v>
      </c>
      <c r="V2339" s="10" t="s">
        <v>22</v>
      </c>
      <c r="W2339" s="10" t="s">
        <v>22</v>
      </c>
      <c r="X2339" s="10" t="s">
        <v>22</v>
      </c>
      <c r="Y2339" s="10" t="s">
        <v>22</v>
      </c>
      <c r="Z2339" s="10" t="s">
        <v>22</v>
      </c>
    </row>
    <row r="2340" spans="1:26" ht="24" customHeight="1" x14ac:dyDescent="0.2">
      <c r="A2340" s="9" t="s">
        <v>19582</v>
      </c>
      <c r="B2340" s="9" t="s">
        <v>14</v>
      </c>
      <c r="C2340" s="9" t="s">
        <v>11187</v>
      </c>
      <c r="D2340" s="6" t="s">
        <v>10810</v>
      </c>
      <c r="E2340" s="22">
        <v>44375</v>
      </c>
      <c r="F2340" s="22">
        <v>46200</v>
      </c>
      <c r="G2340" s="6" t="s">
        <v>10811</v>
      </c>
      <c r="H2340" s="6" t="s">
        <v>202</v>
      </c>
      <c r="I2340" s="6" t="s">
        <v>3050</v>
      </c>
      <c r="J2340" s="6" t="s">
        <v>11188</v>
      </c>
      <c r="K2340" s="9" t="s">
        <v>11189</v>
      </c>
      <c r="L2340" s="10" t="s">
        <v>22</v>
      </c>
      <c r="M2340" s="10" t="s">
        <v>22</v>
      </c>
      <c r="N2340" s="10" t="s">
        <v>22</v>
      </c>
      <c r="O2340" s="10" t="s">
        <v>22</v>
      </c>
      <c r="P2340" s="10" t="s">
        <v>22</v>
      </c>
      <c r="Q2340" s="10" t="s">
        <v>22</v>
      </c>
    </row>
    <row r="2341" spans="1:26" ht="24" customHeight="1" x14ac:dyDescent="0.2">
      <c r="A2341" s="9" t="s">
        <v>19583</v>
      </c>
      <c r="B2341" s="9" t="s">
        <v>14</v>
      </c>
      <c r="C2341" s="9" t="s">
        <v>11190</v>
      </c>
      <c r="D2341" s="6" t="s">
        <v>11191</v>
      </c>
      <c r="E2341" s="22">
        <v>44375</v>
      </c>
      <c r="F2341" s="22">
        <v>46200</v>
      </c>
      <c r="G2341" s="6" t="s">
        <v>11192</v>
      </c>
      <c r="H2341" s="6" t="s">
        <v>202</v>
      </c>
      <c r="I2341" s="6" t="s">
        <v>2992</v>
      </c>
      <c r="J2341" s="6" t="s">
        <v>11193</v>
      </c>
      <c r="K2341" s="9" t="s">
        <v>11194</v>
      </c>
      <c r="L2341" s="10" t="s">
        <v>22</v>
      </c>
      <c r="M2341" s="10" t="s">
        <v>22</v>
      </c>
      <c r="N2341" s="10" t="s">
        <v>22</v>
      </c>
      <c r="O2341" s="10" t="s">
        <v>22</v>
      </c>
      <c r="P2341" s="10" t="s">
        <v>22</v>
      </c>
      <c r="Q2341" s="10" t="s">
        <v>22</v>
      </c>
      <c r="R2341" s="10" t="s">
        <v>22</v>
      </c>
      <c r="S2341" s="10" t="s">
        <v>22</v>
      </c>
      <c r="T2341" s="10" t="s">
        <v>22</v>
      </c>
    </row>
    <row r="2342" spans="1:26" ht="24" customHeight="1" x14ac:dyDescent="0.2">
      <c r="A2342" s="9" t="s">
        <v>19584</v>
      </c>
      <c r="B2342" s="9" t="s">
        <v>14</v>
      </c>
      <c r="C2342" s="9" t="s">
        <v>11195</v>
      </c>
      <c r="D2342" s="6" t="s">
        <v>11196</v>
      </c>
      <c r="E2342" s="22">
        <v>44375</v>
      </c>
      <c r="F2342" s="22">
        <v>46200</v>
      </c>
      <c r="G2342" s="6" t="s">
        <v>11197</v>
      </c>
      <c r="H2342" s="6" t="s">
        <v>18</v>
      </c>
      <c r="I2342" s="6" t="s">
        <v>19</v>
      </c>
      <c r="J2342" s="6" t="s">
        <v>11198</v>
      </c>
      <c r="L2342" s="10" t="s">
        <v>22</v>
      </c>
      <c r="M2342" s="10" t="s">
        <v>22</v>
      </c>
      <c r="N2342" s="10" t="s">
        <v>22</v>
      </c>
      <c r="O2342" s="10" t="s">
        <v>22</v>
      </c>
      <c r="P2342" s="10" t="s">
        <v>22</v>
      </c>
      <c r="Q2342" s="10" t="s">
        <v>22</v>
      </c>
      <c r="R2342" s="10" t="s">
        <v>22</v>
      </c>
      <c r="S2342" s="10" t="s">
        <v>22</v>
      </c>
      <c r="T2342" s="10" t="s">
        <v>22</v>
      </c>
    </row>
    <row r="2343" spans="1:26" ht="24" customHeight="1" x14ac:dyDescent="0.2">
      <c r="A2343" s="9" t="s">
        <v>19585</v>
      </c>
      <c r="B2343" s="9" t="s">
        <v>14</v>
      </c>
      <c r="C2343" s="9" t="s">
        <v>11199</v>
      </c>
      <c r="D2343" s="6" t="s">
        <v>11200</v>
      </c>
      <c r="E2343" s="22">
        <v>44378</v>
      </c>
      <c r="F2343" s="22">
        <v>46203</v>
      </c>
      <c r="G2343" s="6" t="s">
        <v>11201</v>
      </c>
      <c r="H2343" s="6" t="s">
        <v>18</v>
      </c>
      <c r="I2343" s="6" t="s">
        <v>19</v>
      </c>
      <c r="J2343" s="6" t="s">
        <v>11202</v>
      </c>
      <c r="K2343" s="9" t="s">
        <v>11203</v>
      </c>
      <c r="L2343" s="10" t="s">
        <v>22</v>
      </c>
      <c r="M2343" s="10" t="s">
        <v>22</v>
      </c>
      <c r="N2343" s="10" t="s">
        <v>22</v>
      </c>
      <c r="O2343" s="10" t="s">
        <v>22</v>
      </c>
      <c r="P2343" s="10" t="s">
        <v>22</v>
      </c>
      <c r="Q2343" s="10" t="s">
        <v>22</v>
      </c>
    </row>
    <row r="2344" spans="1:26" ht="24" customHeight="1" x14ac:dyDescent="0.2">
      <c r="A2344" s="9" t="s">
        <v>19586</v>
      </c>
      <c r="B2344" s="9" t="s">
        <v>14</v>
      </c>
      <c r="C2344" s="9" t="s">
        <v>11204</v>
      </c>
      <c r="D2344" s="6" t="s">
        <v>11205</v>
      </c>
      <c r="E2344" s="22">
        <v>44378</v>
      </c>
      <c r="F2344" s="22">
        <v>46203</v>
      </c>
      <c r="G2344" s="6" t="s">
        <v>11206</v>
      </c>
      <c r="H2344" s="6" t="s">
        <v>18</v>
      </c>
      <c r="I2344" s="6" t="s">
        <v>19</v>
      </c>
      <c r="J2344" s="6" t="s">
        <v>11207</v>
      </c>
      <c r="K2344" s="9" t="s">
        <v>11208</v>
      </c>
      <c r="L2344" s="10" t="s">
        <v>22</v>
      </c>
      <c r="M2344" s="10" t="s">
        <v>22</v>
      </c>
      <c r="N2344" s="10" t="s">
        <v>22</v>
      </c>
      <c r="U2344" s="10" t="s">
        <v>22</v>
      </c>
      <c r="V2344" s="10" t="s">
        <v>22</v>
      </c>
      <c r="W2344" s="10" t="s">
        <v>22</v>
      </c>
    </row>
    <row r="2345" spans="1:26" ht="24" customHeight="1" x14ac:dyDescent="0.2">
      <c r="A2345" s="9" t="s">
        <v>19587</v>
      </c>
      <c r="B2345" s="9" t="s">
        <v>14</v>
      </c>
      <c r="C2345" s="9" t="s">
        <v>11209</v>
      </c>
      <c r="D2345" s="6" t="s">
        <v>11210</v>
      </c>
      <c r="E2345" s="22">
        <v>44378</v>
      </c>
      <c r="F2345" s="22">
        <v>46203</v>
      </c>
      <c r="G2345" s="6" t="s">
        <v>11211</v>
      </c>
      <c r="H2345" s="6" t="s">
        <v>62</v>
      </c>
      <c r="I2345" s="6" t="s">
        <v>290</v>
      </c>
      <c r="J2345" s="6" t="s">
        <v>11212</v>
      </c>
      <c r="K2345" s="9" t="s">
        <v>11213</v>
      </c>
      <c r="L2345" s="10" t="s">
        <v>22</v>
      </c>
      <c r="M2345" s="10" t="s">
        <v>22</v>
      </c>
      <c r="N2345" s="10" t="s">
        <v>22</v>
      </c>
    </row>
    <row r="2346" spans="1:26" ht="24" customHeight="1" x14ac:dyDescent="0.2">
      <c r="A2346" s="9" t="s">
        <v>19588</v>
      </c>
      <c r="B2346" s="9" t="s">
        <v>14</v>
      </c>
      <c r="C2346" s="9" t="s">
        <v>11214</v>
      </c>
      <c r="D2346" s="6" t="s">
        <v>11215</v>
      </c>
      <c r="E2346" s="22">
        <v>44385</v>
      </c>
      <c r="F2346" s="22">
        <v>46210</v>
      </c>
      <c r="G2346" s="6" t="s">
        <v>11216</v>
      </c>
      <c r="H2346" s="6" t="s">
        <v>2069</v>
      </c>
      <c r="I2346" s="6" t="s">
        <v>2070</v>
      </c>
      <c r="J2346" s="6" t="s">
        <v>11217</v>
      </c>
      <c r="K2346" s="9" t="s">
        <v>11218</v>
      </c>
      <c r="L2346" s="10" t="s">
        <v>22</v>
      </c>
      <c r="M2346" s="10" t="s">
        <v>22</v>
      </c>
      <c r="N2346" s="10" t="s">
        <v>22</v>
      </c>
      <c r="O2346" s="10" t="s">
        <v>22</v>
      </c>
      <c r="P2346" s="10" t="s">
        <v>22</v>
      </c>
      <c r="Q2346" s="10" t="s">
        <v>22</v>
      </c>
      <c r="R2346" s="10" t="s">
        <v>22</v>
      </c>
      <c r="S2346" s="10" t="s">
        <v>22</v>
      </c>
      <c r="T2346" s="10" t="s">
        <v>22</v>
      </c>
      <c r="U2346" s="10" t="s">
        <v>22</v>
      </c>
      <c r="V2346" s="10" t="s">
        <v>22</v>
      </c>
      <c r="W2346" s="10" t="s">
        <v>22</v>
      </c>
      <c r="X2346" s="10" t="s">
        <v>22</v>
      </c>
      <c r="Y2346" s="10" t="s">
        <v>22</v>
      </c>
      <c r="Z2346" s="10" t="s">
        <v>22</v>
      </c>
    </row>
    <row r="2347" spans="1:26" ht="34" customHeight="1" x14ac:dyDescent="0.2">
      <c r="A2347" s="9" t="s">
        <v>19589</v>
      </c>
      <c r="B2347" s="9" t="s">
        <v>14</v>
      </c>
      <c r="C2347" s="9" t="s">
        <v>11219</v>
      </c>
      <c r="D2347" s="6" t="s">
        <v>11220</v>
      </c>
      <c r="E2347" s="22">
        <v>44385</v>
      </c>
      <c r="F2347" s="22">
        <v>46210</v>
      </c>
      <c r="G2347" s="6" t="s">
        <v>11221</v>
      </c>
      <c r="H2347" s="6" t="s">
        <v>18</v>
      </c>
      <c r="I2347" s="6" t="s">
        <v>19</v>
      </c>
      <c r="J2347" s="6" t="s">
        <v>11222</v>
      </c>
      <c r="K2347" s="9" t="s">
        <v>11223</v>
      </c>
      <c r="M2347" s="10" t="s">
        <v>22</v>
      </c>
      <c r="N2347" s="10" t="s">
        <v>22</v>
      </c>
      <c r="V2347" s="10" t="s">
        <v>22</v>
      </c>
      <c r="W2347" s="10" t="s">
        <v>22</v>
      </c>
    </row>
    <row r="2348" spans="1:26" ht="24" customHeight="1" x14ac:dyDescent="0.2">
      <c r="A2348" s="9" t="s">
        <v>19590</v>
      </c>
      <c r="B2348" s="9" t="s">
        <v>14</v>
      </c>
      <c r="C2348" s="9" t="s">
        <v>11224</v>
      </c>
      <c r="D2348" s="6" t="s">
        <v>11225</v>
      </c>
      <c r="E2348" s="22">
        <v>44385</v>
      </c>
      <c r="F2348" s="22">
        <v>46210</v>
      </c>
      <c r="G2348" s="6" t="s">
        <v>11225</v>
      </c>
      <c r="H2348" s="6" t="s">
        <v>202</v>
      </c>
      <c r="I2348" s="6" t="s">
        <v>336</v>
      </c>
      <c r="J2348" s="6" t="s">
        <v>11226</v>
      </c>
      <c r="K2348" s="9" t="s">
        <v>11227</v>
      </c>
      <c r="L2348" s="10" t="s">
        <v>22</v>
      </c>
      <c r="M2348" s="10" t="s">
        <v>22</v>
      </c>
      <c r="N2348" s="10" t="s">
        <v>22</v>
      </c>
      <c r="O2348" s="10" t="s">
        <v>22</v>
      </c>
      <c r="P2348" s="10" t="s">
        <v>22</v>
      </c>
      <c r="Q2348" s="10" t="s">
        <v>22</v>
      </c>
      <c r="U2348" s="10" t="s">
        <v>22</v>
      </c>
      <c r="V2348" s="10" t="s">
        <v>22</v>
      </c>
      <c r="W2348" s="10" t="s">
        <v>22</v>
      </c>
      <c r="X2348" s="10" t="s">
        <v>22</v>
      </c>
      <c r="Y2348" s="10" t="s">
        <v>22</v>
      </c>
      <c r="Z2348" s="10" t="s">
        <v>22</v>
      </c>
    </row>
    <row r="2349" spans="1:26" ht="24" customHeight="1" x14ac:dyDescent="0.2">
      <c r="A2349" s="9" t="s">
        <v>19591</v>
      </c>
      <c r="B2349" s="9" t="s">
        <v>14</v>
      </c>
      <c r="C2349" s="9" t="s">
        <v>11228</v>
      </c>
      <c r="D2349" s="6" t="s">
        <v>11229</v>
      </c>
      <c r="E2349" s="22">
        <v>44385</v>
      </c>
      <c r="F2349" s="22">
        <v>46210</v>
      </c>
      <c r="G2349" s="6" t="s">
        <v>11230</v>
      </c>
      <c r="H2349" s="6" t="s">
        <v>202</v>
      </c>
      <c r="I2349" s="6" t="s">
        <v>5223</v>
      </c>
      <c r="J2349" s="6" t="s">
        <v>11231</v>
      </c>
      <c r="K2349" s="9" t="s">
        <v>11232</v>
      </c>
      <c r="L2349" s="10" t="s">
        <v>22</v>
      </c>
      <c r="M2349" s="10" t="s">
        <v>22</v>
      </c>
      <c r="N2349" s="10" t="s">
        <v>22</v>
      </c>
      <c r="O2349" s="10" t="s">
        <v>22</v>
      </c>
      <c r="P2349" s="10" t="s">
        <v>22</v>
      </c>
      <c r="Q2349" s="10" t="s">
        <v>22</v>
      </c>
      <c r="R2349" s="10" t="s">
        <v>22</v>
      </c>
      <c r="S2349" s="10" t="s">
        <v>22</v>
      </c>
      <c r="T2349" s="10" t="s">
        <v>22</v>
      </c>
      <c r="U2349" s="10" t="s">
        <v>22</v>
      </c>
      <c r="V2349" s="10" t="s">
        <v>22</v>
      </c>
      <c r="W2349" s="10" t="s">
        <v>22</v>
      </c>
      <c r="X2349" s="10" t="s">
        <v>22</v>
      </c>
      <c r="Y2349" s="10" t="s">
        <v>22</v>
      </c>
      <c r="Z2349" s="10" t="s">
        <v>22</v>
      </c>
    </row>
    <row r="2350" spans="1:26" ht="24" customHeight="1" x14ac:dyDescent="0.2">
      <c r="A2350" s="9" t="s">
        <v>19592</v>
      </c>
      <c r="B2350" s="9" t="s">
        <v>14</v>
      </c>
      <c r="C2350" s="9" t="s">
        <v>11233</v>
      </c>
      <c r="D2350" s="6" t="s">
        <v>11234</v>
      </c>
      <c r="E2350" s="22">
        <v>44386</v>
      </c>
      <c r="F2350" s="22">
        <v>46211</v>
      </c>
      <c r="G2350" s="6" t="s">
        <v>11235</v>
      </c>
      <c r="H2350" s="6" t="s">
        <v>18</v>
      </c>
      <c r="I2350" s="6" t="s">
        <v>19</v>
      </c>
      <c r="J2350" s="6" t="s">
        <v>11236</v>
      </c>
      <c r="K2350" s="9" t="s">
        <v>11237</v>
      </c>
      <c r="L2350" s="10" t="s">
        <v>22</v>
      </c>
      <c r="M2350" s="10" t="s">
        <v>22</v>
      </c>
      <c r="N2350" s="10" t="s">
        <v>22</v>
      </c>
      <c r="O2350" s="10" t="s">
        <v>22</v>
      </c>
      <c r="P2350" s="10" t="s">
        <v>22</v>
      </c>
      <c r="Q2350" s="10" t="s">
        <v>22</v>
      </c>
      <c r="U2350" s="10" t="s">
        <v>22</v>
      </c>
      <c r="V2350" s="10" t="s">
        <v>22</v>
      </c>
      <c r="W2350" s="10" t="s">
        <v>22</v>
      </c>
      <c r="X2350" s="10" t="s">
        <v>22</v>
      </c>
      <c r="Y2350" s="10" t="s">
        <v>22</v>
      </c>
      <c r="Z2350" s="10" t="s">
        <v>22</v>
      </c>
    </row>
    <row r="2351" spans="1:26" ht="24" customHeight="1" x14ac:dyDescent="0.2">
      <c r="A2351" s="9" t="s">
        <v>19593</v>
      </c>
      <c r="B2351" s="9" t="s">
        <v>14</v>
      </c>
      <c r="C2351" s="9" t="s">
        <v>11238</v>
      </c>
      <c r="D2351" s="6" t="s">
        <v>11239</v>
      </c>
      <c r="E2351" s="22">
        <v>44389</v>
      </c>
      <c r="F2351" s="22">
        <v>46214</v>
      </c>
      <c r="G2351" s="6" t="s">
        <v>11240</v>
      </c>
      <c r="H2351" s="6" t="s">
        <v>229</v>
      </c>
      <c r="I2351" s="6" t="s">
        <v>2319</v>
      </c>
      <c r="J2351" s="6" t="s">
        <v>11241</v>
      </c>
      <c r="K2351" s="9" t="s">
        <v>11242</v>
      </c>
      <c r="L2351" s="10" t="s">
        <v>22</v>
      </c>
      <c r="M2351" s="10" t="s">
        <v>22</v>
      </c>
      <c r="N2351" s="10" t="s">
        <v>22</v>
      </c>
      <c r="U2351" s="10" t="s">
        <v>22</v>
      </c>
      <c r="V2351" s="10" t="s">
        <v>22</v>
      </c>
      <c r="W2351" s="10" t="s">
        <v>22</v>
      </c>
    </row>
    <row r="2352" spans="1:26" ht="24" customHeight="1" x14ac:dyDescent="0.2">
      <c r="A2352" s="9" t="s">
        <v>19594</v>
      </c>
      <c r="B2352" s="9" t="s">
        <v>14</v>
      </c>
      <c r="C2352" s="9" t="s">
        <v>11243</v>
      </c>
      <c r="D2352" s="6" t="s">
        <v>11244</v>
      </c>
      <c r="E2352" s="22">
        <v>44389</v>
      </c>
      <c r="F2352" s="22">
        <v>46214</v>
      </c>
      <c r="G2352" s="6" t="s">
        <v>11245</v>
      </c>
      <c r="H2352" s="6" t="s">
        <v>62</v>
      </c>
      <c r="I2352" s="6" t="s">
        <v>477</v>
      </c>
      <c r="J2352" s="6" t="s">
        <v>11246</v>
      </c>
      <c r="K2352" s="9" t="s">
        <v>11247</v>
      </c>
      <c r="L2352" s="10" t="s">
        <v>22</v>
      </c>
      <c r="M2352" s="10" t="s">
        <v>22</v>
      </c>
      <c r="N2352" s="10" t="s">
        <v>22</v>
      </c>
      <c r="O2352" s="10" t="s">
        <v>22</v>
      </c>
      <c r="P2352" s="10" t="s">
        <v>22</v>
      </c>
      <c r="Q2352" s="10" t="s">
        <v>22</v>
      </c>
      <c r="R2352" s="10" t="s">
        <v>22</v>
      </c>
      <c r="S2352" s="10" t="s">
        <v>22</v>
      </c>
      <c r="T2352" s="10" t="s">
        <v>22</v>
      </c>
      <c r="U2352" s="10" t="s">
        <v>22</v>
      </c>
      <c r="V2352" s="10" t="s">
        <v>22</v>
      </c>
      <c r="W2352" s="10" t="s">
        <v>22</v>
      </c>
      <c r="X2352" s="10" t="s">
        <v>22</v>
      </c>
      <c r="Y2352" s="10" t="s">
        <v>22</v>
      </c>
      <c r="Z2352" s="10" t="s">
        <v>22</v>
      </c>
    </row>
    <row r="2353" spans="1:26" ht="24" customHeight="1" x14ac:dyDescent="0.2">
      <c r="A2353" s="9" t="s">
        <v>19595</v>
      </c>
      <c r="B2353" s="9" t="s">
        <v>14</v>
      </c>
      <c r="C2353" s="9" t="s">
        <v>11248</v>
      </c>
      <c r="D2353" s="6" t="s">
        <v>11249</v>
      </c>
      <c r="E2353" s="22">
        <v>44390</v>
      </c>
      <c r="F2353" s="22">
        <v>46215</v>
      </c>
      <c r="G2353" s="6" t="s">
        <v>11250</v>
      </c>
      <c r="H2353" s="6" t="s">
        <v>1047</v>
      </c>
      <c r="I2353" s="6" t="s">
        <v>1052</v>
      </c>
      <c r="J2353" s="6" t="s">
        <v>11251</v>
      </c>
      <c r="L2353" s="10" t="s">
        <v>22</v>
      </c>
      <c r="M2353" s="10" t="s">
        <v>22</v>
      </c>
      <c r="N2353" s="10" t="s">
        <v>22</v>
      </c>
      <c r="O2353" s="10" t="s">
        <v>22</v>
      </c>
      <c r="P2353" s="10" t="s">
        <v>22</v>
      </c>
      <c r="Q2353" s="10" t="s">
        <v>22</v>
      </c>
      <c r="U2353" s="10" t="s">
        <v>22</v>
      </c>
      <c r="V2353" s="10" t="s">
        <v>22</v>
      </c>
      <c r="W2353" s="10" t="s">
        <v>22</v>
      </c>
      <c r="X2353" s="10" t="s">
        <v>22</v>
      </c>
      <c r="Y2353" s="10" t="s">
        <v>22</v>
      </c>
      <c r="Z2353" s="10" t="s">
        <v>22</v>
      </c>
    </row>
    <row r="2354" spans="1:26" ht="24" customHeight="1" x14ac:dyDescent="0.2">
      <c r="A2354" s="9" t="s">
        <v>19596</v>
      </c>
      <c r="B2354" s="9" t="s">
        <v>14</v>
      </c>
      <c r="C2354" s="9" t="s">
        <v>11252</v>
      </c>
      <c r="D2354" s="6" t="s">
        <v>11253</v>
      </c>
      <c r="E2354" s="22">
        <v>44390</v>
      </c>
      <c r="F2354" s="22">
        <v>46215</v>
      </c>
      <c r="G2354" s="6" t="s">
        <v>11254</v>
      </c>
      <c r="H2354" s="6" t="s">
        <v>62</v>
      </c>
      <c r="I2354" s="6" t="s">
        <v>430</v>
      </c>
      <c r="J2354" s="6" t="s">
        <v>11255</v>
      </c>
      <c r="K2354" s="9" t="s">
        <v>11256</v>
      </c>
      <c r="L2354" s="10" t="s">
        <v>22</v>
      </c>
      <c r="M2354" s="10" t="s">
        <v>22</v>
      </c>
      <c r="N2354" s="10" t="s">
        <v>22</v>
      </c>
      <c r="R2354" s="10" t="s">
        <v>22</v>
      </c>
      <c r="S2354" s="10" t="s">
        <v>22</v>
      </c>
      <c r="T2354" s="10" t="s">
        <v>22</v>
      </c>
      <c r="U2354" s="10" t="s">
        <v>22</v>
      </c>
      <c r="V2354" s="10" t="s">
        <v>22</v>
      </c>
      <c r="W2354" s="10" t="s">
        <v>22</v>
      </c>
    </row>
    <row r="2355" spans="1:26" ht="24" customHeight="1" x14ac:dyDescent="0.2">
      <c r="A2355" s="9" t="s">
        <v>19597</v>
      </c>
      <c r="B2355" s="9" t="s">
        <v>14</v>
      </c>
      <c r="C2355" s="9" t="s">
        <v>11257</v>
      </c>
      <c r="D2355" s="6" t="s">
        <v>11258</v>
      </c>
      <c r="E2355" s="22">
        <v>44391</v>
      </c>
      <c r="F2355" s="22">
        <v>46216</v>
      </c>
      <c r="G2355" s="6" t="s">
        <v>11259</v>
      </c>
      <c r="H2355" s="6" t="s">
        <v>363</v>
      </c>
      <c r="I2355" s="6" t="s">
        <v>646</v>
      </c>
      <c r="J2355" s="6" t="s">
        <v>11260</v>
      </c>
      <c r="K2355" s="9" t="s">
        <v>11261</v>
      </c>
      <c r="L2355" s="10" t="s">
        <v>22</v>
      </c>
      <c r="M2355" s="10" t="s">
        <v>22</v>
      </c>
      <c r="N2355" s="10" t="s">
        <v>22</v>
      </c>
      <c r="O2355" s="10" t="s">
        <v>22</v>
      </c>
      <c r="P2355" s="10" t="s">
        <v>22</v>
      </c>
      <c r="Q2355" s="10" t="s">
        <v>22</v>
      </c>
      <c r="R2355" s="10" t="s">
        <v>22</v>
      </c>
      <c r="S2355" s="10" t="s">
        <v>22</v>
      </c>
      <c r="T2355" s="10" t="s">
        <v>22</v>
      </c>
    </row>
    <row r="2356" spans="1:26" ht="24" customHeight="1" x14ac:dyDescent="0.2">
      <c r="A2356" s="9" t="s">
        <v>19598</v>
      </c>
      <c r="B2356" s="9" t="s">
        <v>14</v>
      </c>
      <c r="C2356" s="9" t="s">
        <v>11262</v>
      </c>
      <c r="D2356" s="6" t="s">
        <v>11263</v>
      </c>
      <c r="E2356" s="22">
        <v>44403</v>
      </c>
      <c r="F2356" s="22">
        <v>46228</v>
      </c>
      <c r="G2356" s="6" t="s">
        <v>11264</v>
      </c>
      <c r="H2356" s="6" t="s">
        <v>18</v>
      </c>
      <c r="I2356" s="6" t="s">
        <v>19</v>
      </c>
      <c r="J2356" s="6" t="s">
        <v>11265</v>
      </c>
      <c r="K2356" s="9" t="s">
        <v>11266</v>
      </c>
      <c r="M2356" s="10" t="s">
        <v>22</v>
      </c>
      <c r="N2356" s="10" t="s">
        <v>22</v>
      </c>
      <c r="V2356" s="10" t="s">
        <v>22</v>
      </c>
      <c r="W2356" s="10" t="s">
        <v>22</v>
      </c>
    </row>
    <row r="2357" spans="1:26" ht="24" customHeight="1" x14ac:dyDescent="0.2">
      <c r="A2357" s="9" t="s">
        <v>19599</v>
      </c>
      <c r="B2357" s="9" t="s">
        <v>14</v>
      </c>
      <c r="C2357" s="9" t="s">
        <v>11267</v>
      </c>
      <c r="D2357" s="6" t="s">
        <v>11268</v>
      </c>
      <c r="E2357" s="22">
        <v>44406</v>
      </c>
      <c r="F2357" s="22">
        <v>46231</v>
      </c>
      <c r="G2357" s="6" t="s">
        <v>11269</v>
      </c>
      <c r="H2357" s="6" t="s">
        <v>18</v>
      </c>
      <c r="I2357" s="6" t="s">
        <v>19</v>
      </c>
      <c r="J2357" s="6" t="s">
        <v>11270</v>
      </c>
      <c r="K2357" s="9" t="s">
        <v>11271</v>
      </c>
      <c r="M2357" s="10" t="s">
        <v>22</v>
      </c>
      <c r="N2357" s="10" t="s">
        <v>22</v>
      </c>
      <c r="P2357" s="10" t="s">
        <v>22</v>
      </c>
      <c r="Q2357" s="10" t="s">
        <v>22</v>
      </c>
      <c r="V2357" s="10" t="s">
        <v>22</v>
      </c>
      <c r="W2357" s="10" t="s">
        <v>22</v>
      </c>
      <c r="Y2357" s="10" t="s">
        <v>22</v>
      </c>
      <c r="Z2357" s="10" t="s">
        <v>22</v>
      </c>
    </row>
    <row r="2358" spans="1:26" ht="24" customHeight="1" x14ac:dyDescent="0.2">
      <c r="A2358" s="9" t="s">
        <v>19600</v>
      </c>
      <c r="B2358" s="9" t="s">
        <v>14</v>
      </c>
      <c r="C2358" s="9" t="s">
        <v>11272</v>
      </c>
      <c r="D2358" s="6" t="s">
        <v>11273</v>
      </c>
      <c r="E2358" s="22">
        <v>44410</v>
      </c>
      <c r="F2358" s="22">
        <v>46235</v>
      </c>
      <c r="G2358" s="6" t="s">
        <v>11274</v>
      </c>
      <c r="H2358" s="6" t="s">
        <v>202</v>
      </c>
      <c r="I2358" s="6" t="s">
        <v>6216</v>
      </c>
      <c r="J2358" s="6" t="s">
        <v>11275</v>
      </c>
      <c r="K2358" s="9" t="s">
        <v>11276</v>
      </c>
      <c r="L2358" s="10" t="s">
        <v>22</v>
      </c>
      <c r="M2358" s="10" t="s">
        <v>22</v>
      </c>
      <c r="N2358" s="10" t="s">
        <v>22</v>
      </c>
      <c r="O2358" s="10" t="s">
        <v>22</v>
      </c>
      <c r="P2358" s="10" t="s">
        <v>22</v>
      </c>
      <c r="Q2358" s="10" t="s">
        <v>22</v>
      </c>
      <c r="U2358" s="10" t="s">
        <v>22</v>
      </c>
      <c r="V2358" s="10" t="s">
        <v>22</v>
      </c>
      <c r="W2358" s="10" t="s">
        <v>22</v>
      </c>
      <c r="X2358" s="10" t="s">
        <v>22</v>
      </c>
      <c r="Y2358" s="10" t="s">
        <v>22</v>
      </c>
      <c r="Z2358" s="10" t="s">
        <v>22</v>
      </c>
    </row>
    <row r="2359" spans="1:26" ht="37.25" customHeight="1" x14ac:dyDescent="0.2">
      <c r="A2359" s="9" t="s">
        <v>19601</v>
      </c>
      <c r="B2359" s="9" t="s">
        <v>14</v>
      </c>
      <c r="C2359" s="9" t="s">
        <v>11277</v>
      </c>
      <c r="D2359" s="6" t="s">
        <v>11278</v>
      </c>
      <c r="E2359" s="22">
        <v>44410</v>
      </c>
      <c r="F2359" s="22">
        <v>46235</v>
      </c>
      <c r="G2359" s="6" t="s">
        <v>11279</v>
      </c>
      <c r="H2359" s="6" t="s">
        <v>202</v>
      </c>
      <c r="I2359" s="6" t="s">
        <v>2117</v>
      </c>
      <c r="J2359" s="6" t="s">
        <v>11280</v>
      </c>
      <c r="K2359" s="9" t="s">
        <v>11281</v>
      </c>
      <c r="L2359" s="10" t="s">
        <v>22</v>
      </c>
      <c r="M2359" s="10" t="s">
        <v>22</v>
      </c>
      <c r="N2359" s="10" t="s">
        <v>22</v>
      </c>
      <c r="O2359" s="10" t="s">
        <v>22</v>
      </c>
      <c r="P2359" s="10" t="s">
        <v>22</v>
      </c>
      <c r="Q2359" s="10" t="s">
        <v>22</v>
      </c>
      <c r="R2359" s="10" t="s">
        <v>22</v>
      </c>
      <c r="S2359" s="10" t="s">
        <v>22</v>
      </c>
      <c r="T2359" s="10" t="s">
        <v>22</v>
      </c>
      <c r="U2359" s="10" t="s">
        <v>22</v>
      </c>
      <c r="V2359" s="10" t="s">
        <v>22</v>
      </c>
      <c r="W2359" s="10" t="s">
        <v>22</v>
      </c>
      <c r="X2359" s="10" t="s">
        <v>22</v>
      </c>
      <c r="Y2359" s="10" t="s">
        <v>22</v>
      </c>
      <c r="Z2359" s="10" t="s">
        <v>22</v>
      </c>
    </row>
    <row r="2360" spans="1:26" ht="24" customHeight="1" x14ac:dyDescent="0.2">
      <c r="A2360" s="9" t="s">
        <v>19602</v>
      </c>
      <c r="B2360" s="9" t="s">
        <v>14</v>
      </c>
      <c r="C2360" s="9" t="s">
        <v>11282</v>
      </c>
      <c r="D2360" s="6" t="s">
        <v>11283</v>
      </c>
      <c r="E2360" s="22">
        <v>44410</v>
      </c>
      <c r="F2360" s="22">
        <v>46235</v>
      </c>
      <c r="G2360" s="6" t="s">
        <v>11284</v>
      </c>
      <c r="H2360" s="6" t="s">
        <v>229</v>
      </c>
      <c r="I2360" s="6" t="s">
        <v>825</v>
      </c>
      <c r="J2360" s="6" t="s">
        <v>11285</v>
      </c>
      <c r="K2360" s="9" t="s">
        <v>11286</v>
      </c>
      <c r="L2360" s="10" t="s">
        <v>22</v>
      </c>
      <c r="M2360" s="10" t="s">
        <v>22</v>
      </c>
      <c r="N2360" s="10" t="s">
        <v>22</v>
      </c>
      <c r="O2360" s="10" t="s">
        <v>22</v>
      </c>
      <c r="P2360" s="10" t="s">
        <v>22</v>
      </c>
      <c r="Q2360" s="10" t="s">
        <v>22</v>
      </c>
      <c r="R2360" s="10" t="s">
        <v>22</v>
      </c>
      <c r="S2360" s="10" t="s">
        <v>22</v>
      </c>
      <c r="T2360" s="10" t="s">
        <v>22</v>
      </c>
      <c r="U2360" s="10" t="s">
        <v>22</v>
      </c>
      <c r="V2360" s="10" t="s">
        <v>22</v>
      </c>
      <c r="W2360" s="10" t="s">
        <v>22</v>
      </c>
      <c r="X2360" s="10" t="s">
        <v>22</v>
      </c>
      <c r="Y2360" s="10" t="s">
        <v>22</v>
      </c>
      <c r="Z2360" s="10" t="s">
        <v>22</v>
      </c>
    </row>
    <row r="2361" spans="1:26" ht="24" customHeight="1" x14ac:dyDescent="0.2">
      <c r="A2361" s="9" t="s">
        <v>19603</v>
      </c>
      <c r="B2361" s="9" t="s">
        <v>14</v>
      </c>
      <c r="C2361" s="9" t="s">
        <v>11287</v>
      </c>
      <c r="D2361" s="6" t="s">
        <v>11288</v>
      </c>
      <c r="E2361" s="22">
        <v>44411</v>
      </c>
      <c r="F2361" s="22">
        <v>46236</v>
      </c>
      <c r="G2361" s="6" t="s">
        <v>11289</v>
      </c>
      <c r="H2361" s="6" t="s">
        <v>363</v>
      </c>
      <c r="I2361" s="6" t="s">
        <v>466</v>
      </c>
      <c r="J2361" s="6" t="s">
        <v>11290</v>
      </c>
      <c r="K2361" s="9" t="s">
        <v>11291</v>
      </c>
      <c r="L2361" s="10" t="s">
        <v>22</v>
      </c>
      <c r="M2361" s="10" t="s">
        <v>22</v>
      </c>
      <c r="N2361" s="10" t="s">
        <v>22</v>
      </c>
      <c r="O2361" s="10" t="s">
        <v>22</v>
      </c>
      <c r="P2361" s="10" t="s">
        <v>22</v>
      </c>
      <c r="Q2361" s="10" t="s">
        <v>22</v>
      </c>
      <c r="U2361" s="10" t="s">
        <v>22</v>
      </c>
      <c r="V2361" s="10" t="s">
        <v>22</v>
      </c>
      <c r="W2361" s="10" t="s">
        <v>22</v>
      </c>
      <c r="X2361" s="10" t="s">
        <v>22</v>
      </c>
      <c r="Y2361" s="10" t="s">
        <v>22</v>
      </c>
      <c r="Z2361" s="10" t="s">
        <v>22</v>
      </c>
    </row>
    <row r="2362" spans="1:26" ht="24" customHeight="1" x14ac:dyDescent="0.2">
      <c r="A2362" s="9" t="s">
        <v>19604</v>
      </c>
      <c r="B2362" s="9" t="s">
        <v>14</v>
      </c>
      <c r="C2362" s="9" t="s">
        <v>11292</v>
      </c>
      <c r="D2362" s="6" t="s">
        <v>11293</v>
      </c>
      <c r="E2362" s="22">
        <v>44413</v>
      </c>
      <c r="F2362" s="22">
        <v>46238</v>
      </c>
      <c r="G2362" s="6" t="s">
        <v>11294</v>
      </c>
      <c r="H2362" s="6" t="s">
        <v>62</v>
      </c>
      <c r="I2362" s="6" t="s">
        <v>318</v>
      </c>
      <c r="J2362" s="6" t="s">
        <v>11295</v>
      </c>
      <c r="L2362" s="10" t="s">
        <v>22</v>
      </c>
      <c r="M2362" s="10" t="s">
        <v>22</v>
      </c>
      <c r="N2362" s="10" t="s">
        <v>22</v>
      </c>
      <c r="U2362" s="10" t="s">
        <v>22</v>
      </c>
      <c r="V2362" s="10" t="s">
        <v>22</v>
      </c>
      <c r="W2362" s="10" t="s">
        <v>22</v>
      </c>
    </row>
    <row r="2363" spans="1:26" ht="24" customHeight="1" x14ac:dyDescent="0.2">
      <c r="A2363" s="9" t="s">
        <v>19605</v>
      </c>
      <c r="B2363" s="9" t="s">
        <v>14</v>
      </c>
      <c r="C2363" s="9" t="s">
        <v>11296</v>
      </c>
      <c r="D2363" s="6" t="s">
        <v>11297</v>
      </c>
      <c r="E2363" s="22">
        <v>44419</v>
      </c>
      <c r="F2363" s="22">
        <v>46244</v>
      </c>
      <c r="G2363" s="6" t="s">
        <v>11298</v>
      </c>
      <c r="H2363" s="6" t="s">
        <v>202</v>
      </c>
      <c r="I2363" s="6" t="s">
        <v>1530</v>
      </c>
      <c r="J2363" s="6" t="s">
        <v>11299</v>
      </c>
      <c r="K2363" s="9" t="s">
        <v>11300</v>
      </c>
      <c r="L2363" s="10" t="s">
        <v>22</v>
      </c>
      <c r="M2363" s="10" t="s">
        <v>22</v>
      </c>
      <c r="N2363" s="10" t="s">
        <v>22</v>
      </c>
      <c r="O2363" s="10" t="s">
        <v>22</v>
      </c>
      <c r="P2363" s="10" t="s">
        <v>22</v>
      </c>
      <c r="Q2363" s="10" t="s">
        <v>22</v>
      </c>
      <c r="R2363" s="10" t="s">
        <v>22</v>
      </c>
      <c r="S2363" s="10" t="s">
        <v>22</v>
      </c>
      <c r="T2363" s="10" t="s">
        <v>22</v>
      </c>
      <c r="U2363" s="10" t="s">
        <v>22</v>
      </c>
      <c r="V2363" s="10" t="s">
        <v>22</v>
      </c>
      <c r="W2363" s="10" t="s">
        <v>22</v>
      </c>
      <c r="X2363" s="10" t="s">
        <v>22</v>
      </c>
      <c r="Y2363" s="10" t="s">
        <v>22</v>
      </c>
      <c r="Z2363" s="10" t="s">
        <v>22</v>
      </c>
    </row>
    <row r="2364" spans="1:26" ht="24" customHeight="1" x14ac:dyDescent="0.2">
      <c r="A2364" s="9" t="s">
        <v>19606</v>
      </c>
      <c r="B2364" s="9" t="s">
        <v>14</v>
      </c>
      <c r="C2364" s="9" t="s">
        <v>11301</v>
      </c>
      <c r="D2364" s="6" t="s">
        <v>11302</v>
      </c>
      <c r="E2364" s="22">
        <v>44426</v>
      </c>
      <c r="F2364" s="22">
        <v>46251</v>
      </c>
      <c r="G2364" s="6" t="s">
        <v>11303</v>
      </c>
      <c r="H2364" s="6" t="s">
        <v>62</v>
      </c>
      <c r="I2364" s="6" t="s">
        <v>493</v>
      </c>
      <c r="J2364" s="6" t="s">
        <v>11304</v>
      </c>
      <c r="K2364" s="9" t="s">
        <v>11305</v>
      </c>
      <c r="L2364" s="10" t="s">
        <v>22</v>
      </c>
      <c r="M2364" s="10" t="s">
        <v>22</v>
      </c>
      <c r="N2364" s="10" t="s">
        <v>22</v>
      </c>
      <c r="U2364" s="10" t="s">
        <v>22</v>
      </c>
      <c r="V2364" s="10" t="s">
        <v>22</v>
      </c>
      <c r="W2364" s="10" t="s">
        <v>22</v>
      </c>
    </row>
    <row r="2365" spans="1:26" ht="24" customHeight="1" x14ac:dyDescent="0.2">
      <c r="A2365" s="9" t="s">
        <v>19607</v>
      </c>
      <c r="B2365" s="9" t="s">
        <v>14</v>
      </c>
      <c r="C2365" s="9" t="s">
        <v>11306</v>
      </c>
      <c r="D2365" s="6" t="s">
        <v>11307</v>
      </c>
      <c r="E2365" s="22">
        <v>44426</v>
      </c>
      <c r="F2365" s="22">
        <v>46251</v>
      </c>
      <c r="G2365" s="6" t="s">
        <v>11308</v>
      </c>
      <c r="H2365" s="6" t="s">
        <v>202</v>
      </c>
      <c r="I2365" s="6" t="s">
        <v>873</v>
      </c>
      <c r="J2365" s="6" t="s">
        <v>11309</v>
      </c>
      <c r="K2365" s="9" t="s">
        <v>11310</v>
      </c>
      <c r="L2365" s="10" t="s">
        <v>22</v>
      </c>
      <c r="M2365" s="10" t="s">
        <v>22</v>
      </c>
      <c r="N2365" s="10" t="s">
        <v>22</v>
      </c>
      <c r="O2365" s="10" t="s">
        <v>22</v>
      </c>
      <c r="P2365" s="10" t="s">
        <v>22</v>
      </c>
      <c r="Q2365" s="10" t="s">
        <v>22</v>
      </c>
      <c r="U2365" s="10" t="s">
        <v>22</v>
      </c>
      <c r="V2365" s="10" t="s">
        <v>22</v>
      </c>
      <c r="W2365" s="10" t="s">
        <v>22</v>
      </c>
      <c r="X2365" s="10" t="s">
        <v>22</v>
      </c>
      <c r="Y2365" s="10" t="s">
        <v>22</v>
      </c>
      <c r="Z2365" s="10" t="s">
        <v>22</v>
      </c>
    </row>
    <row r="2366" spans="1:26" ht="24" customHeight="1" x14ac:dyDescent="0.2">
      <c r="A2366" s="9" t="s">
        <v>19608</v>
      </c>
      <c r="B2366" s="9" t="s">
        <v>14</v>
      </c>
      <c r="C2366" s="9" t="s">
        <v>11311</v>
      </c>
      <c r="D2366" s="6" t="s">
        <v>11312</v>
      </c>
      <c r="E2366" s="22">
        <v>44433</v>
      </c>
      <c r="F2366" s="22">
        <v>46258</v>
      </c>
      <c r="G2366" s="6" t="s">
        <v>11313</v>
      </c>
      <c r="H2366" s="6" t="s">
        <v>2368</v>
      </c>
      <c r="I2366" s="6" t="s">
        <v>11314</v>
      </c>
      <c r="J2366" s="6" t="s">
        <v>11315</v>
      </c>
      <c r="K2366" s="9" t="s">
        <v>11316</v>
      </c>
      <c r="L2366" s="10" t="s">
        <v>22</v>
      </c>
      <c r="M2366" s="10" t="s">
        <v>22</v>
      </c>
      <c r="N2366" s="10" t="s">
        <v>22</v>
      </c>
      <c r="O2366" s="10" t="s">
        <v>22</v>
      </c>
      <c r="P2366" s="10" t="s">
        <v>22</v>
      </c>
      <c r="Q2366" s="10" t="s">
        <v>22</v>
      </c>
      <c r="U2366" s="10" t="s">
        <v>22</v>
      </c>
      <c r="V2366" s="10" t="s">
        <v>22</v>
      </c>
      <c r="W2366" s="10" t="s">
        <v>22</v>
      </c>
      <c r="X2366" s="10" t="s">
        <v>22</v>
      </c>
      <c r="Y2366" s="10" t="s">
        <v>22</v>
      </c>
      <c r="Z2366" s="10" t="s">
        <v>22</v>
      </c>
    </row>
    <row r="2367" spans="1:26" ht="24" customHeight="1" x14ac:dyDescent="0.2">
      <c r="A2367" s="9" t="s">
        <v>19609</v>
      </c>
      <c r="B2367" s="9" t="s">
        <v>14</v>
      </c>
      <c r="C2367" s="9" t="s">
        <v>11317</v>
      </c>
      <c r="D2367" s="6" t="s">
        <v>11318</v>
      </c>
      <c r="E2367" s="22">
        <v>44435</v>
      </c>
      <c r="F2367" s="22">
        <v>46260</v>
      </c>
      <c r="G2367" s="6" t="s">
        <v>11319</v>
      </c>
      <c r="H2367" s="6" t="s">
        <v>62</v>
      </c>
      <c r="I2367" s="6" t="s">
        <v>306</v>
      </c>
      <c r="J2367" s="6" t="s">
        <v>11320</v>
      </c>
      <c r="K2367" s="9" t="s">
        <v>11321</v>
      </c>
      <c r="L2367" s="10" t="s">
        <v>22</v>
      </c>
      <c r="M2367" s="10" t="s">
        <v>22</v>
      </c>
      <c r="N2367" s="10" t="s">
        <v>22</v>
      </c>
      <c r="O2367" s="10" t="s">
        <v>22</v>
      </c>
      <c r="P2367" s="10" t="s">
        <v>22</v>
      </c>
      <c r="Q2367" s="10" t="s">
        <v>22</v>
      </c>
      <c r="R2367" s="10" t="s">
        <v>22</v>
      </c>
      <c r="S2367" s="10" t="s">
        <v>22</v>
      </c>
      <c r="T2367" s="10" t="s">
        <v>22</v>
      </c>
      <c r="U2367" s="10" t="s">
        <v>22</v>
      </c>
      <c r="V2367" s="10" t="s">
        <v>22</v>
      </c>
      <c r="W2367" s="10" t="s">
        <v>22</v>
      </c>
      <c r="X2367" s="10" t="s">
        <v>22</v>
      </c>
      <c r="Y2367" s="10" t="s">
        <v>22</v>
      </c>
      <c r="Z2367" s="10" t="s">
        <v>22</v>
      </c>
    </row>
    <row r="2368" spans="1:26" ht="24" customHeight="1" x14ac:dyDescent="0.2">
      <c r="A2368" s="9" t="s">
        <v>19610</v>
      </c>
      <c r="B2368" s="9" t="s">
        <v>14</v>
      </c>
      <c r="C2368" s="9" t="s">
        <v>11322</v>
      </c>
      <c r="D2368" s="6" t="s">
        <v>11323</v>
      </c>
      <c r="E2368" s="22">
        <v>44439</v>
      </c>
      <c r="F2368" s="22">
        <v>46264</v>
      </c>
      <c r="G2368" s="6" t="s">
        <v>11324</v>
      </c>
      <c r="H2368" s="6" t="s">
        <v>229</v>
      </c>
      <c r="I2368" s="6" t="s">
        <v>324</v>
      </c>
      <c r="J2368" s="6" t="s">
        <v>11325</v>
      </c>
      <c r="L2368" s="10" t="s">
        <v>22</v>
      </c>
      <c r="M2368" s="10" t="s">
        <v>22</v>
      </c>
      <c r="N2368" s="10" t="s">
        <v>22</v>
      </c>
      <c r="O2368" s="10" t="s">
        <v>22</v>
      </c>
      <c r="P2368" s="10" t="s">
        <v>22</v>
      </c>
      <c r="Q2368" s="10" t="s">
        <v>22</v>
      </c>
      <c r="R2368" s="10" t="s">
        <v>22</v>
      </c>
      <c r="S2368" s="10" t="s">
        <v>22</v>
      </c>
      <c r="T2368" s="10" t="s">
        <v>22</v>
      </c>
      <c r="U2368" s="10" t="s">
        <v>22</v>
      </c>
      <c r="V2368" s="10" t="s">
        <v>22</v>
      </c>
      <c r="W2368" s="10" t="s">
        <v>22</v>
      </c>
      <c r="X2368" s="10" t="s">
        <v>22</v>
      </c>
      <c r="Y2368" s="10" t="s">
        <v>22</v>
      </c>
      <c r="Z2368" s="10" t="s">
        <v>22</v>
      </c>
    </row>
    <row r="2369" spans="1:26" ht="24" customHeight="1" x14ac:dyDescent="0.2">
      <c r="A2369" s="9" t="s">
        <v>19611</v>
      </c>
      <c r="B2369" s="9" t="s">
        <v>14</v>
      </c>
      <c r="C2369" s="9" t="s">
        <v>11326</v>
      </c>
      <c r="D2369" s="6" t="s">
        <v>11327</v>
      </c>
      <c r="E2369" s="22">
        <v>44439</v>
      </c>
      <c r="F2369" s="22">
        <v>46264</v>
      </c>
      <c r="G2369" s="6" t="s">
        <v>11328</v>
      </c>
      <c r="H2369" s="6" t="s">
        <v>62</v>
      </c>
      <c r="I2369" s="6" t="s">
        <v>403</v>
      </c>
      <c r="J2369" s="6" t="s">
        <v>11329</v>
      </c>
      <c r="K2369" s="9" t="s">
        <v>11330</v>
      </c>
      <c r="L2369" s="10" t="s">
        <v>22</v>
      </c>
      <c r="M2369" s="10" t="s">
        <v>22</v>
      </c>
      <c r="N2369" s="10" t="s">
        <v>22</v>
      </c>
      <c r="O2369" s="10" t="s">
        <v>22</v>
      </c>
      <c r="P2369" s="10" t="s">
        <v>22</v>
      </c>
      <c r="Q2369" s="10" t="s">
        <v>22</v>
      </c>
      <c r="R2369" s="10" t="s">
        <v>22</v>
      </c>
      <c r="S2369" s="10" t="s">
        <v>22</v>
      </c>
      <c r="T2369" s="10" t="s">
        <v>22</v>
      </c>
      <c r="U2369" s="10" t="s">
        <v>22</v>
      </c>
      <c r="V2369" s="10" t="s">
        <v>22</v>
      </c>
      <c r="W2369" s="10" t="s">
        <v>22</v>
      </c>
      <c r="X2369" s="10" t="s">
        <v>22</v>
      </c>
      <c r="Y2369" s="10" t="s">
        <v>22</v>
      </c>
      <c r="Z2369" s="10" t="s">
        <v>22</v>
      </c>
    </row>
    <row r="2370" spans="1:26" ht="24" customHeight="1" x14ac:dyDescent="0.2">
      <c r="A2370" s="9" t="s">
        <v>19612</v>
      </c>
      <c r="B2370" s="9" t="s">
        <v>14</v>
      </c>
      <c r="C2370" s="9" t="s">
        <v>11331</v>
      </c>
      <c r="D2370" s="6" t="s">
        <v>11332</v>
      </c>
      <c r="E2370" s="22">
        <v>44439</v>
      </c>
      <c r="F2370" s="22">
        <v>46264</v>
      </c>
      <c r="G2370" s="6" t="s">
        <v>11333</v>
      </c>
      <c r="H2370" s="6" t="s">
        <v>229</v>
      </c>
      <c r="I2370" s="6" t="s">
        <v>5604</v>
      </c>
      <c r="J2370" s="6" t="s">
        <v>11334</v>
      </c>
      <c r="K2370" s="9" t="s">
        <v>11335</v>
      </c>
      <c r="L2370" s="10" t="s">
        <v>22</v>
      </c>
      <c r="M2370" s="10" t="s">
        <v>22</v>
      </c>
      <c r="N2370" s="10" t="s">
        <v>22</v>
      </c>
      <c r="O2370" s="10" t="s">
        <v>22</v>
      </c>
      <c r="P2370" s="10" t="s">
        <v>22</v>
      </c>
      <c r="Q2370" s="10" t="s">
        <v>22</v>
      </c>
      <c r="R2370" s="10" t="s">
        <v>22</v>
      </c>
      <c r="S2370" s="10" t="s">
        <v>22</v>
      </c>
      <c r="T2370" s="10" t="s">
        <v>22</v>
      </c>
    </row>
    <row r="2371" spans="1:26" ht="24" customHeight="1" x14ac:dyDescent="0.2">
      <c r="A2371" s="9" t="s">
        <v>19613</v>
      </c>
      <c r="B2371" s="9" t="s">
        <v>14</v>
      </c>
      <c r="C2371" s="9" t="s">
        <v>11336</v>
      </c>
      <c r="D2371" s="6" t="s">
        <v>11337</v>
      </c>
      <c r="E2371" s="22">
        <v>44439</v>
      </c>
      <c r="F2371" s="22">
        <v>46264</v>
      </c>
      <c r="G2371" s="6" t="s">
        <v>11338</v>
      </c>
      <c r="H2371" s="6" t="s">
        <v>363</v>
      </c>
      <c r="I2371" s="6" t="s">
        <v>597</v>
      </c>
      <c r="J2371" s="6" t="s">
        <v>11339</v>
      </c>
      <c r="K2371" s="9" t="s">
        <v>11340</v>
      </c>
      <c r="L2371" s="10" t="s">
        <v>22</v>
      </c>
      <c r="M2371" s="10" t="s">
        <v>22</v>
      </c>
      <c r="N2371" s="10" t="s">
        <v>22</v>
      </c>
      <c r="O2371" s="10" t="s">
        <v>22</v>
      </c>
      <c r="P2371" s="10" t="s">
        <v>22</v>
      </c>
      <c r="Q2371" s="10" t="s">
        <v>22</v>
      </c>
      <c r="R2371" s="10" t="s">
        <v>22</v>
      </c>
      <c r="S2371" s="10" t="s">
        <v>22</v>
      </c>
      <c r="T2371" s="10" t="s">
        <v>22</v>
      </c>
      <c r="U2371" s="10" t="s">
        <v>22</v>
      </c>
      <c r="V2371" s="10" t="s">
        <v>22</v>
      </c>
      <c r="W2371" s="10" t="s">
        <v>22</v>
      </c>
      <c r="X2371" s="10" t="s">
        <v>22</v>
      </c>
      <c r="Y2371" s="10" t="s">
        <v>22</v>
      </c>
      <c r="Z2371" s="10" t="s">
        <v>22</v>
      </c>
    </row>
    <row r="2372" spans="1:26" ht="24" customHeight="1" x14ac:dyDescent="0.2">
      <c r="A2372" s="9" t="s">
        <v>19614</v>
      </c>
      <c r="B2372" s="9" t="s">
        <v>14</v>
      </c>
      <c r="C2372" s="9" t="s">
        <v>11341</v>
      </c>
      <c r="D2372" s="6" t="s">
        <v>11342</v>
      </c>
      <c r="E2372" s="22">
        <v>44439</v>
      </c>
      <c r="F2372" s="22">
        <v>46264</v>
      </c>
      <c r="G2372" s="6" t="s">
        <v>11343</v>
      </c>
      <c r="H2372" s="6" t="s">
        <v>363</v>
      </c>
      <c r="I2372" s="6" t="s">
        <v>6002</v>
      </c>
      <c r="J2372" s="6" t="s">
        <v>11344</v>
      </c>
      <c r="K2372" s="9" t="s">
        <v>11345</v>
      </c>
      <c r="L2372" s="10" t="s">
        <v>22</v>
      </c>
      <c r="M2372" s="10" t="s">
        <v>22</v>
      </c>
      <c r="N2372" s="10" t="s">
        <v>22</v>
      </c>
      <c r="O2372" s="10" t="s">
        <v>22</v>
      </c>
      <c r="P2372" s="10" t="s">
        <v>22</v>
      </c>
      <c r="Q2372" s="10" t="s">
        <v>22</v>
      </c>
      <c r="R2372" s="10" t="s">
        <v>22</v>
      </c>
      <c r="S2372" s="10" t="s">
        <v>22</v>
      </c>
      <c r="T2372" s="10" t="s">
        <v>22</v>
      </c>
      <c r="U2372" s="10" t="s">
        <v>22</v>
      </c>
      <c r="V2372" s="10" t="s">
        <v>22</v>
      </c>
      <c r="W2372" s="10" t="s">
        <v>22</v>
      </c>
      <c r="X2372" s="10" t="s">
        <v>22</v>
      </c>
      <c r="Y2372" s="10" t="s">
        <v>22</v>
      </c>
      <c r="Z2372" s="10" t="s">
        <v>22</v>
      </c>
    </row>
    <row r="2373" spans="1:26" ht="24" customHeight="1" x14ac:dyDescent="0.2">
      <c r="A2373" s="9" t="s">
        <v>19615</v>
      </c>
      <c r="B2373" s="9" t="s">
        <v>14</v>
      </c>
      <c r="C2373" s="9" t="s">
        <v>11346</v>
      </c>
      <c r="D2373" s="6" t="s">
        <v>11347</v>
      </c>
      <c r="E2373" s="22">
        <v>44441</v>
      </c>
      <c r="F2373" s="22">
        <v>46266</v>
      </c>
      <c r="G2373" s="6" t="s">
        <v>11348</v>
      </c>
      <c r="H2373" s="6" t="s">
        <v>18</v>
      </c>
      <c r="I2373" s="6" t="s">
        <v>26</v>
      </c>
      <c r="J2373" s="6" t="s">
        <v>11349</v>
      </c>
      <c r="L2373" s="10" t="s">
        <v>22</v>
      </c>
      <c r="M2373" s="10" t="s">
        <v>22</v>
      </c>
      <c r="N2373" s="10" t="s">
        <v>22</v>
      </c>
      <c r="O2373" s="10" t="s">
        <v>22</v>
      </c>
      <c r="P2373" s="10" t="s">
        <v>22</v>
      </c>
      <c r="Q2373" s="10" t="s">
        <v>22</v>
      </c>
      <c r="U2373" s="10" t="s">
        <v>22</v>
      </c>
      <c r="V2373" s="10" t="s">
        <v>22</v>
      </c>
      <c r="W2373" s="10" t="s">
        <v>22</v>
      </c>
      <c r="X2373" s="10" t="s">
        <v>22</v>
      </c>
      <c r="Y2373" s="10" t="s">
        <v>22</v>
      </c>
      <c r="Z2373" s="10" t="s">
        <v>22</v>
      </c>
    </row>
    <row r="2374" spans="1:26" ht="24" customHeight="1" x14ac:dyDescent="0.2">
      <c r="A2374" s="9" t="s">
        <v>19616</v>
      </c>
      <c r="B2374" s="9" t="s">
        <v>14</v>
      </c>
      <c r="C2374" s="9" t="s">
        <v>11350</v>
      </c>
      <c r="D2374" s="6" t="s">
        <v>11351</v>
      </c>
      <c r="E2374" s="22">
        <v>44441</v>
      </c>
      <c r="F2374" s="22">
        <v>46266</v>
      </c>
      <c r="G2374" s="6" t="s">
        <v>11352</v>
      </c>
      <c r="H2374" s="6" t="s">
        <v>202</v>
      </c>
      <c r="I2374" s="6" t="s">
        <v>1707</v>
      </c>
      <c r="J2374" s="6" t="s">
        <v>11353</v>
      </c>
      <c r="K2374" s="9" t="s">
        <v>11354</v>
      </c>
      <c r="L2374" s="10" t="s">
        <v>22</v>
      </c>
      <c r="M2374" s="10" t="s">
        <v>22</v>
      </c>
      <c r="N2374" s="10" t="s">
        <v>22</v>
      </c>
      <c r="O2374" s="10" t="s">
        <v>22</v>
      </c>
      <c r="P2374" s="10" t="s">
        <v>22</v>
      </c>
      <c r="Q2374" s="10" t="s">
        <v>22</v>
      </c>
      <c r="R2374" s="10" t="s">
        <v>22</v>
      </c>
      <c r="S2374" s="10" t="s">
        <v>22</v>
      </c>
      <c r="T2374" s="10" t="s">
        <v>22</v>
      </c>
    </row>
    <row r="2375" spans="1:26" ht="24" customHeight="1" x14ac:dyDescent="0.2">
      <c r="A2375" s="9" t="s">
        <v>19617</v>
      </c>
      <c r="B2375" s="9" t="s">
        <v>14</v>
      </c>
      <c r="C2375" s="9" t="s">
        <v>11355</v>
      </c>
      <c r="D2375" s="6" t="s">
        <v>11356</v>
      </c>
      <c r="E2375" s="22">
        <v>44441</v>
      </c>
      <c r="F2375" s="22">
        <v>46266</v>
      </c>
      <c r="G2375" s="6" t="s">
        <v>11357</v>
      </c>
      <c r="H2375" s="6" t="s">
        <v>62</v>
      </c>
      <c r="I2375" s="6" t="s">
        <v>306</v>
      </c>
      <c r="J2375" s="6" t="s">
        <v>11358</v>
      </c>
      <c r="K2375" s="9" t="s">
        <v>11359</v>
      </c>
      <c r="L2375" s="10" t="s">
        <v>22</v>
      </c>
      <c r="M2375" s="10" t="s">
        <v>22</v>
      </c>
      <c r="N2375" s="10" t="s">
        <v>22</v>
      </c>
      <c r="O2375" s="10" t="s">
        <v>22</v>
      </c>
      <c r="P2375" s="10" t="s">
        <v>22</v>
      </c>
      <c r="Q2375" s="10" t="s">
        <v>22</v>
      </c>
      <c r="R2375" s="10" t="s">
        <v>22</v>
      </c>
      <c r="S2375" s="10" t="s">
        <v>22</v>
      </c>
      <c r="T2375" s="10" t="s">
        <v>22</v>
      </c>
    </row>
    <row r="2376" spans="1:26" ht="24" customHeight="1" x14ac:dyDescent="0.2">
      <c r="A2376" s="9" t="s">
        <v>19618</v>
      </c>
      <c r="B2376" s="9" t="s">
        <v>14</v>
      </c>
      <c r="C2376" s="9" t="s">
        <v>11360</v>
      </c>
      <c r="D2376" s="6" t="s">
        <v>11361</v>
      </c>
      <c r="E2376" s="22">
        <v>44441</v>
      </c>
      <c r="F2376" s="22">
        <v>46266</v>
      </c>
      <c r="G2376" s="6" t="s">
        <v>11362</v>
      </c>
      <c r="H2376" s="6" t="s">
        <v>202</v>
      </c>
      <c r="I2376" s="6" t="s">
        <v>873</v>
      </c>
      <c r="J2376" s="6" t="s">
        <v>11363</v>
      </c>
      <c r="K2376" s="9" t="s">
        <v>11364</v>
      </c>
      <c r="N2376" s="10" t="s">
        <v>22</v>
      </c>
      <c r="W2376" s="10" t="s">
        <v>22</v>
      </c>
    </row>
    <row r="2377" spans="1:26" ht="24" customHeight="1" x14ac:dyDescent="0.2">
      <c r="A2377" s="9" t="s">
        <v>19619</v>
      </c>
      <c r="B2377" s="9" t="s">
        <v>14</v>
      </c>
      <c r="C2377" s="9" t="s">
        <v>11365</v>
      </c>
      <c r="D2377" s="6" t="s">
        <v>11366</v>
      </c>
      <c r="E2377" s="22">
        <v>44441</v>
      </c>
      <c r="F2377" s="22">
        <v>46266</v>
      </c>
      <c r="G2377" s="6" t="s">
        <v>11367</v>
      </c>
      <c r="H2377" s="6" t="s">
        <v>363</v>
      </c>
      <c r="I2377" s="6" t="s">
        <v>4334</v>
      </c>
      <c r="J2377" s="6" t="s">
        <v>11368</v>
      </c>
      <c r="K2377" s="9" t="s">
        <v>11369</v>
      </c>
      <c r="L2377" s="10" t="s">
        <v>22</v>
      </c>
      <c r="M2377" s="10" t="s">
        <v>22</v>
      </c>
      <c r="N2377" s="10" t="s">
        <v>22</v>
      </c>
      <c r="O2377" s="10" t="s">
        <v>22</v>
      </c>
      <c r="P2377" s="10" t="s">
        <v>22</v>
      </c>
      <c r="Q2377" s="10" t="s">
        <v>22</v>
      </c>
      <c r="R2377" s="10" t="s">
        <v>22</v>
      </c>
      <c r="S2377" s="10" t="s">
        <v>22</v>
      </c>
      <c r="T2377" s="10" t="s">
        <v>22</v>
      </c>
      <c r="U2377" s="10" t="s">
        <v>22</v>
      </c>
      <c r="V2377" s="10" t="s">
        <v>22</v>
      </c>
      <c r="W2377" s="10" t="s">
        <v>22</v>
      </c>
      <c r="X2377" s="10" t="s">
        <v>22</v>
      </c>
      <c r="Y2377" s="10" t="s">
        <v>22</v>
      </c>
      <c r="Z2377" s="10" t="s">
        <v>22</v>
      </c>
    </row>
    <row r="2378" spans="1:26" ht="24" customHeight="1" x14ac:dyDescent="0.2">
      <c r="A2378" s="9" t="s">
        <v>19620</v>
      </c>
      <c r="B2378" s="9" t="s">
        <v>14</v>
      </c>
      <c r="C2378" s="9" t="s">
        <v>11370</v>
      </c>
      <c r="D2378" s="6" t="s">
        <v>11371</v>
      </c>
      <c r="E2378" s="22">
        <v>44441</v>
      </c>
      <c r="F2378" s="22">
        <v>46266</v>
      </c>
      <c r="G2378" s="6" t="s">
        <v>11372</v>
      </c>
      <c r="H2378" s="6" t="s">
        <v>62</v>
      </c>
      <c r="I2378" s="6" t="s">
        <v>73</v>
      </c>
      <c r="J2378" s="6" t="s">
        <v>11373</v>
      </c>
      <c r="L2378" s="10" t="s">
        <v>22</v>
      </c>
      <c r="M2378" s="10" t="s">
        <v>22</v>
      </c>
      <c r="N2378" s="10" t="s">
        <v>22</v>
      </c>
      <c r="U2378" s="10" t="s">
        <v>22</v>
      </c>
      <c r="V2378" s="10" t="s">
        <v>22</v>
      </c>
      <c r="W2378" s="10" t="s">
        <v>22</v>
      </c>
    </row>
    <row r="2379" spans="1:26" ht="24" customHeight="1" x14ac:dyDescent="0.2">
      <c r="A2379" s="9" t="s">
        <v>19621</v>
      </c>
      <c r="B2379" s="9" t="s">
        <v>14</v>
      </c>
      <c r="C2379" s="9" t="s">
        <v>11374</v>
      </c>
      <c r="D2379" s="6" t="s">
        <v>11375</v>
      </c>
      <c r="E2379" s="22">
        <v>44448</v>
      </c>
      <c r="F2379" s="22">
        <v>46273</v>
      </c>
      <c r="G2379" s="6" t="s">
        <v>11376</v>
      </c>
      <c r="H2379" s="6" t="s">
        <v>2069</v>
      </c>
      <c r="I2379" s="6" t="s">
        <v>2070</v>
      </c>
      <c r="J2379" s="6" t="s">
        <v>11377</v>
      </c>
      <c r="K2379" s="9" t="s">
        <v>11378</v>
      </c>
      <c r="L2379" s="10" t="s">
        <v>22</v>
      </c>
      <c r="M2379" s="10" t="s">
        <v>22</v>
      </c>
      <c r="N2379" s="10" t="s">
        <v>22</v>
      </c>
      <c r="O2379" s="10" t="s">
        <v>22</v>
      </c>
      <c r="P2379" s="10" t="s">
        <v>22</v>
      </c>
      <c r="Q2379" s="10" t="s">
        <v>22</v>
      </c>
      <c r="R2379" s="10" t="s">
        <v>22</v>
      </c>
      <c r="S2379" s="10" t="s">
        <v>22</v>
      </c>
      <c r="T2379" s="10" t="s">
        <v>22</v>
      </c>
      <c r="U2379" s="10" t="s">
        <v>22</v>
      </c>
      <c r="V2379" s="10" t="s">
        <v>22</v>
      </c>
      <c r="W2379" s="10" t="s">
        <v>22</v>
      </c>
      <c r="X2379" s="10" t="s">
        <v>22</v>
      </c>
      <c r="Y2379" s="10" t="s">
        <v>22</v>
      </c>
      <c r="Z2379" s="10" t="s">
        <v>22</v>
      </c>
    </row>
    <row r="2380" spans="1:26" ht="24" customHeight="1" x14ac:dyDescent="0.2">
      <c r="A2380" s="9" t="s">
        <v>19622</v>
      </c>
      <c r="B2380" s="9" t="s">
        <v>14</v>
      </c>
      <c r="C2380" s="9" t="s">
        <v>11379</v>
      </c>
      <c r="D2380" s="6" t="s">
        <v>11380</v>
      </c>
      <c r="E2380" s="22">
        <v>44460</v>
      </c>
      <c r="F2380" s="22">
        <v>46285</v>
      </c>
      <c r="G2380" s="6" t="s">
        <v>11381</v>
      </c>
      <c r="H2380" s="6" t="s">
        <v>18</v>
      </c>
      <c r="I2380" s="6" t="s">
        <v>26</v>
      </c>
      <c r="J2380" s="6" t="s">
        <v>11382</v>
      </c>
      <c r="K2380" s="9" t="s">
        <v>11383</v>
      </c>
      <c r="L2380" s="10" t="s">
        <v>22</v>
      </c>
      <c r="M2380" s="10" t="s">
        <v>22</v>
      </c>
      <c r="N2380" s="10" t="s">
        <v>22</v>
      </c>
      <c r="O2380" s="10" t="s">
        <v>22</v>
      </c>
      <c r="P2380" s="10" t="s">
        <v>22</v>
      </c>
      <c r="Q2380" s="10" t="s">
        <v>22</v>
      </c>
      <c r="R2380" s="10" t="s">
        <v>22</v>
      </c>
      <c r="S2380" s="10" t="s">
        <v>22</v>
      </c>
      <c r="T2380" s="10" t="s">
        <v>22</v>
      </c>
      <c r="U2380" s="10" t="s">
        <v>22</v>
      </c>
      <c r="V2380" s="10" t="s">
        <v>22</v>
      </c>
      <c r="W2380" s="10" t="s">
        <v>22</v>
      </c>
      <c r="X2380" s="10" t="s">
        <v>22</v>
      </c>
      <c r="Y2380" s="10" t="s">
        <v>22</v>
      </c>
      <c r="Z2380" s="10" t="s">
        <v>22</v>
      </c>
    </row>
    <row r="2381" spans="1:26" ht="24" customHeight="1" x14ac:dyDescent="0.2">
      <c r="A2381" s="9" t="s">
        <v>19623</v>
      </c>
      <c r="B2381" s="9" t="s">
        <v>14</v>
      </c>
      <c r="C2381" s="9" t="s">
        <v>11384</v>
      </c>
      <c r="D2381" s="6" t="s">
        <v>11385</v>
      </c>
      <c r="E2381" s="22">
        <v>44460</v>
      </c>
      <c r="F2381" s="22">
        <v>46285</v>
      </c>
      <c r="G2381" s="6" t="s">
        <v>11386</v>
      </c>
      <c r="H2381" s="6" t="s">
        <v>202</v>
      </c>
      <c r="I2381" s="6" t="s">
        <v>1530</v>
      </c>
      <c r="J2381" s="6" t="s">
        <v>11387</v>
      </c>
      <c r="K2381" s="9" t="s">
        <v>11388</v>
      </c>
      <c r="L2381" s="10" t="s">
        <v>22</v>
      </c>
      <c r="M2381" s="10" t="s">
        <v>22</v>
      </c>
      <c r="N2381" s="10" t="s">
        <v>22</v>
      </c>
      <c r="O2381" s="10" t="s">
        <v>22</v>
      </c>
      <c r="P2381" s="10" t="s">
        <v>22</v>
      </c>
      <c r="Q2381" s="10" t="s">
        <v>22</v>
      </c>
      <c r="R2381" s="10" t="s">
        <v>22</v>
      </c>
      <c r="S2381" s="10" t="s">
        <v>22</v>
      </c>
      <c r="T2381" s="10" t="s">
        <v>22</v>
      </c>
      <c r="U2381" s="10" t="s">
        <v>22</v>
      </c>
      <c r="V2381" s="10" t="s">
        <v>22</v>
      </c>
      <c r="W2381" s="10" t="s">
        <v>22</v>
      </c>
      <c r="X2381" s="10" t="s">
        <v>22</v>
      </c>
      <c r="Y2381" s="10" t="s">
        <v>22</v>
      </c>
      <c r="Z2381" s="10" t="s">
        <v>22</v>
      </c>
    </row>
    <row r="2382" spans="1:26" ht="24" customHeight="1" x14ac:dyDescent="0.2">
      <c r="A2382" s="9" t="s">
        <v>19624</v>
      </c>
      <c r="B2382" s="9" t="s">
        <v>14</v>
      </c>
      <c r="C2382" s="9" t="s">
        <v>11389</v>
      </c>
      <c r="D2382" s="6" t="s">
        <v>11390</v>
      </c>
      <c r="E2382" s="22">
        <v>44460</v>
      </c>
      <c r="F2382" s="22">
        <v>46285</v>
      </c>
      <c r="G2382" s="6" t="s">
        <v>11391</v>
      </c>
      <c r="H2382" s="6" t="s">
        <v>62</v>
      </c>
      <c r="I2382" s="6" t="s">
        <v>414</v>
      </c>
      <c r="J2382" s="6" t="s">
        <v>11392</v>
      </c>
      <c r="K2382" s="9" t="s">
        <v>11393</v>
      </c>
      <c r="L2382" s="10" t="s">
        <v>22</v>
      </c>
      <c r="M2382" s="10" t="s">
        <v>22</v>
      </c>
      <c r="N2382" s="10" t="s">
        <v>22</v>
      </c>
      <c r="O2382" s="10" t="s">
        <v>22</v>
      </c>
      <c r="P2382" s="10" t="s">
        <v>22</v>
      </c>
      <c r="Q2382" s="10" t="s">
        <v>22</v>
      </c>
      <c r="U2382" s="10" t="s">
        <v>22</v>
      </c>
      <c r="V2382" s="10" t="s">
        <v>22</v>
      </c>
      <c r="W2382" s="10" t="s">
        <v>22</v>
      </c>
      <c r="X2382" s="10" t="s">
        <v>22</v>
      </c>
      <c r="Y2382" s="10" t="s">
        <v>22</v>
      </c>
      <c r="Z2382" s="10" t="s">
        <v>22</v>
      </c>
    </row>
    <row r="2383" spans="1:26" ht="24" customHeight="1" x14ac:dyDescent="0.2">
      <c r="A2383" s="9" t="s">
        <v>19625</v>
      </c>
      <c r="B2383" s="9" t="s">
        <v>14</v>
      </c>
      <c r="C2383" s="9" t="s">
        <v>11394</v>
      </c>
      <c r="D2383" s="6" t="s">
        <v>11395</v>
      </c>
      <c r="E2383" s="22">
        <v>44460</v>
      </c>
      <c r="F2383" s="22">
        <v>46285</v>
      </c>
      <c r="G2383" s="6" t="s">
        <v>11396</v>
      </c>
      <c r="H2383" s="6" t="s">
        <v>62</v>
      </c>
      <c r="I2383" s="6" t="s">
        <v>318</v>
      </c>
      <c r="J2383" s="6" t="s">
        <v>11397</v>
      </c>
      <c r="K2383" s="9" t="s">
        <v>11398</v>
      </c>
      <c r="L2383" s="10" t="s">
        <v>22</v>
      </c>
      <c r="M2383" s="10" t="s">
        <v>22</v>
      </c>
      <c r="N2383" s="10" t="s">
        <v>22</v>
      </c>
      <c r="O2383" s="10" t="s">
        <v>22</v>
      </c>
      <c r="P2383" s="10" t="s">
        <v>22</v>
      </c>
      <c r="Q2383" s="10" t="s">
        <v>22</v>
      </c>
      <c r="U2383" s="10" t="s">
        <v>22</v>
      </c>
      <c r="V2383" s="10" t="s">
        <v>22</v>
      </c>
      <c r="W2383" s="10" t="s">
        <v>22</v>
      </c>
      <c r="X2383" s="10" t="s">
        <v>22</v>
      </c>
      <c r="Y2383" s="10" t="s">
        <v>22</v>
      </c>
      <c r="Z2383" s="10" t="s">
        <v>22</v>
      </c>
    </row>
    <row r="2384" spans="1:26" ht="24" customHeight="1" x14ac:dyDescent="0.2">
      <c r="A2384" s="9" t="s">
        <v>19626</v>
      </c>
      <c r="B2384" s="9" t="s">
        <v>14</v>
      </c>
      <c r="C2384" s="9" t="s">
        <v>11399</v>
      </c>
      <c r="D2384" s="6" t="s">
        <v>11400</v>
      </c>
      <c r="E2384" s="22">
        <v>44460</v>
      </c>
      <c r="F2384" s="22">
        <v>46285</v>
      </c>
      <c r="G2384" s="6" t="s">
        <v>11401</v>
      </c>
      <c r="H2384" s="6" t="s">
        <v>62</v>
      </c>
      <c r="I2384" s="6" t="s">
        <v>493</v>
      </c>
      <c r="J2384" s="6" t="s">
        <v>11402</v>
      </c>
      <c r="L2384" s="10" t="s">
        <v>22</v>
      </c>
      <c r="M2384" s="10" t="s">
        <v>22</v>
      </c>
      <c r="N2384" s="10" t="s">
        <v>22</v>
      </c>
      <c r="O2384" s="10" t="s">
        <v>22</v>
      </c>
      <c r="P2384" s="10" t="s">
        <v>22</v>
      </c>
      <c r="Q2384" s="10" t="s">
        <v>22</v>
      </c>
      <c r="R2384" s="10" t="s">
        <v>22</v>
      </c>
      <c r="S2384" s="10" t="s">
        <v>22</v>
      </c>
      <c r="T2384" s="10" t="s">
        <v>22</v>
      </c>
      <c r="U2384" s="10" t="s">
        <v>22</v>
      </c>
      <c r="V2384" s="10" t="s">
        <v>22</v>
      </c>
      <c r="W2384" s="10" t="s">
        <v>22</v>
      </c>
      <c r="X2384" s="10" t="s">
        <v>22</v>
      </c>
      <c r="Y2384" s="10" t="s">
        <v>22</v>
      </c>
      <c r="Z2384" s="10" t="s">
        <v>22</v>
      </c>
    </row>
    <row r="2385" spans="1:26" ht="24" customHeight="1" x14ac:dyDescent="0.2">
      <c r="A2385" s="9" t="s">
        <v>19627</v>
      </c>
      <c r="B2385" s="9" t="s">
        <v>14</v>
      </c>
      <c r="C2385" s="9" t="s">
        <v>11403</v>
      </c>
      <c r="D2385" s="6" t="s">
        <v>11404</v>
      </c>
      <c r="E2385" s="22">
        <v>44460</v>
      </c>
      <c r="F2385" s="22">
        <v>46285</v>
      </c>
      <c r="G2385" s="6" t="s">
        <v>11405</v>
      </c>
      <c r="H2385" s="6" t="s">
        <v>202</v>
      </c>
      <c r="I2385" s="6" t="s">
        <v>336</v>
      </c>
      <c r="J2385" s="6" t="s">
        <v>11406</v>
      </c>
      <c r="K2385" s="9" t="s">
        <v>11407</v>
      </c>
      <c r="L2385" s="10" t="s">
        <v>22</v>
      </c>
      <c r="M2385" s="10" t="s">
        <v>22</v>
      </c>
      <c r="N2385" s="10" t="s">
        <v>22</v>
      </c>
      <c r="U2385" s="10" t="s">
        <v>22</v>
      </c>
      <c r="V2385" s="10" t="s">
        <v>22</v>
      </c>
      <c r="W2385" s="10" t="s">
        <v>22</v>
      </c>
    </row>
    <row r="2386" spans="1:26" ht="24" customHeight="1" x14ac:dyDescent="0.2">
      <c r="A2386" s="9" t="s">
        <v>19628</v>
      </c>
      <c r="B2386" s="9" t="s">
        <v>14</v>
      </c>
      <c r="C2386" s="9" t="s">
        <v>11408</v>
      </c>
      <c r="D2386" s="6" t="s">
        <v>11409</v>
      </c>
      <c r="E2386" s="22">
        <v>44460</v>
      </c>
      <c r="F2386" s="22">
        <v>46285</v>
      </c>
      <c r="G2386" s="6" t="s">
        <v>11410</v>
      </c>
      <c r="H2386" s="6" t="s">
        <v>18</v>
      </c>
      <c r="I2386" s="6" t="s">
        <v>19</v>
      </c>
      <c r="J2386" s="6" t="s">
        <v>9630</v>
      </c>
      <c r="K2386" s="9" t="s">
        <v>9631</v>
      </c>
      <c r="L2386" s="10" t="s">
        <v>22</v>
      </c>
      <c r="M2386" s="10" t="s">
        <v>22</v>
      </c>
      <c r="N2386" s="10" t="s">
        <v>22</v>
      </c>
      <c r="R2386" s="10" t="s">
        <v>22</v>
      </c>
      <c r="S2386" s="10" t="s">
        <v>22</v>
      </c>
      <c r="T2386" s="10" t="s">
        <v>22</v>
      </c>
      <c r="U2386" s="10" t="s">
        <v>22</v>
      </c>
      <c r="V2386" s="10" t="s">
        <v>22</v>
      </c>
      <c r="W2386" s="10" t="s">
        <v>22</v>
      </c>
    </row>
    <row r="2387" spans="1:26" ht="24" customHeight="1" x14ac:dyDescent="0.2">
      <c r="A2387" s="9" t="s">
        <v>19629</v>
      </c>
      <c r="B2387" s="9" t="s">
        <v>14</v>
      </c>
      <c r="C2387" s="9" t="s">
        <v>11411</v>
      </c>
      <c r="D2387" s="6" t="s">
        <v>11412</v>
      </c>
      <c r="E2387" s="22">
        <v>44460</v>
      </c>
      <c r="F2387" s="22">
        <v>46285</v>
      </c>
      <c r="G2387" s="6" t="s">
        <v>11413</v>
      </c>
      <c r="H2387" s="6" t="s">
        <v>62</v>
      </c>
      <c r="I2387" s="6" t="s">
        <v>318</v>
      </c>
      <c r="J2387" s="6" t="s">
        <v>11414</v>
      </c>
      <c r="L2387" s="10" t="s">
        <v>22</v>
      </c>
      <c r="M2387" s="10" t="s">
        <v>22</v>
      </c>
      <c r="N2387" s="10" t="s">
        <v>22</v>
      </c>
      <c r="O2387" s="10" t="s">
        <v>22</v>
      </c>
      <c r="P2387" s="10" t="s">
        <v>22</v>
      </c>
      <c r="Q2387" s="10" t="s">
        <v>22</v>
      </c>
      <c r="R2387" s="10" t="s">
        <v>22</v>
      </c>
      <c r="S2387" s="10" t="s">
        <v>22</v>
      </c>
      <c r="T2387" s="10" t="s">
        <v>22</v>
      </c>
      <c r="U2387" s="10" t="s">
        <v>22</v>
      </c>
      <c r="V2387" s="10" t="s">
        <v>22</v>
      </c>
      <c r="W2387" s="10" t="s">
        <v>22</v>
      </c>
      <c r="X2387" s="10" t="s">
        <v>22</v>
      </c>
      <c r="Y2387" s="10" t="s">
        <v>22</v>
      </c>
      <c r="Z2387" s="10" t="s">
        <v>22</v>
      </c>
    </row>
    <row r="2388" spans="1:26" ht="24" customHeight="1" x14ac:dyDescent="0.2">
      <c r="A2388" s="9" t="s">
        <v>19630</v>
      </c>
      <c r="B2388" s="9" t="s">
        <v>14</v>
      </c>
      <c r="C2388" s="9" t="s">
        <v>11415</v>
      </c>
      <c r="D2388" s="6" t="s">
        <v>11416</v>
      </c>
      <c r="E2388" s="22">
        <v>44466</v>
      </c>
      <c r="F2388" s="22">
        <v>46291</v>
      </c>
      <c r="G2388" s="6" t="s">
        <v>11417</v>
      </c>
      <c r="H2388" s="6" t="s">
        <v>18</v>
      </c>
      <c r="I2388" s="6" t="s">
        <v>19</v>
      </c>
      <c r="J2388" s="6" t="s">
        <v>11418</v>
      </c>
      <c r="K2388" s="9" t="s">
        <v>11419</v>
      </c>
      <c r="L2388" s="10" t="s">
        <v>22</v>
      </c>
      <c r="M2388" s="10" t="s">
        <v>22</v>
      </c>
      <c r="N2388" s="10" t="s">
        <v>22</v>
      </c>
      <c r="R2388" s="10" t="s">
        <v>22</v>
      </c>
      <c r="S2388" s="10" t="s">
        <v>22</v>
      </c>
      <c r="T2388" s="10" t="s">
        <v>22</v>
      </c>
      <c r="U2388" s="10" t="s">
        <v>22</v>
      </c>
      <c r="V2388" s="10" t="s">
        <v>22</v>
      </c>
      <c r="W2388" s="10" t="s">
        <v>22</v>
      </c>
    </row>
    <row r="2389" spans="1:26" ht="24" customHeight="1" x14ac:dyDescent="0.2">
      <c r="A2389" s="9" t="s">
        <v>19631</v>
      </c>
      <c r="B2389" s="9" t="s">
        <v>14</v>
      </c>
      <c r="C2389" s="9" t="s">
        <v>11420</v>
      </c>
      <c r="D2389" s="6" t="s">
        <v>11421</v>
      </c>
      <c r="E2389" s="22">
        <v>44466</v>
      </c>
      <c r="F2389" s="22">
        <v>46291</v>
      </c>
      <c r="G2389" s="6" t="s">
        <v>11422</v>
      </c>
      <c r="H2389" s="6" t="s">
        <v>202</v>
      </c>
      <c r="I2389" s="6" t="s">
        <v>2992</v>
      </c>
      <c r="J2389" s="6" t="s">
        <v>11423</v>
      </c>
      <c r="M2389" s="10" t="s">
        <v>22</v>
      </c>
      <c r="N2389" s="10" t="s">
        <v>22</v>
      </c>
      <c r="V2389" s="10" t="s">
        <v>22</v>
      </c>
      <c r="W2389" s="10" t="s">
        <v>22</v>
      </c>
    </row>
    <row r="2390" spans="1:26" ht="24" customHeight="1" x14ac:dyDescent="0.2">
      <c r="A2390" s="9" t="s">
        <v>19632</v>
      </c>
      <c r="B2390" s="9" t="s">
        <v>14</v>
      </c>
      <c r="C2390" s="9" t="s">
        <v>11424</v>
      </c>
      <c r="D2390" s="6" t="s">
        <v>11425</v>
      </c>
      <c r="E2390" s="22">
        <v>44469</v>
      </c>
      <c r="F2390" s="22">
        <v>46294</v>
      </c>
      <c r="G2390" s="6" t="s">
        <v>11426</v>
      </c>
      <c r="H2390" s="6" t="s">
        <v>62</v>
      </c>
      <c r="I2390" s="6" t="s">
        <v>63</v>
      </c>
      <c r="J2390" s="6" t="s">
        <v>11427</v>
      </c>
      <c r="K2390" s="9" t="s">
        <v>11428</v>
      </c>
      <c r="L2390" s="10" t="s">
        <v>22</v>
      </c>
      <c r="M2390" s="10" t="s">
        <v>22</v>
      </c>
      <c r="N2390" s="10" t="s">
        <v>22</v>
      </c>
      <c r="O2390" s="10" t="s">
        <v>22</v>
      </c>
      <c r="P2390" s="10" t="s">
        <v>22</v>
      </c>
      <c r="Q2390" s="10" t="s">
        <v>22</v>
      </c>
      <c r="U2390" s="10" t="s">
        <v>22</v>
      </c>
      <c r="V2390" s="10" t="s">
        <v>22</v>
      </c>
      <c r="W2390" s="10" t="s">
        <v>22</v>
      </c>
      <c r="X2390" s="10" t="s">
        <v>22</v>
      </c>
      <c r="Y2390" s="10" t="s">
        <v>22</v>
      </c>
      <c r="Z2390" s="10" t="s">
        <v>22</v>
      </c>
    </row>
    <row r="2391" spans="1:26" ht="24" customHeight="1" x14ac:dyDescent="0.2">
      <c r="A2391" s="9" t="s">
        <v>19633</v>
      </c>
      <c r="B2391" s="9" t="s">
        <v>14</v>
      </c>
      <c r="C2391" s="9" t="s">
        <v>11429</v>
      </c>
      <c r="D2391" s="6" t="s">
        <v>11430</v>
      </c>
      <c r="E2391" s="22">
        <v>44483</v>
      </c>
      <c r="F2391" s="22">
        <v>46308</v>
      </c>
      <c r="G2391" s="6" t="s">
        <v>11431</v>
      </c>
      <c r="H2391" s="6" t="s">
        <v>62</v>
      </c>
      <c r="I2391" s="6" t="s">
        <v>493</v>
      </c>
      <c r="J2391" s="6" t="s">
        <v>11432</v>
      </c>
      <c r="K2391" s="9" t="s">
        <v>11433</v>
      </c>
      <c r="L2391" s="10" t="s">
        <v>22</v>
      </c>
      <c r="M2391" s="10" t="s">
        <v>22</v>
      </c>
      <c r="N2391" s="10" t="s">
        <v>22</v>
      </c>
      <c r="O2391" s="10" t="s">
        <v>22</v>
      </c>
      <c r="P2391" s="10" t="s">
        <v>22</v>
      </c>
      <c r="Q2391" s="10" t="s">
        <v>22</v>
      </c>
      <c r="U2391" s="10" t="s">
        <v>22</v>
      </c>
      <c r="V2391" s="10" t="s">
        <v>22</v>
      </c>
      <c r="W2391" s="10" t="s">
        <v>22</v>
      </c>
      <c r="X2391" s="10" t="s">
        <v>22</v>
      </c>
      <c r="Y2391" s="10" t="s">
        <v>22</v>
      </c>
      <c r="Z2391" s="10" t="s">
        <v>22</v>
      </c>
    </row>
    <row r="2392" spans="1:26" ht="24" customHeight="1" x14ac:dyDescent="0.2">
      <c r="A2392" s="9" t="s">
        <v>19634</v>
      </c>
      <c r="B2392" s="9" t="s">
        <v>14</v>
      </c>
      <c r="C2392" s="9" t="s">
        <v>11434</v>
      </c>
      <c r="D2392" s="6" t="s">
        <v>11435</v>
      </c>
      <c r="E2392" s="22">
        <v>44483</v>
      </c>
      <c r="F2392" s="22">
        <v>46308</v>
      </c>
      <c r="G2392" s="6" t="s">
        <v>11436</v>
      </c>
      <c r="H2392" s="6" t="s">
        <v>18</v>
      </c>
      <c r="I2392" s="6" t="s">
        <v>19</v>
      </c>
      <c r="J2392" s="6" t="s">
        <v>11437</v>
      </c>
      <c r="L2392" s="10" t="s">
        <v>22</v>
      </c>
      <c r="M2392" s="10" t="s">
        <v>22</v>
      </c>
      <c r="N2392" s="10" t="s">
        <v>22</v>
      </c>
      <c r="O2392" s="10" t="s">
        <v>22</v>
      </c>
      <c r="P2392" s="10" t="s">
        <v>22</v>
      </c>
      <c r="Q2392" s="10" t="s">
        <v>22</v>
      </c>
      <c r="R2392" s="10" t="s">
        <v>22</v>
      </c>
      <c r="S2392" s="10" t="s">
        <v>22</v>
      </c>
      <c r="T2392" s="10" t="s">
        <v>22</v>
      </c>
      <c r="U2392" s="10" t="s">
        <v>22</v>
      </c>
      <c r="V2392" s="10" t="s">
        <v>22</v>
      </c>
      <c r="W2392" s="10" t="s">
        <v>22</v>
      </c>
      <c r="X2392" s="10" t="s">
        <v>22</v>
      </c>
      <c r="Y2392" s="10" t="s">
        <v>22</v>
      </c>
      <c r="Z2392" s="10" t="s">
        <v>22</v>
      </c>
    </row>
    <row r="2393" spans="1:26" ht="24" customHeight="1" x14ac:dyDescent="0.2">
      <c r="A2393" s="9" t="s">
        <v>19635</v>
      </c>
      <c r="B2393" s="9" t="s">
        <v>14</v>
      </c>
      <c r="C2393" s="9" t="s">
        <v>11438</v>
      </c>
      <c r="D2393" s="6" t="s">
        <v>11439</v>
      </c>
      <c r="E2393" s="22">
        <v>44483</v>
      </c>
      <c r="F2393" s="22">
        <v>46308</v>
      </c>
      <c r="G2393" s="6" t="s">
        <v>11440</v>
      </c>
      <c r="H2393" s="6" t="s">
        <v>62</v>
      </c>
      <c r="I2393" s="6" t="s">
        <v>477</v>
      </c>
      <c r="J2393" s="6" t="s">
        <v>11441</v>
      </c>
      <c r="K2393" s="9" t="s">
        <v>11442</v>
      </c>
      <c r="L2393" s="10" t="s">
        <v>22</v>
      </c>
      <c r="M2393" s="10" t="s">
        <v>22</v>
      </c>
      <c r="N2393" s="10" t="s">
        <v>22</v>
      </c>
      <c r="O2393" s="10" t="s">
        <v>22</v>
      </c>
      <c r="P2393" s="10" t="s">
        <v>22</v>
      </c>
      <c r="Q2393" s="10" t="s">
        <v>22</v>
      </c>
      <c r="U2393" s="10" t="s">
        <v>22</v>
      </c>
      <c r="V2393" s="10" t="s">
        <v>22</v>
      </c>
      <c r="W2393" s="10" t="s">
        <v>22</v>
      </c>
      <c r="X2393" s="10" t="s">
        <v>22</v>
      </c>
      <c r="Y2393" s="10" t="s">
        <v>22</v>
      </c>
      <c r="Z2393" s="10" t="s">
        <v>22</v>
      </c>
    </row>
    <row r="2394" spans="1:26" ht="24" customHeight="1" x14ac:dyDescent="0.2">
      <c r="A2394" s="9" t="s">
        <v>19636</v>
      </c>
      <c r="B2394" s="9" t="s">
        <v>14</v>
      </c>
      <c r="C2394" s="9" t="s">
        <v>11443</v>
      </c>
      <c r="D2394" s="6" t="s">
        <v>11444</v>
      </c>
      <c r="E2394" s="22">
        <v>44483</v>
      </c>
      <c r="F2394" s="22">
        <v>46308</v>
      </c>
      <c r="G2394" s="6" t="s">
        <v>11445</v>
      </c>
      <c r="H2394" s="6" t="s">
        <v>202</v>
      </c>
      <c r="I2394" s="6" t="s">
        <v>5138</v>
      </c>
      <c r="J2394" s="6" t="s">
        <v>11446</v>
      </c>
      <c r="K2394" s="9" t="s">
        <v>11447</v>
      </c>
      <c r="L2394" s="10" t="s">
        <v>22</v>
      </c>
      <c r="M2394" s="10" t="s">
        <v>22</v>
      </c>
      <c r="N2394" s="10" t="s">
        <v>22</v>
      </c>
      <c r="O2394" s="10" t="s">
        <v>22</v>
      </c>
      <c r="P2394" s="10" t="s">
        <v>22</v>
      </c>
      <c r="Q2394" s="10" t="s">
        <v>22</v>
      </c>
      <c r="U2394" s="10" t="s">
        <v>22</v>
      </c>
      <c r="V2394" s="10" t="s">
        <v>22</v>
      </c>
      <c r="W2394" s="10" t="s">
        <v>22</v>
      </c>
      <c r="X2394" s="10" t="s">
        <v>22</v>
      </c>
      <c r="Y2394" s="10" t="s">
        <v>22</v>
      </c>
      <c r="Z2394" s="10" t="s">
        <v>22</v>
      </c>
    </row>
    <row r="2395" spans="1:26" ht="24" customHeight="1" x14ac:dyDescent="0.2">
      <c r="A2395" s="9" t="s">
        <v>19637</v>
      </c>
      <c r="B2395" s="9" t="s">
        <v>14</v>
      </c>
      <c r="C2395" s="9" t="s">
        <v>11448</v>
      </c>
      <c r="D2395" s="6" t="s">
        <v>11449</v>
      </c>
      <c r="E2395" s="22">
        <v>44487</v>
      </c>
      <c r="F2395" s="22">
        <v>46312</v>
      </c>
      <c r="G2395" s="6" t="s">
        <v>11450</v>
      </c>
      <c r="H2395" s="6" t="s">
        <v>202</v>
      </c>
      <c r="I2395" s="6" t="s">
        <v>954</v>
      </c>
      <c r="J2395" s="6" t="s">
        <v>11451</v>
      </c>
      <c r="L2395" s="10" t="s">
        <v>22</v>
      </c>
      <c r="M2395" s="10" t="s">
        <v>22</v>
      </c>
      <c r="N2395" s="10" t="s">
        <v>22</v>
      </c>
      <c r="O2395" s="10" t="s">
        <v>22</v>
      </c>
      <c r="P2395" s="10" t="s">
        <v>22</v>
      </c>
      <c r="Q2395" s="10" t="s">
        <v>22</v>
      </c>
      <c r="R2395" s="10" t="s">
        <v>22</v>
      </c>
      <c r="S2395" s="10" t="s">
        <v>22</v>
      </c>
      <c r="T2395" s="10" t="s">
        <v>22</v>
      </c>
    </row>
    <row r="2396" spans="1:26" ht="24" customHeight="1" x14ac:dyDescent="0.2">
      <c r="A2396" s="9" t="s">
        <v>19638</v>
      </c>
      <c r="B2396" s="9" t="s">
        <v>14</v>
      </c>
      <c r="C2396" s="9" t="s">
        <v>11452</v>
      </c>
      <c r="D2396" s="6" t="s">
        <v>11453</v>
      </c>
      <c r="E2396" s="22">
        <v>44487</v>
      </c>
      <c r="F2396" s="22">
        <v>46312</v>
      </c>
      <c r="G2396" s="6" t="s">
        <v>11454</v>
      </c>
      <c r="H2396" s="6" t="s">
        <v>62</v>
      </c>
      <c r="I2396" s="6" t="s">
        <v>73</v>
      </c>
      <c r="J2396" s="6" t="s">
        <v>11455</v>
      </c>
      <c r="K2396" s="9" t="s">
        <v>11456</v>
      </c>
      <c r="L2396" s="10" t="s">
        <v>22</v>
      </c>
      <c r="M2396" s="10" t="s">
        <v>22</v>
      </c>
      <c r="N2396" s="10" t="s">
        <v>22</v>
      </c>
      <c r="O2396" s="10" t="s">
        <v>22</v>
      </c>
      <c r="P2396" s="10" t="s">
        <v>22</v>
      </c>
      <c r="Q2396" s="10" t="s">
        <v>22</v>
      </c>
      <c r="R2396" s="10" t="s">
        <v>22</v>
      </c>
      <c r="S2396" s="10" t="s">
        <v>22</v>
      </c>
      <c r="T2396" s="10" t="s">
        <v>22</v>
      </c>
      <c r="U2396" s="10" t="s">
        <v>22</v>
      </c>
      <c r="V2396" s="10" t="s">
        <v>22</v>
      </c>
      <c r="W2396" s="10" t="s">
        <v>22</v>
      </c>
      <c r="X2396" s="10" t="s">
        <v>22</v>
      </c>
      <c r="Y2396" s="10" t="s">
        <v>22</v>
      </c>
      <c r="Z2396" s="10" t="s">
        <v>22</v>
      </c>
    </row>
    <row r="2397" spans="1:26" ht="52.25" customHeight="1" x14ac:dyDescent="0.2">
      <c r="A2397" s="9" t="s">
        <v>19639</v>
      </c>
      <c r="B2397" s="9" t="s">
        <v>14</v>
      </c>
      <c r="C2397" s="9" t="s">
        <v>11457</v>
      </c>
      <c r="D2397" s="6" t="s">
        <v>11458</v>
      </c>
      <c r="E2397" s="22">
        <v>44487</v>
      </c>
      <c r="F2397" s="22">
        <v>46312</v>
      </c>
      <c r="G2397" s="6" t="s">
        <v>11459</v>
      </c>
      <c r="H2397" s="6" t="s">
        <v>18</v>
      </c>
      <c r="I2397" s="6" t="s">
        <v>19</v>
      </c>
      <c r="J2397" s="6" t="s">
        <v>11460</v>
      </c>
      <c r="K2397" s="9" t="s">
        <v>11461</v>
      </c>
      <c r="L2397" s="10" t="s">
        <v>22</v>
      </c>
      <c r="M2397" s="10" t="s">
        <v>22</v>
      </c>
      <c r="N2397" s="10" t="s">
        <v>22</v>
      </c>
      <c r="O2397" s="10" t="s">
        <v>22</v>
      </c>
      <c r="P2397" s="10" t="s">
        <v>22</v>
      </c>
      <c r="Q2397" s="10" t="s">
        <v>22</v>
      </c>
      <c r="U2397" s="10" t="s">
        <v>22</v>
      </c>
      <c r="V2397" s="10" t="s">
        <v>22</v>
      </c>
      <c r="W2397" s="10" t="s">
        <v>22</v>
      </c>
      <c r="X2397" s="10" t="s">
        <v>22</v>
      </c>
      <c r="Y2397" s="10" t="s">
        <v>22</v>
      </c>
      <c r="Z2397" s="10" t="s">
        <v>22</v>
      </c>
    </row>
    <row r="2398" spans="1:26" ht="24" customHeight="1" x14ac:dyDescent="0.2">
      <c r="A2398" s="9" t="s">
        <v>19640</v>
      </c>
      <c r="B2398" s="9" t="s">
        <v>14</v>
      </c>
      <c r="C2398" s="9" t="s">
        <v>11457</v>
      </c>
      <c r="D2398" s="6" t="s">
        <v>11458</v>
      </c>
      <c r="E2398" s="22">
        <v>44487</v>
      </c>
      <c r="F2398" s="22">
        <v>46312</v>
      </c>
      <c r="G2398" s="6" t="s">
        <v>11462</v>
      </c>
      <c r="H2398" s="6" t="s">
        <v>62</v>
      </c>
      <c r="I2398" s="6" t="s">
        <v>477</v>
      </c>
      <c r="J2398" s="6" t="s">
        <v>11463</v>
      </c>
      <c r="K2398" s="9" t="s">
        <v>11464</v>
      </c>
      <c r="L2398" s="10" t="s">
        <v>22</v>
      </c>
      <c r="M2398" s="10" t="s">
        <v>22</v>
      </c>
      <c r="N2398" s="10" t="s">
        <v>22</v>
      </c>
      <c r="O2398" s="10" t="s">
        <v>22</v>
      </c>
      <c r="P2398" s="10" t="s">
        <v>22</v>
      </c>
      <c r="Q2398" s="10" t="s">
        <v>22</v>
      </c>
      <c r="R2398" s="10" t="s">
        <v>22</v>
      </c>
      <c r="S2398" s="10" t="s">
        <v>22</v>
      </c>
      <c r="T2398" s="10" t="s">
        <v>22</v>
      </c>
      <c r="U2398" s="10" t="s">
        <v>22</v>
      </c>
      <c r="V2398" s="10" t="s">
        <v>22</v>
      </c>
      <c r="W2398" s="10" t="s">
        <v>22</v>
      </c>
      <c r="X2398" s="10" t="s">
        <v>22</v>
      </c>
      <c r="Y2398" s="10" t="s">
        <v>22</v>
      </c>
      <c r="Z2398" s="10" t="s">
        <v>22</v>
      </c>
    </row>
    <row r="2399" spans="1:26" ht="24" customHeight="1" x14ac:dyDescent="0.2">
      <c r="A2399" s="9" t="s">
        <v>19641</v>
      </c>
      <c r="B2399" s="9" t="s">
        <v>14</v>
      </c>
      <c r="C2399" s="9" t="s">
        <v>11465</v>
      </c>
      <c r="D2399" s="6" t="s">
        <v>11466</v>
      </c>
      <c r="E2399" s="22">
        <v>44487</v>
      </c>
      <c r="F2399" s="22">
        <v>46312</v>
      </c>
      <c r="G2399" s="6" t="s">
        <v>11467</v>
      </c>
      <c r="H2399" s="6" t="s">
        <v>18</v>
      </c>
      <c r="I2399" s="6" t="s">
        <v>26</v>
      </c>
      <c r="J2399" s="6" t="s">
        <v>11468</v>
      </c>
      <c r="K2399" s="9" t="s">
        <v>11469</v>
      </c>
      <c r="L2399" s="10" t="s">
        <v>22</v>
      </c>
      <c r="M2399" s="10" t="s">
        <v>22</v>
      </c>
      <c r="N2399" s="10" t="s">
        <v>22</v>
      </c>
      <c r="O2399" s="10" t="s">
        <v>22</v>
      </c>
      <c r="P2399" s="10" t="s">
        <v>22</v>
      </c>
      <c r="Q2399" s="10" t="s">
        <v>22</v>
      </c>
      <c r="R2399" s="10" t="s">
        <v>22</v>
      </c>
      <c r="S2399" s="10" t="s">
        <v>22</v>
      </c>
      <c r="T2399" s="10" t="s">
        <v>22</v>
      </c>
      <c r="U2399" s="10" t="s">
        <v>22</v>
      </c>
      <c r="V2399" s="10" t="s">
        <v>22</v>
      </c>
      <c r="W2399" s="10" t="s">
        <v>22</v>
      </c>
      <c r="X2399" s="10" t="s">
        <v>22</v>
      </c>
      <c r="Y2399" s="10" t="s">
        <v>22</v>
      </c>
      <c r="Z2399" s="10" t="s">
        <v>22</v>
      </c>
    </row>
    <row r="2400" spans="1:26" ht="24" customHeight="1" x14ac:dyDescent="0.2">
      <c r="A2400" s="9" t="s">
        <v>19642</v>
      </c>
      <c r="B2400" s="9" t="s">
        <v>14</v>
      </c>
      <c r="C2400" s="9" t="s">
        <v>11470</v>
      </c>
      <c r="D2400" s="6" t="s">
        <v>11471</v>
      </c>
      <c r="E2400" s="22">
        <v>44488</v>
      </c>
      <c r="F2400" s="22">
        <v>46313</v>
      </c>
      <c r="G2400" s="6" t="s">
        <v>11472</v>
      </c>
      <c r="H2400" s="6" t="s">
        <v>18</v>
      </c>
      <c r="I2400" s="6" t="s">
        <v>26</v>
      </c>
      <c r="J2400" s="6" t="s">
        <v>11473</v>
      </c>
      <c r="K2400" s="9" t="s">
        <v>11474</v>
      </c>
      <c r="L2400" s="10" t="s">
        <v>22</v>
      </c>
      <c r="M2400" s="10" t="s">
        <v>22</v>
      </c>
      <c r="N2400" s="10" t="s">
        <v>22</v>
      </c>
      <c r="O2400" s="10" t="s">
        <v>22</v>
      </c>
      <c r="P2400" s="10" t="s">
        <v>22</v>
      </c>
      <c r="Q2400" s="10" t="s">
        <v>22</v>
      </c>
      <c r="R2400" s="10" t="s">
        <v>22</v>
      </c>
      <c r="S2400" s="10" t="s">
        <v>22</v>
      </c>
      <c r="T2400" s="10" t="s">
        <v>22</v>
      </c>
      <c r="U2400" s="10" t="s">
        <v>22</v>
      </c>
      <c r="V2400" s="10" t="s">
        <v>22</v>
      </c>
      <c r="W2400" s="10" t="s">
        <v>22</v>
      </c>
      <c r="X2400" s="10" t="s">
        <v>22</v>
      </c>
      <c r="Y2400" s="10" t="s">
        <v>22</v>
      </c>
      <c r="Z2400" s="10" t="s">
        <v>22</v>
      </c>
    </row>
    <row r="2401" spans="1:26" ht="24" customHeight="1" x14ac:dyDescent="0.2">
      <c r="A2401" s="9" t="s">
        <v>19643</v>
      </c>
      <c r="B2401" s="9" t="s">
        <v>14</v>
      </c>
      <c r="C2401" s="9" t="s">
        <v>11475</v>
      </c>
      <c r="D2401" s="6" t="s">
        <v>11476</v>
      </c>
      <c r="E2401" s="22">
        <v>44488</v>
      </c>
      <c r="F2401" s="22">
        <v>46313</v>
      </c>
      <c r="G2401" s="6" t="s">
        <v>11477</v>
      </c>
      <c r="H2401" s="6" t="s">
        <v>363</v>
      </c>
      <c r="I2401" s="6" t="s">
        <v>4205</v>
      </c>
      <c r="J2401" s="6" t="s">
        <v>11478</v>
      </c>
      <c r="K2401" s="9" t="s">
        <v>11479</v>
      </c>
      <c r="L2401" s="10" t="s">
        <v>22</v>
      </c>
      <c r="M2401" s="10" t="s">
        <v>22</v>
      </c>
      <c r="N2401" s="10" t="s">
        <v>22</v>
      </c>
      <c r="O2401" s="10" t="s">
        <v>22</v>
      </c>
      <c r="P2401" s="10" t="s">
        <v>22</v>
      </c>
      <c r="Q2401" s="10" t="s">
        <v>22</v>
      </c>
      <c r="R2401" s="10" t="s">
        <v>22</v>
      </c>
      <c r="S2401" s="10" t="s">
        <v>22</v>
      </c>
      <c r="T2401" s="10" t="s">
        <v>22</v>
      </c>
      <c r="U2401" s="10" t="s">
        <v>22</v>
      </c>
      <c r="V2401" s="10" t="s">
        <v>22</v>
      </c>
      <c r="W2401" s="10" t="s">
        <v>22</v>
      </c>
      <c r="X2401" s="10" t="s">
        <v>22</v>
      </c>
      <c r="Y2401" s="10" t="s">
        <v>22</v>
      </c>
      <c r="Z2401" s="10" t="s">
        <v>22</v>
      </c>
    </row>
    <row r="2402" spans="1:26" ht="24" customHeight="1" x14ac:dyDescent="0.2">
      <c r="A2402" s="9" t="s">
        <v>19644</v>
      </c>
      <c r="B2402" s="9" t="s">
        <v>14</v>
      </c>
      <c r="C2402" s="9" t="s">
        <v>11480</v>
      </c>
      <c r="D2402" s="6" t="s">
        <v>11481</v>
      </c>
      <c r="E2402" s="22">
        <v>44496</v>
      </c>
      <c r="F2402" s="22">
        <v>46321</v>
      </c>
      <c r="G2402" s="6" t="s">
        <v>11482</v>
      </c>
      <c r="H2402" s="6" t="s">
        <v>202</v>
      </c>
      <c r="I2402" s="6" t="s">
        <v>336</v>
      </c>
      <c r="J2402" s="6" t="s">
        <v>11483</v>
      </c>
      <c r="K2402" s="9" t="s">
        <v>11484</v>
      </c>
      <c r="L2402" s="10" t="s">
        <v>22</v>
      </c>
      <c r="M2402" s="10" t="s">
        <v>22</v>
      </c>
      <c r="N2402" s="10" t="s">
        <v>22</v>
      </c>
      <c r="O2402" s="10" t="s">
        <v>22</v>
      </c>
      <c r="P2402" s="10" t="s">
        <v>22</v>
      </c>
      <c r="Q2402" s="10" t="s">
        <v>22</v>
      </c>
      <c r="R2402" s="10" t="s">
        <v>22</v>
      </c>
      <c r="S2402" s="10" t="s">
        <v>22</v>
      </c>
      <c r="T2402" s="10" t="s">
        <v>22</v>
      </c>
      <c r="U2402" s="10" t="s">
        <v>22</v>
      </c>
      <c r="V2402" s="10" t="s">
        <v>22</v>
      </c>
      <c r="W2402" s="10" t="s">
        <v>22</v>
      </c>
      <c r="X2402" s="10" t="s">
        <v>22</v>
      </c>
      <c r="Y2402" s="10" t="s">
        <v>22</v>
      </c>
      <c r="Z2402" s="10" t="s">
        <v>22</v>
      </c>
    </row>
    <row r="2403" spans="1:26" ht="24" customHeight="1" x14ac:dyDescent="0.2">
      <c r="A2403" s="9" t="s">
        <v>19645</v>
      </c>
      <c r="B2403" s="9" t="s">
        <v>14</v>
      </c>
      <c r="C2403" s="9" t="s">
        <v>11485</v>
      </c>
      <c r="D2403" s="6" t="s">
        <v>11486</v>
      </c>
      <c r="E2403" s="22">
        <v>44496</v>
      </c>
      <c r="F2403" s="22">
        <v>46321</v>
      </c>
      <c r="G2403" s="6" t="s">
        <v>11487</v>
      </c>
      <c r="H2403" s="6" t="s">
        <v>2368</v>
      </c>
      <c r="I2403" s="6" t="s">
        <v>2710</v>
      </c>
      <c r="J2403" s="6" t="s">
        <v>11488</v>
      </c>
      <c r="K2403" s="9" t="s">
        <v>11489</v>
      </c>
      <c r="L2403" s="10" t="s">
        <v>22</v>
      </c>
      <c r="M2403" s="10" t="s">
        <v>22</v>
      </c>
      <c r="N2403" s="10" t="s">
        <v>22</v>
      </c>
      <c r="O2403" s="10" t="s">
        <v>22</v>
      </c>
      <c r="P2403" s="10" t="s">
        <v>22</v>
      </c>
      <c r="Q2403" s="10" t="s">
        <v>22</v>
      </c>
      <c r="R2403" s="10" t="s">
        <v>22</v>
      </c>
      <c r="S2403" s="10" t="s">
        <v>22</v>
      </c>
      <c r="T2403" s="10" t="s">
        <v>22</v>
      </c>
      <c r="U2403" s="10" t="s">
        <v>22</v>
      </c>
      <c r="V2403" s="10" t="s">
        <v>22</v>
      </c>
      <c r="W2403" s="10" t="s">
        <v>22</v>
      </c>
      <c r="X2403" s="10" t="s">
        <v>22</v>
      </c>
      <c r="Y2403" s="10" t="s">
        <v>22</v>
      </c>
      <c r="Z2403" s="10" t="s">
        <v>22</v>
      </c>
    </row>
    <row r="2404" spans="1:26" ht="24" customHeight="1" x14ac:dyDescent="0.2">
      <c r="A2404" s="9" t="s">
        <v>19646</v>
      </c>
      <c r="B2404" s="9" t="s">
        <v>14</v>
      </c>
      <c r="C2404" s="9" t="s">
        <v>11490</v>
      </c>
      <c r="D2404" s="6" t="s">
        <v>11491</v>
      </c>
      <c r="E2404" s="22">
        <v>44497</v>
      </c>
      <c r="F2404" s="22">
        <v>46322</v>
      </c>
      <c r="G2404" s="6" t="s">
        <v>11492</v>
      </c>
      <c r="H2404" s="6" t="s">
        <v>363</v>
      </c>
      <c r="I2404" s="6" t="s">
        <v>597</v>
      </c>
      <c r="J2404" s="6" t="s">
        <v>11493</v>
      </c>
      <c r="K2404" s="9" t="s">
        <v>11494</v>
      </c>
      <c r="L2404" s="10" t="s">
        <v>22</v>
      </c>
      <c r="M2404" s="10" t="s">
        <v>22</v>
      </c>
      <c r="N2404" s="10" t="s">
        <v>22</v>
      </c>
      <c r="O2404" s="10" t="s">
        <v>22</v>
      </c>
      <c r="P2404" s="10" t="s">
        <v>22</v>
      </c>
      <c r="Q2404" s="10" t="s">
        <v>22</v>
      </c>
      <c r="R2404" s="10" t="s">
        <v>22</v>
      </c>
      <c r="S2404" s="10" t="s">
        <v>22</v>
      </c>
      <c r="T2404" s="10" t="s">
        <v>22</v>
      </c>
      <c r="U2404" s="10" t="s">
        <v>22</v>
      </c>
      <c r="V2404" s="10" t="s">
        <v>22</v>
      </c>
      <c r="W2404" s="10" t="s">
        <v>22</v>
      </c>
      <c r="X2404" s="10" t="s">
        <v>22</v>
      </c>
      <c r="Y2404" s="10" t="s">
        <v>22</v>
      </c>
      <c r="Z2404" s="10" t="s">
        <v>22</v>
      </c>
    </row>
    <row r="2405" spans="1:26" ht="24" customHeight="1" x14ac:dyDescent="0.2">
      <c r="A2405" s="9" t="s">
        <v>19647</v>
      </c>
      <c r="B2405" s="9" t="s">
        <v>14</v>
      </c>
      <c r="C2405" s="9" t="s">
        <v>11495</v>
      </c>
      <c r="D2405" s="6" t="s">
        <v>11496</v>
      </c>
      <c r="E2405" s="22">
        <v>44504</v>
      </c>
      <c r="F2405" s="22">
        <v>46329</v>
      </c>
      <c r="G2405" s="6" t="s">
        <v>11497</v>
      </c>
      <c r="H2405" s="6" t="s">
        <v>62</v>
      </c>
      <c r="I2405" s="6" t="s">
        <v>414</v>
      </c>
      <c r="J2405" s="6" t="s">
        <v>11498</v>
      </c>
      <c r="K2405" s="9" t="s">
        <v>11499</v>
      </c>
      <c r="L2405" s="10" t="s">
        <v>22</v>
      </c>
      <c r="M2405" s="10" t="s">
        <v>22</v>
      </c>
      <c r="N2405" s="10" t="s">
        <v>22</v>
      </c>
      <c r="O2405" s="10" t="s">
        <v>22</v>
      </c>
      <c r="P2405" s="10" t="s">
        <v>22</v>
      </c>
      <c r="Q2405" s="10" t="s">
        <v>22</v>
      </c>
      <c r="R2405" s="10" t="s">
        <v>22</v>
      </c>
      <c r="S2405" s="10" t="s">
        <v>22</v>
      </c>
      <c r="T2405" s="10" t="s">
        <v>22</v>
      </c>
      <c r="U2405" s="10" t="s">
        <v>22</v>
      </c>
      <c r="V2405" s="10" t="s">
        <v>22</v>
      </c>
      <c r="W2405" s="10" t="s">
        <v>22</v>
      </c>
      <c r="X2405" s="10" t="s">
        <v>22</v>
      </c>
      <c r="Y2405" s="10" t="s">
        <v>22</v>
      </c>
      <c r="Z2405" s="10" t="s">
        <v>22</v>
      </c>
    </row>
    <row r="2406" spans="1:26" ht="24" customHeight="1" x14ac:dyDescent="0.2">
      <c r="A2406" s="9" t="s">
        <v>19648</v>
      </c>
      <c r="B2406" s="9" t="s">
        <v>14</v>
      </c>
      <c r="C2406" s="9" t="s">
        <v>11500</v>
      </c>
      <c r="D2406" s="6" t="s">
        <v>11501</v>
      </c>
      <c r="E2406" s="22">
        <v>44504</v>
      </c>
      <c r="F2406" s="22">
        <v>46329</v>
      </c>
      <c r="G2406" s="6" t="s">
        <v>11502</v>
      </c>
      <c r="H2406" s="6" t="s">
        <v>202</v>
      </c>
      <c r="I2406" s="6" t="s">
        <v>863</v>
      </c>
      <c r="J2406" s="6" t="s">
        <v>11503</v>
      </c>
      <c r="K2406" s="9" t="s">
        <v>11504</v>
      </c>
      <c r="L2406" s="10" t="s">
        <v>22</v>
      </c>
      <c r="M2406" s="10" t="s">
        <v>22</v>
      </c>
      <c r="N2406" s="10" t="s">
        <v>22</v>
      </c>
      <c r="O2406" s="10" t="s">
        <v>22</v>
      </c>
      <c r="P2406" s="10" t="s">
        <v>22</v>
      </c>
      <c r="Q2406" s="10" t="s">
        <v>22</v>
      </c>
      <c r="R2406" s="10" t="s">
        <v>22</v>
      </c>
      <c r="S2406" s="10" t="s">
        <v>22</v>
      </c>
      <c r="T2406" s="10" t="s">
        <v>22</v>
      </c>
      <c r="U2406" s="10" t="s">
        <v>22</v>
      </c>
      <c r="V2406" s="10" t="s">
        <v>22</v>
      </c>
      <c r="W2406" s="10" t="s">
        <v>22</v>
      </c>
      <c r="X2406" s="10" t="s">
        <v>22</v>
      </c>
      <c r="Y2406" s="10" t="s">
        <v>22</v>
      </c>
      <c r="Z2406" s="10" t="s">
        <v>22</v>
      </c>
    </row>
    <row r="2407" spans="1:26" ht="24" customHeight="1" x14ac:dyDescent="0.2">
      <c r="A2407" s="9" t="s">
        <v>19649</v>
      </c>
      <c r="B2407" s="9" t="s">
        <v>14</v>
      </c>
      <c r="C2407" s="9" t="s">
        <v>11505</v>
      </c>
      <c r="D2407" s="6" t="s">
        <v>11506</v>
      </c>
      <c r="E2407" s="22">
        <v>44508</v>
      </c>
      <c r="F2407" s="22">
        <v>46333</v>
      </c>
      <c r="G2407" s="6" t="s">
        <v>11507</v>
      </c>
      <c r="H2407" s="6" t="s">
        <v>62</v>
      </c>
      <c r="I2407" s="6" t="s">
        <v>4879</v>
      </c>
      <c r="J2407" s="6" t="s">
        <v>11508</v>
      </c>
      <c r="K2407" s="9" t="s">
        <v>11509</v>
      </c>
      <c r="L2407" s="10" t="s">
        <v>22</v>
      </c>
      <c r="M2407" s="10" t="s">
        <v>22</v>
      </c>
      <c r="N2407" s="10" t="s">
        <v>22</v>
      </c>
      <c r="O2407" s="10" t="s">
        <v>22</v>
      </c>
      <c r="P2407" s="10" t="s">
        <v>22</v>
      </c>
      <c r="Q2407" s="10" t="s">
        <v>22</v>
      </c>
      <c r="R2407" s="10" t="s">
        <v>22</v>
      </c>
      <c r="S2407" s="10" t="s">
        <v>22</v>
      </c>
      <c r="T2407" s="10" t="s">
        <v>22</v>
      </c>
      <c r="U2407" s="10" t="s">
        <v>22</v>
      </c>
      <c r="V2407" s="10" t="s">
        <v>22</v>
      </c>
      <c r="W2407" s="10" t="s">
        <v>22</v>
      </c>
      <c r="X2407" s="10" t="s">
        <v>22</v>
      </c>
      <c r="Y2407" s="10" t="s">
        <v>22</v>
      </c>
      <c r="Z2407" s="10" t="s">
        <v>22</v>
      </c>
    </row>
    <row r="2408" spans="1:26" ht="24" customHeight="1" x14ac:dyDescent="0.2">
      <c r="A2408" s="9" t="s">
        <v>19650</v>
      </c>
      <c r="B2408" s="9" t="s">
        <v>14</v>
      </c>
      <c r="C2408" s="9" t="s">
        <v>11510</v>
      </c>
      <c r="D2408" s="6" t="s">
        <v>11511</v>
      </c>
      <c r="E2408" s="22">
        <v>44508</v>
      </c>
      <c r="F2408" s="22">
        <v>46333</v>
      </c>
      <c r="G2408" s="6" t="s">
        <v>11512</v>
      </c>
      <c r="H2408" s="6" t="s">
        <v>62</v>
      </c>
      <c r="I2408" s="6" t="s">
        <v>264</v>
      </c>
      <c r="J2408" s="6" t="s">
        <v>11513</v>
      </c>
      <c r="K2408" s="9" t="s">
        <v>11514</v>
      </c>
      <c r="L2408" s="10" t="s">
        <v>22</v>
      </c>
      <c r="M2408" s="10" t="s">
        <v>22</v>
      </c>
      <c r="N2408" s="10" t="s">
        <v>22</v>
      </c>
      <c r="O2408" s="10" t="s">
        <v>22</v>
      </c>
      <c r="P2408" s="10" t="s">
        <v>22</v>
      </c>
      <c r="Q2408" s="10" t="s">
        <v>22</v>
      </c>
      <c r="R2408" s="10" t="s">
        <v>22</v>
      </c>
      <c r="S2408" s="10" t="s">
        <v>22</v>
      </c>
      <c r="T2408" s="10" t="s">
        <v>22</v>
      </c>
      <c r="U2408" s="10" t="s">
        <v>22</v>
      </c>
      <c r="V2408" s="10" t="s">
        <v>22</v>
      </c>
      <c r="W2408" s="10" t="s">
        <v>22</v>
      </c>
      <c r="X2408" s="10" t="s">
        <v>22</v>
      </c>
      <c r="Y2408" s="10" t="s">
        <v>22</v>
      </c>
      <c r="Z2408" s="10" t="s">
        <v>22</v>
      </c>
    </row>
    <row r="2409" spans="1:26" ht="24" customHeight="1" x14ac:dyDescent="0.2">
      <c r="A2409" s="9" t="s">
        <v>19651</v>
      </c>
      <c r="B2409" s="9" t="s">
        <v>14</v>
      </c>
      <c r="C2409" s="9" t="s">
        <v>11515</v>
      </c>
      <c r="D2409" s="6" t="s">
        <v>11516</v>
      </c>
      <c r="E2409" s="22">
        <v>44510</v>
      </c>
      <c r="F2409" s="22">
        <v>46335</v>
      </c>
      <c r="G2409" s="6" t="s">
        <v>11517</v>
      </c>
      <c r="H2409" s="6" t="s">
        <v>62</v>
      </c>
      <c r="I2409" s="6" t="s">
        <v>73</v>
      </c>
      <c r="J2409" s="6" t="s">
        <v>11518</v>
      </c>
      <c r="K2409" s="9" t="s">
        <v>11519</v>
      </c>
      <c r="L2409" s="10" t="s">
        <v>22</v>
      </c>
      <c r="M2409" s="10" t="s">
        <v>22</v>
      </c>
      <c r="N2409" s="10" t="s">
        <v>22</v>
      </c>
      <c r="U2409" s="10" t="s">
        <v>22</v>
      </c>
      <c r="V2409" s="10" t="s">
        <v>22</v>
      </c>
      <c r="W2409" s="10" t="s">
        <v>22</v>
      </c>
    </row>
    <row r="2410" spans="1:26" ht="24" customHeight="1" x14ac:dyDescent="0.2">
      <c r="A2410" s="9" t="s">
        <v>19652</v>
      </c>
      <c r="B2410" s="9" t="s">
        <v>14</v>
      </c>
      <c r="C2410" s="9" t="s">
        <v>11520</v>
      </c>
      <c r="D2410" s="6" t="s">
        <v>11521</v>
      </c>
      <c r="E2410" s="22">
        <v>44512</v>
      </c>
      <c r="F2410" s="22">
        <v>46337</v>
      </c>
      <c r="G2410" s="6" t="s">
        <v>11522</v>
      </c>
      <c r="H2410" s="6" t="s">
        <v>18</v>
      </c>
      <c r="I2410" s="6" t="s">
        <v>19</v>
      </c>
      <c r="J2410" s="6" t="s">
        <v>11523</v>
      </c>
      <c r="K2410" s="9" t="s">
        <v>11524</v>
      </c>
      <c r="L2410" s="10" t="s">
        <v>22</v>
      </c>
      <c r="M2410" s="10" t="s">
        <v>22</v>
      </c>
      <c r="N2410" s="10" t="s">
        <v>22</v>
      </c>
      <c r="O2410" s="10" t="s">
        <v>22</v>
      </c>
      <c r="P2410" s="10" t="s">
        <v>22</v>
      </c>
      <c r="Q2410" s="10" t="s">
        <v>22</v>
      </c>
      <c r="R2410" s="10" t="s">
        <v>22</v>
      </c>
      <c r="S2410" s="10" t="s">
        <v>22</v>
      </c>
      <c r="T2410" s="10" t="s">
        <v>22</v>
      </c>
    </row>
    <row r="2411" spans="1:26" ht="24" customHeight="1" x14ac:dyDescent="0.2">
      <c r="A2411" s="9" t="s">
        <v>19653</v>
      </c>
      <c r="B2411" s="9" t="s">
        <v>14</v>
      </c>
      <c r="C2411" s="9" t="s">
        <v>11525</v>
      </c>
      <c r="D2411" s="6" t="s">
        <v>11526</v>
      </c>
      <c r="E2411" s="22">
        <v>44512</v>
      </c>
      <c r="F2411" s="22">
        <v>46337</v>
      </c>
      <c r="G2411" s="6" t="s">
        <v>11527</v>
      </c>
      <c r="H2411" s="6" t="s">
        <v>62</v>
      </c>
      <c r="I2411" s="6" t="s">
        <v>306</v>
      </c>
      <c r="J2411" s="6" t="s">
        <v>11528</v>
      </c>
      <c r="K2411" s="9" t="s">
        <v>11529</v>
      </c>
      <c r="P2411" s="10" t="s">
        <v>22</v>
      </c>
      <c r="Q2411" s="10" t="s">
        <v>22</v>
      </c>
      <c r="Y2411" s="10" t="s">
        <v>22</v>
      </c>
      <c r="Z2411" s="10" t="s">
        <v>22</v>
      </c>
    </row>
    <row r="2412" spans="1:26" ht="24" customHeight="1" x14ac:dyDescent="0.2">
      <c r="A2412" s="9" t="s">
        <v>19654</v>
      </c>
      <c r="B2412" s="9" t="s">
        <v>14</v>
      </c>
      <c r="C2412" s="9" t="s">
        <v>11530</v>
      </c>
      <c r="D2412" s="6" t="s">
        <v>11531</v>
      </c>
      <c r="E2412" s="22">
        <v>44512</v>
      </c>
      <c r="F2412" s="22">
        <v>46337</v>
      </c>
      <c r="G2412" s="6" t="s">
        <v>11532</v>
      </c>
      <c r="H2412" s="6" t="s">
        <v>62</v>
      </c>
      <c r="I2412" s="6" t="s">
        <v>63</v>
      </c>
      <c r="J2412" s="6" t="s">
        <v>11533</v>
      </c>
      <c r="K2412" s="9" t="s">
        <v>11534</v>
      </c>
      <c r="L2412" s="10" t="s">
        <v>22</v>
      </c>
      <c r="M2412" s="10" t="s">
        <v>22</v>
      </c>
      <c r="N2412" s="10" t="s">
        <v>22</v>
      </c>
      <c r="O2412" s="10" t="s">
        <v>22</v>
      </c>
      <c r="P2412" s="10" t="s">
        <v>22</v>
      </c>
      <c r="Q2412" s="10" t="s">
        <v>22</v>
      </c>
      <c r="R2412" s="10" t="s">
        <v>22</v>
      </c>
      <c r="S2412" s="10" t="s">
        <v>22</v>
      </c>
      <c r="T2412" s="10" t="s">
        <v>22</v>
      </c>
      <c r="U2412" s="10" t="s">
        <v>22</v>
      </c>
      <c r="V2412" s="10" t="s">
        <v>22</v>
      </c>
      <c r="W2412" s="10" t="s">
        <v>22</v>
      </c>
      <c r="X2412" s="10" t="s">
        <v>22</v>
      </c>
      <c r="Y2412" s="10" t="s">
        <v>22</v>
      </c>
      <c r="Z2412" s="10" t="s">
        <v>22</v>
      </c>
    </row>
    <row r="2413" spans="1:26" ht="24" customHeight="1" x14ac:dyDescent="0.2">
      <c r="A2413" s="9" t="s">
        <v>19655</v>
      </c>
      <c r="B2413" s="9" t="s">
        <v>14</v>
      </c>
      <c r="C2413" s="9" t="s">
        <v>11535</v>
      </c>
      <c r="D2413" s="6" t="s">
        <v>11536</v>
      </c>
      <c r="E2413" s="22">
        <v>44512</v>
      </c>
      <c r="F2413" s="22">
        <v>46337</v>
      </c>
      <c r="G2413" s="6" t="s">
        <v>11537</v>
      </c>
      <c r="H2413" s="6" t="s">
        <v>202</v>
      </c>
      <c r="I2413" s="6" t="s">
        <v>1707</v>
      </c>
      <c r="J2413" s="6" t="s">
        <v>11538</v>
      </c>
      <c r="K2413" s="9" t="s">
        <v>11539</v>
      </c>
      <c r="L2413" s="10" t="s">
        <v>22</v>
      </c>
      <c r="M2413" s="10" t="s">
        <v>22</v>
      </c>
      <c r="N2413" s="10" t="s">
        <v>22</v>
      </c>
      <c r="O2413" s="10" t="s">
        <v>22</v>
      </c>
      <c r="P2413" s="10" t="s">
        <v>22</v>
      </c>
      <c r="Q2413" s="10" t="s">
        <v>22</v>
      </c>
      <c r="R2413" s="10" t="s">
        <v>22</v>
      </c>
      <c r="S2413" s="10" t="s">
        <v>22</v>
      </c>
      <c r="T2413" s="10" t="s">
        <v>22</v>
      </c>
      <c r="U2413" s="10" t="s">
        <v>22</v>
      </c>
      <c r="V2413" s="10" t="s">
        <v>22</v>
      </c>
      <c r="W2413" s="10" t="s">
        <v>22</v>
      </c>
      <c r="X2413" s="10" t="s">
        <v>22</v>
      </c>
      <c r="Y2413" s="10" t="s">
        <v>22</v>
      </c>
      <c r="Z2413" s="10" t="s">
        <v>22</v>
      </c>
    </row>
    <row r="2414" spans="1:26" ht="24" customHeight="1" x14ac:dyDescent="0.2">
      <c r="A2414" s="9" t="s">
        <v>19656</v>
      </c>
      <c r="B2414" s="9" t="s">
        <v>14</v>
      </c>
      <c r="C2414" s="9" t="s">
        <v>11540</v>
      </c>
      <c r="D2414" s="6" t="s">
        <v>11541</v>
      </c>
      <c r="E2414" s="22">
        <v>44519</v>
      </c>
      <c r="F2414" s="22">
        <v>46344</v>
      </c>
      <c r="G2414" s="6" t="s">
        <v>11542</v>
      </c>
      <c r="H2414" s="6" t="s">
        <v>62</v>
      </c>
      <c r="I2414" s="6" t="s">
        <v>414</v>
      </c>
      <c r="J2414" s="6" t="s">
        <v>11543</v>
      </c>
      <c r="K2414" s="9" t="s">
        <v>11544</v>
      </c>
      <c r="L2414" s="10" t="s">
        <v>22</v>
      </c>
      <c r="M2414" s="10" t="s">
        <v>22</v>
      </c>
      <c r="N2414" s="10" t="s">
        <v>22</v>
      </c>
      <c r="O2414" s="10" t="s">
        <v>22</v>
      </c>
      <c r="P2414" s="10" t="s">
        <v>22</v>
      </c>
      <c r="Q2414" s="10" t="s">
        <v>22</v>
      </c>
      <c r="R2414" s="10" t="s">
        <v>22</v>
      </c>
      <c r="S2414" s="10" t="s">
        <v>22</v>
      </c>
      <c r="T2414" s="10" t="s">
        <v>22</v>
      </c>
      <c r="U2414" s="10" t="s">
        <v>22</v>
      </c>
      <c r="V2414" s="10" t="s">
        <v>22</v>
      </c>
      <c r="W2414" s="10" t="s">
        <v>22</v>
      </c>
      <c r="X2414" s="10" t="s">
        <v>22</v>
      </c>
      <c r="Y2414" s="10" t="s">
        <v>22</v>
      </c>
      <c r="Z2414" s="10" t="s">
        <v>22</v>
      </c>
    </row>
    <row r="2415" spans="1:26" ht="24" customHeight="1" x14ac:dyDescent="0.2">
      <c r="A2415" s="9" t="s">
        <v>19657</v>
      </c>
      <c r="B2415" s="9" t="s">
        <v>14</v>
      </c>
      <c r="C2415" s="9" t="s">
        <v>11545</v>
      </c>
      <c r="D2415" s="6" t="s">
        <v>11546</v>
      </c>
      <c r="E2415" s="22">
        <v>44519</v>
      </c>
      <c r="F2415" s="22">
        <v>46344</v>
      </c>
      <c r="G2415" s="6" t="s">
        <v>11547</v>
      </c>
      <c r="H2415" s="6" t="s">
        <v>9535</v>
      </c>
      <c r="I2415" s="6" t="s">
        <v>11548</v>
      </c>
      <c r="J2415" s="6" t="s">
        <v>11549</v>
      </c>
      <c r="K2415" s="9" t="s">
        <v>11550</v>
      </c>
      <c r="L2415" s="10" t="s">
        <v>22</v>
      </c>
      <c r="M2415" s="10" t="s">
        <v>22</v>
      </c>
      <c r="N2415" s="10" t="s">
        <v>22</v>
      </c>
      <c r="O2415" s="10" t="s">
        <v>22</v>
      </c>
      <c r="P2415" s="10" t="s">
        <v>22</v>
      </c>
      <c r="Q2415" s="10" t="s">
        <v>22</v>
      </c>
      <c r="R2415" s="10" t="s">
        <v>22</v>
      </c>
      <c r="S2415" s="10" t="s">
        <v>22</v>
      </c>
      <c r="T2415" s="10" t="s">
        <v>22</v>
      </c>
      <c r="U2415" s="10" t="s">
        <v>22</v>
      </c>
      <c r="V2415" s="10" t="s">
        <v>22</v>
      </c>
      <c r="W2415" s="10" t="s">
        <v>22</v>
      </c>
      <c r="X2415" s="10" t="s">
        <v>22</v>
      </c>
      <c r="Y2415" s="10" t="s">
        <v>22</v>
      </c>
      <c r="Z2415" s="10" t="s">
        <v>22</v>
      </c>
    </row>
    <row r="2416" spans="1:26" ht="24" customHeight="1" x14ac:dyDescent="0.2">
      <c r="A2416" s="9" t="s">
        <v>19658</v>
      </c>
      <c r="B2416" s="9" t="s">
        <v>14</v>
      </c>
      <c r="C2416" s="9" t="s">
        <v>11551</v>
      </c>
      <c r="D2416" s="6" t="s">
        <v>11552</v>
      </c>
      <c r="E2416" s="22">
        <v>44519</v>
      </c>
      <c r="F2416" s="22">
        <v>46344</v>
      </c>
      <c r="G2416" s="6" t="s">
        <v>11553</v>
      </c>
      <c r="H2416" s="6" t="s">
        <v>62</v>
      </c>
      <c r="I2416" s="6" t="s">
        <v>1433</v>
      </c>
      <c r="J2416" s="6" t="s">
        <v>11554</v>
      </c>
      <c r="K2416" s="9" t="s">
        <v>11555</v>
      </c>
      <c r="L2416" s="10" t="s">
        <v>22</v>
      </c>
      <c r="M2416" s="10" t="s">
        <v>22</v>
      </c>
      <c r="N2416" s="10" t="s">
        <v>22</v>
      </c>
      <c r="O2416" s="10" t="s">
        <v>22</v>
      </c>
      <c r="P2416" s="10" t="s">
        <v>22</v>
      </c>
      <c r="Q2416" s="10" t="s">
        <v>22</v>
      </c>
      <c r="R2416" s="10" t="s">
        <v>22</v>
      </c>
      <c r="S2416" s="10" t="s">
        <v>22</v>
      </c>
      <c r="T2416" s="10" t="s">
        <v>22</v>
      </c>
      <c r="U2416" s="10" t="s">
        <v>22</v>
      </c>
      <c r="V2416" s="10" t="s">
        <v>22</v>
      </c>
      <c r="W2416" s="10" t="s">
        <v>22</v>
      </c>
      <c r="X2416" s="10" t="s">
        <v>22</v>
      </c>
      <c r="Y2416" s="10" t="s">
        <v>22</v>
      </c>
      <c r="Z2416" s="10" t="s">
        <v>22</v>
      </c>
    </row>
    <row r="2417" spans="1:26" ht="24" customHeight="1" x14ac:dyDescent="0.2">
      <c r="A2417" s="9" t="s">
        <v>19659</v>
      </c>
      <c r="B2417" s="9" t="s">
        <v>14</v>
      </c>
      <c r="C2417" s="9" t="s">
        <v>11556</v>
      </c>
      <c r="D2417" s="6" t="s">
        <v>11557</v>
      </c>
      <c r="E2417" s="22">
        <v>44519</v>
      </c>
      <c r="F2417" s="22">
        <v>46344</v>
      </c>
      <c r="G2417" s="6" t="s">
        <v>11558</v>
      </c>
      <c r="H2417" s="6" t="s">
        <v>18</v>
      </c>
      <c r="I2417" s="6" t="s">
        <v>19</v>
      </c>
      <c r="J2417" s="6" t="s">
        <v>11559</v>
      </c>
      <c r="K2417" s="9" t="s">
        <v>11560</v>
      </c>
      <c r="M2417" s="10" t="s">
        <v>22</v>
      </c>
      <c r="N2417" s="10" t="s">
        <v>22</v>
      </c>
      <c r="P2417" s="10" t="s">
        <v>22</v>
      </c>
      <c r="Q2417" s="10" t="s">
        <v>22</v>
      </c>
      <c r="V2417" s="10" t="s">
        <v>22</v>
      </c>
      <c r="W2417" s="10" t="s">
        <v>22</v>
      </c>
      <c r="Y2417" s="10" t="s">
        <v>22</v>
      </c>
      <c r="Z2417" s="10" t="s">
        <v>22</v>
      </c>
    </row>
    <row r="2418" spans="1:26" ht="24" customHeight="1" x14ac:dyDescent="0.2">
      <c r="A2418" s="9" t="s">
        <v>19660</v>
      </c>
      <c r="B2418" s="9" t="s">
        <v>14</v>
      </c>
      <c r="C2418" s="9" t="s">
        <v>11561</v>
      </c>
      <c r="D2418" s="6" t="s">
        <v>11562</v>
      </c>
      <c r="E2418" s="22">
        <v>44525</v>
      </c>
      <c r="F2418" s="22">
        <v>46350</v>
      </c>
      <c r="G2418" s="6" t="s">
        <v>11563</v>
      </c>
      <c r="H2418" s="6" t="s">
        <v>1047</v>
      </c>
      <c r="I2418" s="6" t="s">
        <v>11564</v>
      </c>
      <c r="J2418" s="6" t="s">
        <v>11565</v>
      </c>
      <c r="K2418" s="9" t="s">
        <v>11566</v>
      </c>
      <c r="L2418" s="10" t="s">
        <v>22</v>
      </c>
      <c r="M2418" s="10" t="s">
        <v>22</v>
      </c>
      <c r="N2418" s="10" t="s">
        <v>22</v>
      </c>
      <c r="O2418" s="10" t="s">
        <v>22</v>
      </c>
      <c r="P2418" s="10" t="s">
        <v>22</v>
      </c>
      <c r="Q2418" s="10" t="s">
        <v>22</v>
      </c>
      <c r="R2418" s="10" t="s">
        <v>22</v>
      </c>
      <c r="S2418" s="10" t="s">
        <v>22</v>
      </c>
      <c r="T2418" s="10" t="s">
        <v>22</v>
      </c>
    </row>
    <row r="2419" spans="1:26" ht="24" customHeight="1" x14ac:dyDescent="0.2">
      <c r="A2419" s="9" t="s">
        <v>19661</v>
      </c>
      <c r="B2419" s="9" t="s">
        <v>14</v>
      </c>
      <c r="C2419" s="9" t="s">
        <v>11567</v>
      </c>
      <c r="D2419" s="6" t="s">
        <v>16279</v>
      </c>
      <c r="E2419" s="22">
        <v>44525</v>
      </c>
      <c r="F2419" s="22">
        <v>46350</v>
      </c>
      <c r="G2419" s="6" t="s">
        <v>16280</v>
      </c>
      <c r="H2419" s="6" t="s">
        <v>62</v>
      </c>
      <c r="I2419" s="6" t="s">
        <v>435</v>
      </c>
      <c r="J2419" s="6" t="s">
        <v>16281</v>
      </c>
      <c r="K2419" s="9" t="s">
        <v>16282</v>
      </c>
      <c r="L2419" s="10" t="s">
        <v>22</v>
      </c>
      <c r="M2419" s="10" t="s">
        <v>22</v>
      </c>
      <c r="N2419" s="10" t="s">
        <v>22</v>
      </c>
      <c r="O2419" s="10" t="s">
        <v>22</v>
      </c>
      <c r="P2419" s="10" t="s">
        <v>22</v>
      </c>
      <c r="Q2419" s="10" t="s">
        <v>22</v>
      </c>
      <c r="R2419" s="10" t="s">
        <v>22</v>
      </c>
      <c r="S2419" s="10" t="s">
        <v>22</v>
      </c>
      <c r="T2419" s="10" t="s">
        <v>22</v>
      </c>
    </row>
    <row r="2420" spans="1:26" ht="24" customHeight="1" x14ac:dyDescent="0.2">
      <c r="A2420" s="9" t="s">
        <v>19662</v>
      </c>
      <c r="B2420" s="9" t="s">
        <v>14</v>
      </c>
      <c r="C2420" s="9" t="s">
        <v>11568</v>
      </c>
      <c r="D2420" s="6" t="s">
        <v>11569</v>
      </c>
      <c r="E2420" s="22">
        <v>44525</v>
      </c>
      <c r="F2420" s="22">
        <v>46350</v>
      </c>
      <c r="G2420" s="6" t="s">
        <v>11570</v>
      </c>
      <c r="H2420" s="6" t="s">
        <v>363</v>
      </c>
      <c r="I2420" s="6" t="s">
        <v>597</v>
      </c>
      <c r="J2420" s="6" t="s">
        <v>11571</v>
      </c>
      <c r="K2420" s="9" t="s">
        <v>11572</v>
      </c>
      <c r="L2420" s="10" t="s">
        <v>22</v>
      </c>
      <c r="M2420" s="10" t="s">
        <v>22</v>
      </c>
      <c r="N2420" s="10" t="s">
        <v>22</v>
      </c>
      <c r="O2420" s="10" t="s">
        <v>22</v>
      </c>
      <c r="P2420" s="10" t="s">
        <v>22</v>
      </c>
      <c r="Q2420" s="10" t="s">
        <v>22</v>
      </c>
      <c r="R2420" s="10" t="s">
        <v>22</v>
      </c>
      <c r="S2420" s="10" t="s">
        <v>22</v>
      </c>
      <c r="T2420" s="10" t="s">
        <v>22</v>
      </c>
      <c r="U2420" s="10" t="s">
        <v>22</v>
      </c>
      <c r="V2420" s="10" t="s">
        <v>22</v>
      </c>
      <c r="W2420" s="10" t="s">
        <v>22</v>
      </c>
      <c r="X2420" s="10" t="s">
        <v>22</v>
      </c>
      <c r="Y2420" s="10" t="s">
        <v>22</v>
      </c>
      <c r="Z2420" s="10" t="s">
        <v>22</v>
      </c>
    </row>
    <row r="2421" spans="1:26" ht="24" customHeight="1" x14ac:dyDescent="0.2">
      <c r="A2421" s="9" t="s">
        <v>19663</v>
      </c>
      <c r="B2421" s="9" t="s">
        <v>14</v>
      </c>
      <c r="C2421" s="9" t="s">
        <v>11573</v>
      </c>
      <c r="D2421" s="6" t="s">
        <v>11574</v>
      </c>
      <c r="E2421" s="22">
        <v>44531</v>
      </c>
      <c r="F2421" s="22">
        <v>46356</v>
      </c>
      <c r="G2421" s="6" t="s">
        <v>11575</v>
      </c>
      <c r="H2421" s="6" t="s">
        <v>202</v>
      </c>
      <c r="I2421" s="6" t="s">
        <v>336</v>
      </c>
      <c r="J2421" s="6" t="s">
        <v>11576</v>
      </c>
      <c r="K2421" s="9" t="s">
        <v>11577</v>
      </c>
      <c r="L2421" s="10" t="s">
        <v>22</v>
      </c>
      <c r="M2421" s="10" t="s">
        <v>22</v>
      </c>
      <c r="N2421" s="10" t="s">
        <v>22</v>
      </c>
      <c r="O2421" s="10" t="s">
        <v>22</v>
      </c>
      <c r="P2421" s="10" t="s">
        <v>22</v>
      </c>
      <c r="Q2421" s="10" t="s">
        <v>22</v>
      </c>
      <c r="U2421" s="10" t="s">
        <v>22</v>
      </c>
      <c r="V2421" s="10" t="s">
        <v>22</v>
      </c>
      <c r="W2421" s="10" t="s">
        <v>22</v>
      </c>
      <c r="X2421" s="10" t="s">
        <v>22</v>
      </c>
      <c r="Y2421" s="10" t="s">
        <v>22</v>
      </c>
      <c r="Z2421" s="10" t="s">
        <v>22</v>
      </c>
    </row>
    <row r="2422" spans="1:26" ht="24" customHeight="1" x14ac:dyDescent="0.2">
      <c r="A2422" s="9" t="s">
        <v>19664</v>
      </c>
      <c r="B2422" s="9" t="s">
        <v>14</v>
      </c>
      <c r="C2422" s="9" t="s">
        <v>11578</v>
      </c>
      <c r="D2422" s="6" t="s">
        <v>11579</v>
      </c>
      <c r="E2422" s="22">
        <v>44531</v>
      </c>
      <c r="F2422" s="22">
        <v>46356</v>
      </c>
      <c r="G2422" s="6" t="s">
        <v>11580</v>
      </c>
      <c r="H2422" s="6" t="s">
        <v>62</v>
      </c>
      <c r="I2422" s="6" t="s">
        <v>2753</v>
      </c>
      <c r="J2422" s="6" t="s">
        <v>11581</v>
      </c>
      <c r="K2422" s="9" t="s">
        <v>11582</v>
      </c>
      <c r="L2422" s="10" t="s">
        <v>22</v>
      </c>
      <c r="M2422" s="10" t="s">
        <v>22</v>
      </c>
      <c r="N2422" s="10" t="s">
        <v>22</v>
      </c>
      <c r="O2422" s="10" t="s">
        <v>22</v>
      </c>
      <c r="P2422" s="10" t="s">
        <v>22</v>
      </c>
      <c r="Q2422" s="10" t="s">
        <v>22</v>
      </c>
    </row>
    <row r="2423" spans="1:26" ht="24" customHeight="1" x14ac:dyDescent="0.2">
      <c r="A2423" s="9" t="s">
        <v>19665</v>
      </c>
      <c r="B2423" s="9" t="s">
        <v>14</v>
      </c>
      <c r="C2423" s="9" t="s">
        <v>11583</v>
      </c>
      <c r="D2423" s="6" t="s">
        <v>11584</v>
      </c>
      <c r="E2423" s="22">
        <v>44531</v>
      </c>
      <c r="F2423" s="22">
        <v>46356</v>
      </c>
      <c r="G2423" s="6" t="s">
        <v>11585</v>
      </c>
      <c r="H2423" s="6" t="s">
        <v>202</v>
      </c>
      <c r="I2423" s="6" t="s">
        <v>1707</v>
      </c>
      <c r="J2423" s="6" t="s">
        <v>11586</v>
      </c>
      <c r="K2423" s="9" t="s">
        <v>11587</v>
      </c>
      <c r="L2423" s="10" t="s">
        <v>22</v>
      </c>
      <c r="M2423" s="10" t="s">
        <v>22</v>
      </c>
      <c r="N2423" s="10" t="s">
        <v>22</v>
      </c>
      <c r="O2423" s="10" t="s">
        <v>22</v>
      </c>
      <c r="P2423" s="10" t="s">
        <v>22</v>
      </c>
      <c r="Q2423" s="10" t="s">
        <v>22</v>
      </c>
      <c r="R2423" s="10" t="s">
        <v>22</v>
      </c>
      <c r="S2423" s="10" t="s">
        <v>22</v>
      </c>
      <c r="T2423" s="10" t="s">
        <v>22</v>
      </c>
      <c r="U2423" s="10" t="s">
        <v>22</v>
      </c>
      <c r="V2423" s="10" t="s">
        <v>22</v>
      </c>
      <c r="W2423" s="10" t="s">
        <v>22</v>
      </c>
      <c r="X2423" s="10" t="s">
        <v>22</v>
      </c>
      <c r="Y2423" s="10" t="s">
        <v>22</v>
      </c>
      <c r="Z2423" s="10" t="s">
        <v>22</v>
      </c>
    </row>
    <row r="2424" spans="1:26" ht="24" customHeight="1" x14ac:dyDescent="0.2">
      <c r="A2424" s="9" t="s">
        <v>19666</v>
      </c>
      <c r="B2424" s="9" t="s">
        <v>14</v>
      </c>
      <c r="C2424" s="9" t="s">
        <v>11588</v>
      </c>
      <c r="D2424" s="6" t="s">
        <v>11589</v>
      </c>
      <c r="E2424" s="22">
        <v>44538</v>
      </c>
      <c r="F2424" s="22">
        <v>46363</v>
      </c>
      <c r="G2424" s="6" t="s">
        <v>11590</v>
      </c>
      <c r="H2424" s="6" t="s">
        <v>62</v>
      </c>
      <c r="I2424" s="6" t="s">
        <v>1066</v>
      </c>
      <c r="J2424" s="6" t="s">
        <v>11591</v>
      </c>
      <c r="K2424" s="9" t="s">
        <v>11592</v>
      </c>
      <c r="L2424" s="10" t="s">
        <v>22</v>
      </c>
      <c r="M2424" s="10" t="s">
        <v>22</v>
      </c>
      <c r="N2424" s="10" t="s">
        <v>22</v>
      </c>
      <c r="O2424" s="10" t="s">
        <v>22</v>
      </c>
      <c r="P2424" s="10" t="s">
        <v>22</v>
      </c>
      <c r="Q2424" s="10" t="s">
        <v>22</v>
      </c>
      <c r="R2424" s="10" t="s">
        <v>22</v>
      </c>
      <c r="S2424" s="10" t="s">
        <v>22</v>
      </c>
      <c r="T2424" s="10" t="s">
        <v>22</v>
      </c>
      <c r="U2424" s="10" t="s">
        <v>22</v>
      </c>
      <c r="V2424" s="10" t="s">
        <v>22</v>
      </c>
      <c r="W2424" s="10" t="s">
        <v>22</v>
      </c>
      <c r="X2424" s="10" t="s">
        <v>22</v>
      </c>
      <c r="Y2424" s="10" t="s">
        <v>22</v>
      </c>
      <c r="Z2424" s="10" t="s">
        <v>22</v>
      </c>
    </row>
    <row r="2425" spans="1:26" ht="24" customHeight="1" x14ac:dyDescent="0.2">
      <c r="A2425" s="9" t="s">
        <v>19667</v>
      </c>
      <c r="B2425" s="9" t="s">
        <v>14</v>
      </c>
      <c r="C2425" s="9" t="s">
        <v>11593</v>
      </c>
      <c r="D2425" s="6" t="s">
        <v>11594</v>
      </c>
      <c r="E2425" s="22">
        <v>44538</v>
      </c>
      <c r="F2425" s="22">
        <v>46363</v>
      </c>
      <c r="G2425" s="6" t="s">
        <v>11595</v>
      </c>
      <c r="H2425" s="6" t="s">
        <v>363</v>
      </c>
      <c r="I2425" s="6" t="s">
        <v>5754</v>
      </c>
      <c r="J2425" s="6" t="s">
        <v>11596</v>
      </c>
      <c r="K2425" s="9" t="s">
        <v>11597</v>
      </c>
      <c r="M2425" s="10" t="s">
        <v>22</v>
      </c>
      <c r="N2425" s="10" t="s">
        <v>22</v>
      </c>
      <c r="V2425" s="10" t="s">
        <v>22</v>
      </c>
      <c r="W2425" s="10" t="s">
        <v>22</v>
      </c>
    </row>
    <row r="2426" spans="1:26" ht="24" customHeight="1" x14ac:dyDescent="0.2">
      <c r="A2426" s="9" t="s">
        <v>19668</v>
      </c>
      <c r="B2426" s="9" t="s">
        <v>14</v>
      </c>
      <c r="C2426" s="9" t="s">
        <v>11598</v>
      </c>
      <c r="D2426" s="6" t="s">
        <v>11599</v>
      </c>
      <c r="E2426" s="22">
        <v>44543</v>
      </c>
      <c r="F2426" s="22">
        <v>46368</v>
      </c>
      <c r="G2426" s="6" t="s">
        <v>11600</v>
      </c>
      <c r="H2426" s="6" t="s">
        <v>62</v>
      </c>
      <c r="I2426" s="6" t="s">
        <v>306</v>
      </c>
      <c r="J2426" s="6" t="s">
        <v>11601</v>
      </c>
      <c r="K2426" s="9" t="s">
        <v>11602</v>
      </c>
      <c r="L2426" s="10" t="s">
        <v>22</v>
      </c>
      <c r="M2426" s="10" t="s">
        <v>22</v>
      </c>
      <c r="N2426" s="10" t="s">
        <v>22</v>
      </c>
      <c r="O2426" s="10" t="s">
        <v>22</v>
      </c>
      <c r="P2426" s="10" t="s">
        <v>22</v>
      </c>
      <c r="Q2426" s="10" t="s">
        <v>22</v>
      </c>
      <c r="R2426" s="10" t="s">
        <v>22</v>
      </c>
      <c r="S2426" s="10" t="s">
        <v>22</v>
      </c>
      <c r="T2426" s="10" t="s">
        <v>22</v>
      </c>
      <c r="V2426" s="10" t="s">
        <v>22</v>
      </c>
      <c r="W2426" s="10" t="s">
        <v>22</v>
      </c>
      <c r="Y2426" s="10" t="s">
        <v>22</v>
      </c>
      <c r="Z2426" s="10" t="s">
        <v>22</v>
      </c>
    </row>
    <row r="2427" spans="1:26" ht="24" customHeight="1" x14ac:dyDescent="0.2">
      <c r="A2427" s="9" t="s">
        <v>19669</v>
      </c>
      <c r="B2427" s="9" t="s">
        <v>14</v>
      </c>
      <c r="C2427" s="9" t="s">
        <v>11603</v>
      </c>
      <c r="D2427" s="6" t="s">
        <v>11604</v>
      </c>
      <c r="E2427" s="22">
        <v>44543</v>
      </c>
      <c r="F2427" s="22">
        <v>46368</v>
      </c>
      <c r="G2427" s="6" t="s">
        <v>11605</v>
      </c>
      <c r="H2427" s="6" t="s">
        <v>18</v>
      </c>
      <c r="I2427" s="6" t="s">
        <v>19</v>
      </c>
      <c r="J2427" s="6" t="s">
        <v>20992</v>
      </c>
      <c r="K2427" s="9" t="s">
        <v>11606</v>
      </c>
      <c r="L2427" s="10" t="s">
        <v>22</v>
      </c>
      <c r="M2427" s="10" t="s">
        <v>22</v>
      </c>
      <c r="N2427" s="10" t="s">
        <v>22</v>
      </c>
      <c r="O2427" s="10" t="s">
        <v>22</v>
      </c>
      <c r="P2427" s="10" t="s">
        <v>22</v>
      </c>
      <c r="Q2427" s="10" t="s">
        <v>22</v>
      </c>
      <c r="R2427" s="10" t="s">
        <v>22</v>
      </c>
      <c r="S2427" s="10" t="s">
        <v>22</v>
      </c>
      <c r="T2427" s="10" t="s">
        <v>22</v>
      </c>
      <c r="U2427" s="10" t="s">
        <v>22</v>
      </c>
      <c r="V2427" s="10" t="s">
        <v>22</v>
      </c>
      <c r="W2427" s="10" t="s">
        <v>22</v>
      </c>
      <c r="X2427" s="10" t="s">
        <v>22</v>
      </c>
      <c r="Y2427" s="10" t="s">
        <v>22</v>
      </c>
      <c r="Z2427" s="10" t="s">
        <v>22</v>
      </c>
    </row>
    <row r="2428" spans="1:26" ht="24" customHeight="1" x14ac:dyDescent="0.2">
      <c r="A2428" s="9" t="s">
        <v>19670</v>
      </c>
      <c r="B2428" s="9" t="s">
        <v>14</v>
      </c>
      <c r="C2428" s="9" t="s">
        <v>11607</v>
      </c>
      <c r="D2428" s="6" t="s">
        <v>11608</v>
      </c>
      <c r="E2428" s="22">
        <v>44545</v>
      </c>
      <c r="F2428" s="22">
        <v>46370</v>
      </c>
      <c r="G2428" s="6" t="s">
        <v>11609</v>
      </c>
      <c r="H2428" s="6" t="s">
        <v>202</v>
      </c>
      <c r="I2428" s="6" t="s">
        <v>863</v>
      </c>
      <c r="J2428" s="6" t="s">
        <v>11610</v>
      </c>
      <c r="K2428" s="9" t="s">
        <v>11611</v>
      </c>
      <c r="L2428" s="10" t="s">
        <v>22</v>
      </c>
      <c r="M2428" s="10" t="s">
        <v>22</v>
      </c>
      <c r="N2428" s="10" t="s">
        <v>22</v>
      </c>
      <c r="O2428" s="10" t="s">
        <v>22</v>
      </c>
      <c r="P2428" s="10" t="s">
        <v>22</v>
      </c>
      <c r="Q2428" s="10" t="s">
        <v>22</v>
      </c>
      <c r="R2428" s="10" t="s">
        <v>22</v>
      </c>
      <c r="S2428" s="10" t="s">
        <v>22</v>
      </c>
      <c r="T2428" s="10" t="s">
        <v>22</v>
      </c>
      <c r="U2428" s="10" t="s">
        <v>22</v>
      </c>
      <c r="V2428" s="10" t="s">
        <v>22</v>
      </c>
      <c r="W2428" s="10" t="s">
        <v>22</v>
      </c>
      <c r="X2428" s="10" t="s">
        <v>22</v>
      </c>
      <c r="Y2428" s="10" t="s">
        <v>22</v>
      </c>
      <c r="Z2428" s="10" t="s">
        <v>22</v>
      </c>
    </row>
    <row r="2429" spans="1:26" ht="24" customHeight="1" x14ac:dyDescent="0.2">
      <c r="A2429" s="9" t="s">
        <v>19671</v>
      </c>
      <c r="B2429" s="9" t="s">
        <v>14</v>
      </c>
      <c r="C2429" s="9" t="s">
        <v>11612</v>
      </c>
      <c r="D2429" s="6" t="s">
        <v>11613</v>
      </c>
      <c r="E2429" s="22">
        <v>44550</v>
      </c>
      <c r="F2429" s="22">
        <v>46375</v>
      </c>
      <c r="G2429" s="6" t="s">
        <v>11614</v>
      </c>
      <c r="H2429" s="6" t="s">
        <v>202</v>
      </c>
      <c r="I2429" s="6" t="s">
        <v>3050</v>
      </c>
      <c r="J2429" s="6" t="s">
        <v>11615</v>
      </c>
      <c r="K2429" s="9" t="s">
        <v>11616</v>
      </c>
      <c r="L2429" s="10" t="s">
        <v>22</v>
      </c>
      <c r="M2429" s="10" t="s">
        <v>22</v>
      </c>
      <c r="N2429" s="10" t="s">
        <v>22</v>
      </c>
      <c r="O2429" s="10" t="s">
        <v>22</v>
      </c>
      <c r="P2429" s="10" t="s">
        <v>22</v>
      </c>
      <c r="Q2429" s="10" t="s">
        <v>22</v>
      </c>
      <c r="R2429" s="10" t="s">
        <v>22</v>
      </c>
      <c r="S2429" s="10" t="s">
        <v>22</v>
      </c>
      <c r="T2429" s="10" t="s">
        <v>22</v>
      </c>
      <c r="U2429" s="10" t="s">
        <v>22</v>
      </c>
      <c r="V2429" s="10" t="s">
        <v>22</v>
      </c>
      <c r="W2429" s="10" t="s">
        <v>22</v>
      </c>
      <c r="X2429" s="10" t="s">
        <v>22</v>
      </c>
      <c r="Y2429" s="10" t="s">
        <v>22</v>
      </c>
      <c r="Z2429" s="10" t="s">
        <v>22</v>
      </c>
    </row>
    <row r="2430" spans="1:26" ht="24" customHeight="1" x14ac:dyDescent="0.2">
      <c r="A2430" s="9" t="s">
        <v>19672</v>
      </c>
      <c r="B2430" s="9" t="s">
        <v>14</v>
      </c>
      <c r="C2430" s="9" t="s">
        <v>11617</v>
      </c>
      <c r="D2430" s="6" t="s">
        <v>11618</v>
      </c>
      <c r="E2430" s="22">
        <v>44552</v>
      </c>
      <c r="F2430" s="22">
        <v>46377</v>
      </c>
      <c r="G2430" s="6" t="s">
        <v>11619</v>
      </c>
      <c r="H2430" s="6" t="s">
        <v>18</v>
      </c>
      <c r="I2430" s="6" t="s">
        <v>19</v>
      </c>
      <c r="J2430" s="6" t="s">
        <v>11620</v>
      </c>
      <c r="K2430" s="9" t="s">
        <v>11621</v>
      </c>
      <c r="L2430" s="10" t="s">
        <v>22</v>
      </c>
      <c r="M2430" s="10" t="s">
        <v>22</v>
      </c>
      <c r="N2430" s="10" t="s">
        <v>22</v>
      </c>
      <c r="U2430" s="10" t="s">
        <v>22</v>
      </c>
      <c r="V2430" s="10" t="s">
        <v>22</v>
      </c>
      <c r="W2430" s="10" t="s">
        <v>22</v>
      </c>
    </row>
    <row r="2431" spans="1:26" ht="24" customHeight="1" x14ac:dyDescent="0.2">
      <c r="A2431" s="9" t="s">
        <v>19673</v>
      </c>
      <c r="B2431" s="9" t="s">
        <v>14</v>
      </c>
      <c r="C2431" s="9" t="s">
        <v>11622</v>
      </c>
      <c r="D2431" s="6" t="s">
        <v>11623</v>
      </c>
      <c r="E2431" s="22">
        <v>44550</v>
      </c>
      <c r="F2431" s="22">
        <v>46375</v>
      </c>
      <c r="G2431" s="6" t="s">
        <v>11624</v>
      </c>
      <c r="H2431" s="6" t="s">
        <v>18</v>
      </c>
      <c r="I2431" s="6" t="s">
        <v>19</v>
      </c>
      <c r="J2431" s="6" t="s">
        <v>11625</v>
      </c>
      <c r="K2431" s="9" t="s">
        <v>11626</v>
      </c>
      <c r="L2431" s="10" t="s">
        <v>22</v>
      </c>
      <c r="M2431" s="10" t="s">
        <v>22</v>
      </c>
      <c r="N2431" s="10" t="s">
        <v>22</v>
      </c>
      <c r="O2431" s="10" t="s">
        <v>22</v>
      </c>
      <c r="P2431" s="10" t="s">
        <v>22</v>
      </c>
      <c r="Q2431" s="10" t="s">
        <v>22</v>
      </c>
      <c r="R2431" s="10" t="s">
        <v>22</v>
      </c>
      <c r="S2431" s="10" t="s">
        <v>22</v>
      </c>
      <c r="T2431" s="10" t="s">
        <v>22</v>
      </c>
      <c r="U2431" s="10" t="s">
        <v>22</v>
      </c>
      <c r="V2431" s="10" t="s">
        <v>22</v>
      </c>
      <c r="W2431" s="10" t="s">
        <v>22</v>
      </c>
      <c r="X2431" s="10" t="s">
        <v>22</v>
      </c>
      <c r="Y2431" s="10" t="s">
        <v>22</v>
      </c>
      <c r="Z2431" s="10" t="s">
        <v>22</v>
      </c>
    </row>
    <row r="2432" spans="1:26" ht="24" customHeight="1" x14ac:dyDescent="0.2">
      <c r="A2432" s="9" t="s">
        <v>19674</v>
      </c>
      <c r="B2432" s="9" t="s">
        <v>14</v>
      </c>
      <c r="C2432" s="9" t="s">
        <v>11627</v>
      </c>
      <c r="D2432" s="6" t="s">
        <v>11628</v>
      </c>
      <c r="E2432" s="22">
        <v>44554</v>
      </c>
      <c r="F2432" s="22">
        <v>46379</v>
      </c>
      <c r="G2432" s="6" t="s">
        <v>11629</v>
      </c>
      <c r="H2432" s="6" t="s">
        <v>62</v>
      </c>
      <c r="I2432" s="6" t="s">
        <v>842</v>
      </c>
      <c r="J2432" s="6" t="s">
        <v>11630</v>
      </c>
      <c r="K2432" s="9" t="s">
        <v>11631</v>
      </c>
      <c r="L2432" s="10" t="s">
        <v>22</v>
      </c>
      <c r="M2432" s="10" t="s">
        <v>22</v>
      </c>
      <c r="N2432" s="10" t="s">
        <v>22</v>
      </c>
      <c r="O2432" s="10" t="s">
        <v>22</v>
      </c>
      <c r="P2432" s="10" t="s">
        <v>22</v>
      </c>
      <c r="Q2432" s="10" t="s">
        <v>22</v>
      </c>
      <c r="R2432" s="10" t="s">
        <v>22</v>
      </c>
      <c r="S2432" s="10" t="s">
        <v>22</v>
      </c>
      <c r="T2432" s="10" t="s">
        <v>22</v>
      </c>
      <c r="U2432" s="10" t="s">
        <v>22</v>
      </c>
      <c r="V2432" s="10" t="s">
        <v>22</v>
      </c>
      <c r="W2432" s="10" t="s">
        <v>22</v>
      </c>
      <c r="X2432" s="10" t="s">
        <v>22</v>
      </c>
      <c r="Y2432" s="10" t="s">
        <v>22</v>
      </c>
      <c r="Z2432" s="10" t="s">
        <v>22</v>
      </c>
    </row>
    <row r="2433" spans="1:26" ht="24" customHeight="1" x14ac:dyDescent="0.2">
      <c r="A2433" s="9" t="s">
        <v>19675</v>
      </c>
      <c r="B2433" s="9" t="s">
        <v>14</v>
      </c>
      <c r="C2433" s="9" t="s">
        <v>11632</v>
      </c>
      <c r="D2433" s="6" t="s">
        <v>11633</v>
      </c>
      <c r="E2433" s="22">
        <v>44554</v>
      </c>
      <c r="F2433" s="22">
        <v>46379</v>
      </c>
      <c r="G2433" s="6" t="s">
        <v>11634</v>
      </c>
      <c r="H2433" s="6" t="s">
        <v>62</v>
      </c>
      <c r="I2433" s="6" t="s">
        <v>414</v>
      </c>
      <c r="J2433" s="6" t="s">
        <v>11635</v>
      </c>
      <c r="K2433" s="9" t="s">
        <v>11636</v>
      </c>
      <c r="L2433" s="10" t="s">
        <v>22</v>
      </c>
      <c r="M2433" s="10" t="s">
        <v>22</v>
      </c>
      <c r="N2433" s="10" t="s">
        <v>22</v>
      </c>
      <c r="O2433" s="10" t="s">
        <v>22</v>
      </c>
      <c r="P2433" s="10" t="s">
        <v>22</v>
      </c>
      <c r="Q2433" s="10" t="s">
        <v>22</v>
      </c>
      <c r="U2433" s="10" t="s">
        <v>22</v>
      </c>
      <c r="V2433" s="10" t="s">
        <v>22</v>
      </c>
      <c r="W2433" s="10" t="s">
        <v>22</v>
      </c>
      <c r="X2433" s="10" t="s">
        <v>22</v>
      </c>
      <c r="Y2433" s="10" t="s">
        <v>22</v>
      </c>
      <c r="Z2433" s="10" t="s">
        <v>22</v>
      </c>
    </row>
    <row r="2434" spans="1:26" ht="24" customHeight="1" x14ac:dyDescent="0.2">
      <c r="A2434" s="9" t="s">
        <v>19676</v>
      </c>
      <c r="B2434" s="9" t="s">
        <v>14</v>
      </c>
      <c r="C2434" s="9" t="s">
        <v>11637</v>
      </c>
      <c r="D2434" s="6" t="s">
        <v>11638</v>
      </c>
      <c r="E2434" s="22">
        <v>44554</v>
      </c>
      <c r="F2434" s="22">
        <v>46379</v>
      </c>
      <c r="G2434" s="6" t="s">
        <v>11639</v>
      </c>
      <c r="H2434" s="6" t="s">
        <v>1625</v>
      </c>
      <c r="I2434" s="6" t="s">
        <v>1626</v>
      </c>
      <c r="J2434" s="6" t="s">
        <v>11640</v>
      </c>
      <c r="K2434" s="9" t="s">
        <v>11641</v>
      </c>
      <c r="L2434" s="10" t="s">
        <v>22</v>
      </c>
      <c r="M2434" s="10" t="s">
        <v>22</v>
      </c>
      <c r="N2434" s="10" t="s">
        <v>22</v>
      </c>
      <c r="O2434" s="10" t="s">
        <v>22</v>
      </c>
      <c r="P2434" s="10" t="s">
        <v>22</v>
      </c>
      <c r="Q2434" s="10" t="s">
        <v>22</v>
      </c>
      <c r="R2434" s="10" t="s">
        <v>22</v>
      </c>
      <c r="S2434" s="10" t="s">
        <v>22</v>
      </c>
      <c r="T2434" s="10" t="s">
        <v>22</v>
      </c>
      <c r="U2434" s="10" t="s">
        <v>22</v>
      </c>
      <c r="V2434" s="10" t="s">
        <v>22</v>
      </c>
      <c r="W2434" s="10" t="s">
        <v>22</v>
      </c>
      <c r="X2434" s="10" t="s">
        <v>22</v>
      </c>
      <c r="Y2434" s="10" t="s">
        <v>22</v>
      </c>
      <c r="Z2434" s="10" t="s">
        <v>22</v>
      </c>
    </row>
    <row r="2435" spans="1:26" ht="24" customHeight="1" x14ac:dyDescent="0.2">
      <c r="A2435" s="9" t="s">
        <v>19677</v>
      </c>
      <c r="B2435" s="9" t="s">
        <v>14</v>
      </c>
      <c r="C2435" s="9" t="s">
        <v>11642</v>
      </c>
      <c r="D2435" s="6" t="s">
        <v>11643</v>
      </c>
      <c r="E2435" s="22">
        <v>44554</v>
      </c>
      <c r="F2435" s="22">
        <v>46379</v>
      </c>
      <c r="G2435" s="6" t="s">
        <v>11644</v>
      </c>
      <c r="H2435" s="6" t="s">
        <v>62</v>
      </c>
      <c r="I2435" s="6" t="s">
        <v>306</v>
      </c>
      <c r="J2435" s="6" t="s">
        <v>11645</v>
      </c>
      <c r="K2435" s="9" t="s">
        <v>11646</v>
      </c>
      <c r="L2435" s="10" t="s">
        <v>22</v>
      </c>
      <c r="M2435" s="10" t="s">
        <v>22</v>
      </c>
      <c r="N2435" s="10" t="s">
        <v>22</v>
      </c>
      <c r="R2435" s="10" t="s">
        <v>22</v>
      </c>
      <c r="S2435" s="10" t="s">
        <v>22</v>
      </c>
      <c r="T2435" s="10" t="s">
        <v>22</v>
      </c>
      <c r="U2435" s="10" t="s">
        <v>22</v>
      </c>
      <c r="V2435" s="10" t="s">
        <v>22</v>
      </c>
      <c r="W2435" s="10" t="s">
        <v>22</v>
      </c>
    </row>
    <row r="2436" spans="1:26" ht="24" customHeight="1" x14ac:dyDescent="0.2">
      <c r="A2436" s="9" t="s">
        <v>19678</v>
      </c>
      <c r="B2436" s="9" t="s">
        <v>14</v>
      </c>
      <c r="C2436" s="9" t="s">
        <v>11647</v>
      </c>
      <c r="D2436" s="6" t="s">
        <v>11648</v>
      </c>
      <c r="E2436" s="22">
        <v>44554</v>
      </c>
      <c r="F2436" s="22">
        <v>46379</v>
      </c>
      <c r="G2436" s="6" t="s">
        <v>11649</v>
      </c>
      <c r="H2436" s="6" t="s">
        <v>18</v>
      </c>
      <c r="I2436" s="6" t="s">
        <v>26</v>
      </c>
      <c r="J2436" s="6" t="s">
        <v>11650</v>
      </c>
      <c r="K2436" s="9" t="s">
        <v>11651</v>
      </c>
      <c r="L2436" s="10" t="s">
        <v>22</v>
      </c>
      <c r="M2436" s="10" t="s">
        <v>22</v>
      </c>
      <c r="N2436" s="10" t="s">
        <v>22</v>
      </c>
      <c r="O2436" s="10" t="s">
        <v>22</v>
      </c>
      <c r="P2436" s="10" t="s">
        <v>22</v>
      </c>
      <c r="Q2436" s="10" t="s">
        <v>22</v>
      </c>
      <c r="R2436" s="10" t="s">
        <v>22</v>
      </c>
      <c r="S2436" s="10" t="s">
        <v>22</v>
      </c>
      <c r="T2436" s="10" t="s">
        <v>22</v>
      </c>
      <c r="U2436" s="10" t="s">
        <v>22</v>
      </c>
      <c r="V2436" s="10" t="s">
        <v>22</v>
      </c>
      <c r="W2436" s="10" t="s">
        <v>22</v>
      </c>
      <c r="X2436" s="10" t="s">
        <v>22</v>
      </c>
      <c r="Y2436" s="10" t="s">
        <v>22</v>
      </c>
      <c r="Z2436" s="10" t="s">
        <v>22</v>
      </c>
    </row>
    <row r="2437" spans="1:26" ht="24" customHeight="1" x14ac:dyDescent="0.2">
      <c r="A2437" s="9" t="s">
        <v>19679</v>
      </c>
      <c r="B2437" s="9" t="s">
        <v>14</v>
      </c>
      <c r="C2437" s="9" t="s">
        <v>11652</v>
      </c>
      <c r="D2437" s="6" t="s">
        <v>11653</v>
      </c>
      <c r="E2437" s="22">
        <v>44554</v>
      </c>
      <c r="F2437" s="22">
        <v>46379</v>
      </c>
      <c r="G2437" s="6" t="s">
        <v>11654</v>
      </c>
      <c r="H2437" s="6" t="s">
        <v>62</v>
      </c>
      <c r="I2437" s="6" t="s">
        <v>73</v>
      </c>
      <c r="J2437" s="6" t="s">
        <v>20993</v>
      </c>
      <c r="K2437" s="9" t="s">
        <v>11655</v>
      </c>
      <c r="L2437" s="10" t="s">
        <v>22</v>
      </c>
      <c r="M2437" s="10" t="s">
        <v>22</v>
      </c>
      <c r="N2437" s="10" t="s">
        <v>22</v>
      </c>
      <c r="O2437" s="10" t="s">
        <v>22</v>
      </c>
      <c r="P2437" s="10" t="s">
        <v>22</v>
      </c>
      <c r="Q2437" s="10" t="s">
        <v>22</v>
      </c>
      <c r="R2437" s="10" t="s">
        <v>22</v>
      </c>
      <c r="S2437" s="10" t="s">
        <v>22</v>
      </c>
      <c r="T2437" s="10" t="s">
        <v>22</v>
      </c>
      <c r="U2437" s="10" t="s">
        <v>22</v>
      </c>
      <c r="V2437" s="10" t="s">
        <v>22</v>
      </c>
      <c r="W2437" s="10" t="s">
        <v>22</v>
      </c>
      <c r="X2437" s="10" t="s">
        <v>22</v>
      </c>
      <c r="Y2437" s="10" t="s">
        <v>22</v>
      </c>
      <c r="Z2437" s="10" t="s">
        <v>22</v>
      </c>
    </row>
    <row r="2438" spans="1:26" ht="24" customHeight="1" x14ac:dyDescent="0.2">
      <c r="A2438" s="9" t="s">
        <v>19680</v>
      </c>
      <c r="B2438" s="9" t="s">
        <v>14</v>
      </c>
      <c r="C2438" s="9" t="s">
        <v>11656</v>
      </c>
      <c r="D2438" s="6" t="s">
        <v>11657</v>
      </c>
      <c r="E2438" s="22">
        <v>44552</v>
      </c>
      <c r="F2438" s="22">
        <v>46377</v>
      </c>
      <c r="G2438" s="6" t="s">
        <v>11658</v>
      </c>
      <c r="H2438" s="6" t="s">
        <v>363</v>
      </c>
      <c r="I2438" s="6" t="s">
        <v>4744</v>
      </c>
      <c r="J2438" s="6" t="s">
        <v>11659</v>
      </c>
      <c r="K2438" s="9" t="s">
        <v>11660</v>
      </c>
      <c r="L2438" s="10" t="s">
        <v>22</v>
      </c>
      <c r="M2438" s="10" t="s">
        <v>22</v>
      </c>
      <c r="N2438" s="10" t="s">
        <v>22</v>
      </c>
      <c r="O2438" s="10" t="s">
        <v>22</v>
      </c>
      <c r="P2438" s="10" t="s">
        <v>22</v>
      </c>
      <c r="Q2438" s="10" t="s">
        <v>22</v>
      </c>
      <c r="R2438" s="10" t="s">
        <v>22</v>
      </c>
      <c r="S2438" s="10" t="s">
        <v>22</v>
      </c>
      <c r="T2438" s="10" t="s">
        <v>22</v>
      </c>
      <c r="U2438" s="10" t="s">
        <v>22</v>
      </c>
      <c r="V2438" s="10" t="s">
        <v>22</v>
      </c>
      <c r="W2438" s="10" t="s">
        <v>22</v>
      </c>
      <c r="X2438" s="10" t="s">
        <v>22</v>
      </c>
      <c r="Y2438" s="10" t="s">
        <v>22</v>
      </c>
      <c r="Z2438" s="10" t="s">
        <v>22</v>
      </c>
    </row>
    <row r="2439" spans="1:26" ht="24" customHeight="1" x14ac:dyDescent="0.2">
      <c r="A2439" s="9" t="s">
        <v>19681</v>
      </c>
      <c r="B2439" s="9" t="s">
        <v>14</v>
      </c>
      <c r="C2439" s="9" t="s">
        <v>11661</v>
      </c>
      <c r="D2439" s="6" t="s">
        <v>11662</v>
      </c>
      <c r="E2439" s="22">
        <v>44554</v>
      </c>
      <c r="F2439" s="22">
        <v>46379</v>
      </c>
      <c r="G2439" s="6" t="s">
        <v>11663</v>
      </c>
      <c r="H2439" s="6" t="s">
        <v>202</v>
      </c>
      <c r="I2439" s="6" t="s">
        <v>5223</v>
      </c>
      <c r="J2439" s="6" t="s">
        <v>11664</v>
      </c>
      <c r="K2439" s="9" t="s">
        <v>11665</v>
      </c>
      <c r="L2439" s="10" t="s">
        <v>22</v>
      </c>
      <c r="M2439" s="10" t="s">
        <v>22</v>
      </c>
      <c r="N2439" s="10" t="s">
        <v>22</v>
      </c>
      <c r="O2439" s="10" t="s">
        <v>22</v>
      </c>
      <c r="P2439" s="10" t="s">
        <v>22</v>
      </c>
      <c r="Q2439" s="10" t="s">
        <v>22</v>
      </c>
      <c r="R2439" s="10" t="s">
        <v>22</v>
      </c>
      <c r="S2439" s="10" t="s">
        <v>22</v>
      </c>
      <c r="T2439" s="10" t="s">
        <v>22</v>
      </c>
      <c r="U2439" s="10" t="s">
        <v>22</v>
      </c>
      <c r="V2439" s="10" t="s">
        <v>22</v>
      </c>
      <c r="W2439" s="10" t="s">
        <v>22</v>
      </c>
      <c r="X2439" s="10" t="s">
        <v>22</v>
      </c>
      <c r="Y2439" s="10" t="s">
        <v>22</v>
      </c>
      <c r="Z2439" s="10" t="s">
        <v>22</v>
      </c>
    </row>
    <row r="2440" spans="1:26" ht="24" customHeight="1" x14ac:dyDescent="0.2">
      <c r="A2440" s="9" t="s">
        <v>19682</v>
      </c>
      <c r="B2440" s="9" t="s">
        <v>14</v>
      </c>
      <c r="C2440" s="9" t="s">
        <v>11666</v>
      </c>
      <c r="D2440" s="6" t="s">
        <v>11667</v>
      </c>
      <c r="E2440" s="22">
        <v>44566</v>
      </c>
      <c r="F2440" s="22">
        <v>46391</v>
      </c>
      <c r="G2440" s="6" t="s">
        <v>11668</v>
      </c>
      <c r="H2440" s="6" t="s">
        <v>62</v>
      </c>
      <c r="I2440" s="6" t="s">
        <v>477</v>
      </c>
      <c r="J2440" s="6" t="s">
        <v>11669</v>
      </c>
      <c r="K2440" s="9" t="s">
        <v>11670</v>
      </c>
      <c r="L2440" s="10" t="s">
        <v>22</v>
      </c>
      <c r="M2440" s="10" t="s">
        <v>22</v>
      </c>
      <c r="N2440" s="10" t="s">
        <v>22</v>
      </c>
      <c r="O2440" s="10" t="s">
        <v>22</v>
      </c>
      <c r="P2440" s="10" t="s">
        <v>22</v>
      </c>
      <c r="Q2440" s="10" t="s">
        <v>22</v>
      </c>
    </row>
    <row r="2441" spans="1:26" ht="24" customHeight="1" x14ac:dyDescent="0.2">
      <c r="A2441" s="9" t="s">
        <v>19683</v>
      </c>
      <c r="B2441" s="9" t="s">
        <v>14</v>
      </c>
      <c r="C2441" s="9" t="s">
        <v>11671</v>
      </c>
      <c r="D2441" s="6" t="s">
        <v>11672</v>
      </c>
      <c r="E2441" s="22">
        <v>44567</v>
      </c>
      <c r="F2441" s="22">
        <v>46392</v>
      </c>
      <c r="G2441" s="6" t="s">
        <v>11673</v>
      </c>
      <c r="H2441" s="6" t="s">
        <v>363</v>
      </c>
      <c r="I2441" s="6" t="s">
        <v>466</v>
      </c>
      <c r="J2441" s="6" t="s">
        <v>11674</v>
      </c>
      <c r="K2441" s="9" t="s">
        <v>11675</v>
      </c>
      <c r="L2441" s="10" t="s">
        <v>22</v>
      </c>
      <c r="M2441" s="10" t="s">
        <v>22</v>
      </c>
      <c r="N2441" s="10" t="s">
        <v>22</v>
      </c>
      <c r="O2441" s="10" t="s">
        <v>22</v>
      </c>
      <c r="P2441" s="10" t="s">
        <v>22</v>
      </c>
      <c r="Q2441" s="10" t="s">
        <v>22</v>
      </c>
      <c r="R2441" s="10" t="s">
        <v>22</v>
      </c>
      <c r="S2441" s="10" t="s">
        <v>22</v>
      </c>
      <c r="T2441" s="10" t="s">
        <v>22</v>
      </c>
      <c r="U2441" s="10" t="s">
        <v>22</v>
      </c>
      <c r="V2441" s="10" t="s">
        <v>22</v>
      </c>
      <c r="W2441" s="10" t="s">
        <v>22</v>
      </c>
      <c r="X2441" s="10" t="s">
        <v>22</v>
      </c>
      <c r="Y2441" s="10" t="s">
        <v>22</v>
      </c>
      <c r="Z2441" s="10" t="s">
        <v>22</v>
      </c>
    </row>
    <row r="2442" spans="1:26" ht="24" customHeight="1" x14ac:dyDescent="0.2">
      <c r="A2442" s="9" t="s">
        <v>19684</v>
      </c>
      <c r="B2442" s="9" t="s">
        <v>14</v>
      </c>
      <c r="C2442" s="9" t="s">
        <v>11676</v>
      </c>
      <c r="D2442" s="6" t="s">
        <v>11677</v>
      </c>
      <c r="E2442" s="22">
        <v>44567</v>
      </c>
      <c r="F2442" s="22">
        <v>46392</v>
      </c>
      <c r="G2442" s="6" t="s">
        <v>11678</v>
      </c>
      <c r="H2442" s="6" t="s">
        <v>18</v>
      </c>
      <c r="I2442" s="6" t="s">
        <v>19</v>
      </c>
      <c r="J2442" s="6" t="s">
        <v>11679</v>
      </c>
      <c r="L2442" s="10" t="s">
        <v>22</v>
      </c>
      <c r="M2442" s="10" t="s">
        <v>22</v>
      </c>
      <c r="N2442" s="10" t="s">
        <v>22</v>
      </c>
      <c r="O2442" s="10" t="s">
        <v>22</v>
      </c>
      <c r="P2442" s="10" t="s">
        <v>22</v>
      </c>
      <c r="Q2442" s="10" t="s">
        <v>22</v>
      </c>
      <c r="R2442" s="10" t="s">
        <v>22</v>
      </c>
      <c r="S2442" s="10" t="s">
        <v>22</v>
      </c>
      <c r="T2442" s="10" t="s">
        <v>22</v>
      </c>
      <c r="U2442" s="10" t="s">
        <v>22</v>
      </c>
      <c r="V2442" s="10" t="s">
        <v>22</v>
      </c>
      <c r="W2442" s="10" t="s">
        <v>22</v>
      </c>
      <c r="X2442" s="10" t="s">
        <v>22</v>
      </c>
      <c r="Y2442" s="10" t="s">
        <v>22</v>
      </c>
      <c r="Z2442" s="10" t="s">
        <v>22</v>
      </c>
    </row>
    <row r="2443" spans="1:26" ht="24" customHeight="1" x14ac:dyDescent="0.2">
      <c r="A2443" s="9" t="s">
        <v>19685</v>
      </c>
      <c r="B2443" s="9" t="s">
        <v>14</v>
      </c>
      <c r="C2443" s="9" t="s">
        <v>11680</v>
      </c>
      <c r="D2443" s="6" t="s">
        <v>11681</v>
      </c>
      <c r="E2443" s="22">
        <v>44578</v>
      </c>
      <c r="F2443" s="22">
        <v>46403</v>
      </c>
      <c r="G2443" s="6" t="s">
        <v>11682</v>
      </c>
      <c r="H2443" s="6" t="s">
        <v>18</v>
      </c>
      <c r="I2443" s="6" t="s">
        <v>19</v>
      </c>
      <c r="J2443" s="6" t="s">
        <v>11683</v>
      </c>
      <c r="K2443" s="9" t="s">
        <v>11684</v>
      </c>
      <c r="L2443" s="10" t="s">
        <v>22</v>
      </c>
      <c r="M2443" s="10" t="s">
        <v>22</v>
      </c>
      <c r="N2443" s="10" t="s">
        <v>22</v>
      </c>
      <c r="O2443" s="10" t="s">
        <v>22</v>
      </c>
      <c r="P2443" s="10" t="s">
        <v>22</v>
      </c>
      <c r="Q2443" s="10" t="s">
        <v>22</v>
      </c>
      <c r="R2443" s="10" t="s">
        <v>22</v>
      </c>
      <c r="S2443" s="10" t="s">
        <v>22</v>
      </c>
      <c r="T2443" s="10" t="s">
        <v>22</v>
      </c>
      <c r="U2443" s="10" t="s">
        <v>22</v>
      </c>
      <c r="V2443" s="10" t="s">
        <v>22</v>
      </c>
      <c r="W2443" s="10" t="s">
        <v>22</v>
      </c>
      <c r="X2443" s="10" t="s">
        <v>22</v>
      </c>
      <c r="Y2443" s="10" t="s">
        <v>22</v>
      </c>
      <c r="Z2443" s="10" t="s">
        <v>22</v>
      </c>
    </row>
    <row r="2444" spans="1:26" ht="24" customHeight="1" x14ac:dyDescent="0.2">
      <c r="A2444" s="9" t="s">
        <v>19686</v>
      </c>
      <c r="B2444" s="9" t="s">
        <v>14</v>
      </c>
      <c r="C2444" s="9" t="s">
        <v>11685</v>
      </c>
      <c r="D2444" s="6" t="s">
        <v>11686</v>
      </c>
      <c r="E2444" s="22">
        <v>44578</v>
      </c>
      <c r="F2444" s="22">
        <v>46403</v>
      </c>
      <c r="G2444" s="6" t="s">
        <v>11687</v>
      </c>
      <c r="H2444" s="6" t="s">
        <v>62</v>
      </c>
      <c r="I2444" s="6" t="s">
        <v>1225</v>
      </c>
      <c r="J2444" s="6" t="s">
        <v>11688</v>
      </c>
      <c r="K2444" s="9" t="s">
        <v>11689</v>
      </c>
      <c r="L2444" s="10" t="s">
        <v>22</v>
      </c>
      <c r="M2444" s="10" t="s">
        <v>22</v>
      </c>
      <c r="N2444" s="10" t="s">
        <v>22</v>
      </c>
      <c r="O2444" s="10" t="s">
        <v>22</v>
      </c>
      <c r="P2444" s="10" t="s">
        <v>22</v>
      </c>
      <c r="Q2444" s="10" t="s">
        <v>22</v>
      </c>
      <c r="R2444" s="10" t="s">
        <v>22</v>
      </c>
      <c r="S2444" s="10" t="s">
        <v>22</v>
      </c>
      <c r="T2444" s="10" t="s">
        <v>22</v>
      </c>
      <c r="U2444" s="10" t="s">
        <v>22</v>
      </c>
      <c r="V2444" s="10" t="s">
        <v>22</v>
      </c>
      <c r="W2444" s="10" t="s">
        <v>22</v>
      </c>
      <c r="X2444" s="10" t="s">
        <v>22</v>
      </c>
      <c r="Y2444" s="10" t="s">
        <v>22</v>
      </c>
      <c r="Z2444" s="10" t="s">
        <v>22</v>
      </c>
    </row>
    <row r="2445" spans="1:26" ht="24" customHeight="1" x14ac:dyDescent="0.2">
      <c r="A2445" s="9" t="s">
        <v>19687</v>
      </c>
      <c r="B2445" s="9" t="s">
        <v>14</v>
      </c>
      <c r="C2445" s="9" t="s">
        <v>11690</v>
      </c>
      <c r="D2445" s="6" t="s">
        <v>11691</v>
      </c>
      <c r="E2445" s="22">
        <v>44578</v>
      </c>
      <c r="F2445" s="22">
        <v>46403</v>
      </c>
      <c r="G2445" s="6" t="s">
        <v>11692</v>
      </c>
      <c r="H2445" s="6" t="s">
        <v>202</v>
      </c>
      <c r="I2445" s="6" t="s">
        <v>2992</v>
      </c>
      <c r="J2445" s="6" t="s">
        <v>11693</v>
      </c>
      <c r="K2445" s="9" t="s">
        <v>11694</v>
      </c>
      <c r="L2445" s="10" t="s">
        <v>22</v>
      </c>
      <c r="M2445" s="10" t="s">
        <v>22</v>
      </c>
      <c r="N2445" s="10" t="s">
        <v>22</v>
      </c>
      <c r="O2445" s="10" t="s">
        <v>22</v>
      </c>
      <c r="P2445" s="10" t="s">
        <v>22</v>
      </c>
      <c r="Q2445" s="10" t="s">
        <v>22</v>
      </c>
      <c r="R2445" s="10" t="s">
        <v>22</v>
      </c>
      <c r="S2445" s="10" t="s">
        <v>22</v>
      </c>
      <c r="T2445" s="10" t="s">
        <v>22</v>
      </c>
    </row>
    <row r="2446" spans="1:26" ht="24" customHeight="1" x14ac:dyDescent="0.2">
      <c r="A2446" s="9" t="s">
        <v>19688</v>
      </c>
      <c r="B2446" s="9" t="s">
        <v>14</v>
      </c>
      <c r="C2446" s="9" t="s">
        <v>11695</v>
      </c>
      <c r="D2446" s="6" t="s">
        <v>11696</v>
      </c>
      <c r="E2446" s="22">
        <v>44581</v>
      </c>
      <c r="F2446" s="22">
        <v>46406</v>
      </c>
      <c r="G2446" s="6" t="s">
        <v>11697</v>
      </c>
      <c r="H2446" s="6" t="s">
        <v>18</v>
      </c>
      <c r="I2446" s="6" t="s">
        <v>26</v>
      </c>
      <c r="J2446" s="6" t="s">
        <v>11698</v>
      </c>
      <c r="K2446" s="9" t="s">
        <v>11699</v>
      </c>
      <c r="L2446" s="10" t="s">
        <v>22</v>
      </c>
      <c r="M2446" s="10" t="s">
        <v>22</v>
      </c>
      <c r="N2446" s="10" t="s">
        <v>22</v>
      </c>
      <c r="O2446" s="10" t="s">
        <v>22</v>
      </c>
      <c r="P2446" s="10" t="s">
        <v>22</v>
      </c>
      <c r="Q2446" s="10" t="s">
        <v>22</v>
      </c>
      <c r="R2446" s="10" t="s">
        <v>22</v>
      </c>
      <c r="S2446" s="10" t="s">
        <v>22</v>
      </c>
      <c r="T2446" s="10" t="s">
        <v>22</v>
      </c>
      <c r="U2446" s="10" t="s">
        <v>22</v>
      </c>
      <c r="V2446" s="10" t="s">
        <v>22</v>
      </c>
      <c r="W2446" s="10" t="s">
        <v>22</v>
      </c>
      <c r="X2446" s="10" t="s">
        <v>22</v>
      </c>
      <c r="Y2446" s="10" t="s">
        <v>22</v>
      </c>
      <c r="Z2446" s="10" t="s">
        <v>22</v>
      </c>
    </row>
    <row r="2447" spans="1:26" ht="24" customHeight="1" x14ac:dyDescent="0.2">
      <c r="A2447" s="9" t="s">
        <v>19689</v>
      </c>
      <c r="B2447" s="9" t="s">
        <v>14</v>
      </c>
      <c r="C2447" s="9" t="s">
        <v>11700</v>
      </c>
      <c r="D2447" s="6" t="s">
        <v>11701</v>
      </c>
      <c r="E2447" s="22">
        <v>44581</v>
      </c>
      <c r="F2447" s="22">
        <v>46406</v>
      </c>
      <c r="G2447" s="6" t="s">
        <v>11702</v>
      </c>
      <c r="H2447" s="6" t="s">
        <v>1625</v>
      </c>
      <c r="I2447" s="6" t="s">
        <v>11703</v>
      </c>
      <c r="J2447" s="6" t="s">
        <v>11704</v>
      </c>
      <c r="K2447" s="9" t="s">
        <v>11705</v>
      </c>
      <c r="L2447" s="10" t="s">
        <v>22</v>
      </c>
      <c r="M2447" s="10" t="s">
        <v>22</v>
      </c>
      <c r="N2447" s="10" t="s">
        <v>22</v>
      </c>
      <c r="O2447" s="10" t="s">
        <v>22</v>
      </c>
      <c r="P2447" s="10" t="s">
        <v>22</v>
      </c>
      <c r="Q2447" s="10" t="s">
        <v>22</v>
      </c>
      <c r="R2447" s="10" t="s">
        <v>22</v>
      </c>
      <c r="S2447" s="10" t="s">
        <v>22</v>
      </c>
      <c r="T2447" s="10" t="s">
        <v>22</v>
      </c>
      <c r="U2447" s="10" t="s">
        <v>22</v>
      </c>
      <c r="V2447" s="10" t="s">
        <v>22</v>
      </c>
      <c r="W2447" s="10" t="s">
        <v>22</v>
      </c>
      <c r="X2447" s="10" t="s">
        <v>22</v>
      </c>
      <c r="Y2447" s="10" t="s">
        <v>22</v>
      </c>
      <c r="Z2447" s="10" t="s">
        <v>22</v>
      </c>
    </row>
    <row r="2448" spans="1:26" ht="24" customHeight="1" x14ac:dyDescent="0.2">
      <c r="A2448" s="9" t="s">
        <v>19690</v>
      </c>
      <c r="B2448" s="9" t="s">
        <v>14</v>
      </c>
      <c r="C2448" s="9" t="s">
        <v>11706</v>
      </c>
      <c r="D2448" s="6" t="s">
        <v>11707</v>
      </c>
      <c r="E2448" s="22">
        <v>44581</v>
      </c>
      <c r="F2448" s="22">
        <v>46406</v>
      </c>
      <c r="G2448" s="6" t="s">
        <v>11708</v>
      </c>
      <c r="H2448" s="6" t="s">
        <v>363</v>
      </c>
      <c r="I2448" s="6" t="s">
        <v>466</v>
      </c>
      <c r="J2448" s="6" t="s">
        <v>11709</v>
      </c>
      <c r="K2448" s="9" t="s">
        <v>11710</v>
      </c>
      <c r="L2448" s="10" t="s">
        <v>22</v>
      </c>
      <c r="M2448" s="10" t="s">
        <v>22</v>
      </c>
      <c r="N2448" s="10" t="s">
        <v>22</v>
      </c>
      <c r="O2448" s="10" t="s">
        <v>22</v>
      </c>
      <c r="P2448" s="10" t="s">
        <v>22</v>
      </c>
      <c r="Q2448" s="10" t="s">
        <v>22</v>
      </c>
      <c r="U2448" s="10" t="s">
        <v>22</v>
      </c>
      <c r="V2448" s="10" t="s">
        <v>22</v>
      </c>
      <c r="W2448" s="10" t="s">
        <v>22</v>
      </c>
      <c r="X2448" s="10" t="s">
        <v>22</v>
      </c>
      <c r="Y2448" s="10" t="s">
        <v>22</v>
      </c>
      <c r="Z2448" s="10" t="s">
        <v>22</v>
      </c>
    </row>
    <row r="2449" spans="1:26" ht="24" customHeight="1" x14ac:dyDescent="0.2">
      <c r="A2449" s="9" t="s">
        <v>19691</v>
      </c>
      <c r="B2449" s="9" t="s">
        <v>14</v>
      </c>
      <c r="C2449" s="9" t="s">
        <v>11711</v>
      </c>
      <c r="D2449" s="6" t="s">
        <v>11712</v>
      </c>
      <c r="E2449" s="22">
        <v>44581</v>
      </c>
      <c r="F2449" s="22">
        <v>46406</v>
      </c>
      <c r="G2449" s="6" t="s">
        <v>11713</v>
      </c>
      <c r="H2449" s="6" t="s">
        <v>62</v>
      </c>
      <c r="I2449" s="6" t="s">
        <v>236</v>
      </c>
      <c r="J2449" s="6" t="s">
        <v>11714</v>
      </c>
      <c r="K2449" s="9" t="s">
        <v>11715</v>
      </c>
      <c r="L2449" s="10" t="s">
        <v>22</v>
      </c>
      <c r="M2449" s="10" t="s">
        <v>22</v>
      </c>
      <c r="N2449" s="10" t="s">
        <v>22</v>
      </c>
      <c r="O2449" s="10" t="s">
        <v>22</v>
      </c>
      <c r="P2449" s="10" t="s">
        <v>22</v>
      </c>
      <c r="Q2449" s="10" t="s">
        <v>22</v>
      </c>
      <c r="R2449" s="10" t="s">
        <v>22</v>
      </c>
      <c r="S2449" s="10" t="s">
        <v>22</v>
      </c>
      <c r="T2449" s="10" t="s">
        <v>22</v>
      </c>
      <c r="U2449" s="10" t="s">
        <v>22</v>
      </c>
      <c r="V2449" s="10" t="s">
        <v>22</v>
      </c>
      <c r="W2449" s="10" t="s">
        <v>22</v>
      </c>
      <c r="X2449" s="10" t="s">
        <v>22</v>
      </c>
      <c r="Y2449" s="10" t="s">
        <v>22</v>
      </c>
      <c r="Z2449" s="10" t="s">
        <v>22</v>
      </c>
    </row>
    <row r="2450" spans="1:26" ht="24" customHeight="1" x14ac:dyDescent="0.2">
      <c r="A2450" s="9" t="s">
        <v>19692</v>
      </c>
      <c r="B2450" s="9" t="s">
        <v>14</v>
      </c>
      <c r="C2450" s="9" t="s">
        <v>11716</v>
      </c>
      <c r="D2450" s="6" t="s">
        <v>11717</v>
      </c>
      <c r="E2450" s="22">
        <v>44581</v>
      </c>
      <c r="F2450" s="22">
        <v>46406</v>
      </c>
      <c r="G2450" s="6" t="s">
        <v>11718</v>
      </c>
      <c r="H2450" s="6" t="s">
        <v>2069</v>
      </c>
      <c r="I2450" s="6" t="s">
        <v>11719</v>
      </c>
      <c r="J2450" s="6" t="s">
        <v>11720</v>
      </c>
      <c r="K2450" s="9" t="s">
        <v>11721</v>
      </c>
      <c r="L2450" s="10" t="s">
        <v>22</v>
      </c>
      <c r="M2450" s="10" t="s">
        <v>22</v>
      </c>
      <c r="N2450" s="10" t="s">
        <v>22</v>
      </c>
      <c r="O2450" s="10" t="s">
        <v>22</v>
      </c>
      <c r="P2450" s="10" t="s">
        <v>22</v>
      </c>
      <c r="Q2450" s="10" t="s">
        <v>22</v>
      </c>
      <c r="U2450" s="10" t="s">
        <v>22</v>
      </c>
      <c r="V2450" s="10" t="s">
        <v>22</v>
      </c>
      <c r="W2450" s="10" t="s">
        <v>22</v>
      </c>
      <c r="X2450" s="10" t="s">
        <v>22</v>
      </c>
      <c r="Y2450" s="10" t="s">
        <v>22</v>
      </c>
      <c r="Z2450" s="10" t="s">
        <v>22</v>
      </c>
    </row>
    <row r="2451" spans="1:26" ht="24" customHeight="1" x14ac:dyDescent="0.2">
      <c r="A2451" s="9" t="s">
        <v>19693</v>
      </c>
      <c r="B2451" s="9" t="s">
        <v>14</v>
      </c>
      <c r="C2451" s="9" t="s">
        <v>11722</v>
      </c>
      <c r="D2451" s="6" t="s">
        <v>11723</v>
      </c>
      <c r="E2451" s="22">
        <v>44581</v>
      </c>
      <c r="F2451" s="22">
        <v>46406</v>
      </c>
      <c r="G2451" s="6" t="s">
        <v>11724</v>
      </c>
      <c r="H2451" s="6" t="s">
        <v>18</v>
      </c>
      <c r="I2451" s="6" t="s">
        <v>19</v>
      </c>
      <c r="J2451" s="6" t="s">
        <v>11725</v>
      </c>
      <c r="K2451" s="9" t="s">
        <v>11726</v>
      </c>
      <c r="L2451" s="10" t="s">
        <v>22</v>
      </c>
      <c r="M2451" s="10" t="s">
        <v>22</v>
      </c>
      <c r="N2451" s="10" t="s">
        <v>22</v>
      </c>
      <c r="O2451" s="10" t="s">
        <v>22</v>
      </c>
      <c r="P2451" s="10" t="s">
        <v>22</v>
      </c>
      <c r="Q2451" s="10" t="s">
        <v>22</v>
      </c>
      <c r="R2451" s="10" t="s">
        <v>22</v>
      </c>
      <c r="S2451" s="10" t="s">
        <v>22</v>
      </c>
      <c r="T2451" s="10" t="s">
        <v>22</v>
      </c>
      <c r="U2451" s="10" t="s">
        <v>22</v>
      </c>
      <c r="V2451" s="10" t="s">
        <v>22</v>
      </c>
      <c r="W2451" s="10" t="s">
        <v>22</v>
      </c>
      <c r="X2451" s="10" t="s">
        <v>22</v>
      </c>
      <c r="Y2451" s="10" t="s">
        <v>22</v>
      </c>
      <c r="Z2451" s="10" t="s">
        <v>22</v>
      </c>
    </row>
    <row r="2452" spans="1:26" ht="24" customHeight="1" x14ac:dyDescent="0.2">
      <c r="A2452" s="9" t="s">
        <v>19694</v>
      </c>
      <c r="B2452" s="9" t="s">
        <v>14</v>
      </c>
      <c r="C2452" s="9" t="s">
        <v>11727</v>
      </c>
      <c r="D2452" s="6" t="s">
        <v>11728</v>
      </c>
      <c r="E2452" s="22">
        <v>44592</v>
      </c>
      <c r="F2452" s="22">
        <v>46417</v>
      </c>
      <c r="G2452" s="6" t="s">
        <v>11729</v>
      </c>
      <c r="H2452" s="6" t="s">
        <v>18</v>
      </c>
      <c r="I2452" s="6" t="s">
        <v>19</v>
      </c>
      <c r="J2452" s="6" t="s">
        <v>11730</v>
      </c>
      <c r="K2452" s="9" t="s">
        <v>11731</v>
      </c>
      <c r="L2452" s="10" t="s">
        <v>22</v>
      </c>
      <c r="M2452" s="10" t="s">
        <v>22</v>
      </c>
      <c r="N2452" s="10" t="s">
        <v>22</v>
      </c>
      <c r="O2452" s="10" t="s">
        <v>22</v>
      </c>
      <c r="P2452" s="10" t="s">
        <v>22</v>
      </c>
      <c r="Q2452" s="10" t="s">
        <v>22</v>
      </c>
      <c r="R2452" s="10" t="s">
        <v>22</v>
      </c>
      <c r="S2452" s="10" t="s">
        <v>22</v>
      </c>
      <c r="T2452" s="10" t="s">
        <v>22</v>
      </c>
      <c r="U2452" s="10" t="s">
        <v>22</v>
      </c>
      <c r="V2452" s="10" t="s">
        <v>22</v>
      </c>
      <c r="W2452" s="10" t="s">
        <v>22</v>
      </c>
      <c r="X2452" s="10" t="s">
        <v>22</v>
      </c>
      <c r="Y2452" s="10" t="s">
        <v>22</v>
      </c>
      <c r="Z2452" s="10" t="s">
        <v>22</v>
      </c>
    </row>
    <row r="2453" spans="1:26" ht="24" customHeight="1" x14ac:dyDescent="0.2">
      <c r="A2453" s="9" t="s">
        <v>19695</v>
      </c>
      <c r="B2453" s="9" t="s">
        <v>14</v>
      </c>
      <c r="C2453" s="9" t="s">
        <v>11732</v>
      </c>
      <c r="D2453" s="6" t="s">
        <v>11733</v>
      </c>
      <c r="E2453" s="22">
        <v>44592</v>
      </c>
      <c r="F2453" s="22">
        <v>46417</v>
      </c>
      <c r="G2453" s="6" t="s">
        <v>11734</v>
      </c>
      <c r="H2453" s="6" t="s">
        <v>2368</v>
      </c>
      <c r="I2453" s="6" t="s">
        <v>2699</v>
      </c>
      <c r="J2453" s="6" t="s">
        <v>11735</v>
      </c>
      <c r="K2453" s="9" t="s">
        <v>11736</v>
      </c>
      <c r="L2453" s="10" t="s">
        <v>22</v>
      </c>
      <c r="M2453" s="10" t="s">
        <v>22</v>
      </c>
      <c r="N2453" s="10" t="s">
        <v>22</v>
      </c>
      <c r="O2453" s="10" t="s">
        <v>22</v>
      </c>
      <c r="P2453" s="10" t="s">
        <v>22</v>
      </c>
      <c r="Q2453" s="10" t="s">
        <v>22</v>
      </c>
      <c r="U2453" s="10" t="s">
        <v>22</v>
      </c>
      <c r="V2453" s="10" t="s">
        <v>22</v>
      </c>
      <c r="W2453" s="10" t="s">
        <v>22</v>
      </c>
      <c r="X2453" s="10" t="s">
        <v>22</v>
      </c>
      <c r="Y2453" s="10" t="s">
        <v>22</v>
      </c>
      <c r="Z2453" s="10" t="s">
        <v>22</v>
      </c>
    </row>
    <row r="2454" spans="1:26" ht="24" customHeight="1" x14ac:dyDescent="0.2">
      <c r="A2454" s="9" t="s">
        <v>19696</v>
      </c>
      <c r="B2454" s="9" t="s">
        <v>14</v>
      </c>
      <c r="C2454" s="9" t="s">
        <v>11737</v>
      </c>
      <c r="D2454" s="6" t="s">
        <v>11738</v>
      </c>
      <c r="E2454" s="22">
        <v>44592</v>
      </c>
      <c r="F2454" s="22">
        <v>46417</v>
      </c>
      <c r="G2454" s="6" t="s">
        <v>11739</v>
      </c>
      <c r="H2454" s="6" t="s">
        <v>363</v>
      </c>
      <c r="I2454" s="6" t="s">
        <v>597</v>
      </c>
      <c r="J2454" s="6" t="s">
        <v>11740</v>
      </c>
      <c r="K2454" s="9" t="s">
        <v>11741</v>
      </c>
      <c r="L2454" s="10" t="s">
        <v>22</v>
      </c>
      <c r="M2454" s="10" t="s">
        <v>22</v>
      </c>
      <c r="N2454" s="10" t="s">
        <v>22</v>
      </c>
      <c r="O2454" s="10" t="s">
        <v>22</v>
      </c>
      <c r="P2454" s="10" t="s">
        <v>22</v>
      </c>
      <c r="Q2454" s="10" t="s">
        <v>22</v>
      </c>
      <c r="R2454" s="10" t="s">
        <v>22</v>
      </c>
      <c r="S2454" s="10" t="s">
        <v>22</v>
      </c>
      <c r="T2454" s="10" t="s">
        <v>22</v>
      </c>
      <c r="U2454" s="10" t="s">
        <v>22</v>
      </c>
      <c r="V2454" s="10" t="s">
        <v>22</v>
      </c>
      <c r="W2454" s="10" t="s">
        <v>22</v>
      </c>
      <c r="X2454" s="10" t="s">
        <v>22</v>
      </c>
      <c r="Y2454" s="10" t="s">
        <v>22</v>
      </c>
      <c r="Z2454" s="10" t="s">
        <v>22</v>
      </c>
    </row>
    <row r="2455" spans="1:26" ht="24" customHeight="1" x14ac:dyDescent="0.2">
      <c r="A2455" s="9" t="s">
        <v>19697</v>
      </c>
      <c r="B2455" s="9" t="s">
        <v>14</v>
      </c>
      <c r="C2455" s="9" t="s">
        <v>11742</v>
      </c>
      <c r="D2455" s="6" t="s">
        <v>11743</v>
      </c>
      <c r="E2455" s="22">
        <v>44592</v>
      </c>
      <c r="F2455" s="22">
        <v>46417</v>
      </c>
      <c r="G2455" s="6" t="s">
        <v>11744</v>
      </c>
      <c r="H2455" s="6" t="s">
        <v>18</v>
      </c>
      <c r="I2455" s="6" t="s">
        <v>19</v>
      </c>
      <c r="J2455" s="6" t="s">
        <v>11745</v>
      </c>
      <c r="L2455" s="10" t="s">
        <v>22</v>
      </c>
      <c r="M2455" s="10" t="s">
        <v>22</v>
      </c>
      <c r="N2455" s="10" t="s">
        <v>22</v>
      </c>
      <c r="O2455" s="10" t="s">
        <v>22</v>
      </c>
      <c r="P2455" s="10" t="s">
        <v>22</v>
      </c>
      <c r="Q2455" s="10" t="s">
        <v>22</v>
      </c>
      <c r="R2455" s="10" t="s">
        <v>22</v>
      </c>
      <c r="S2455" s="10" t="s">
        <v>22</v>
      </c>
      <c r="T2455" s="10" t="s">
        <v>22</v>
      </c>
    </row>
    <row r="2456" spans="1:26" ht="24" customHeight="1" x14ac:dyDescent="0.2">
      <c r="A2456" s="9" t="s">
        <v>19698</v>
      </c>
      <c r="B2456" s="9" t="s">
        <v>14</v>
      </c>
      <c r="C2456" s="9" t="s">
        <v>11746</v>
      </c>
      <c r="D2456" s="6" t="s">
        <v>11747</v>
      </c>
      <c r="E2456" s="22">
        <v>44592</v>
      </c>
      <c r="F2456" s="22">
        <v>46417</v>
      </c>
      <c r="G2456" s="6" t="s">
        <v>11748</v>
      </c>
      <c r="H2456" s="6" t="s">
        <v>62</v>
      </c>
      <c r="I2456" s="6" t="s">
        <v>842</v>
      </c>
      <c r="J2456" s="6" t="s">
        <v>11749</v>
      </c>
      <c r="K2456" s="9" t="s">
        <v>11750</v>
      </c>
      <c r="L2456" s="10" t="s">
        <v>22</v>
      </c>
      <c r="M2456" s="10" t="s">
        <v>22</v>
      </c>
      <c r="N2456" s="10" t="s">
        <v>22</v>
      </c>
      <c r="O2456" s="10" t="s">
        <v>22</v>
      </c>
      <c r="P2456" s="10" t="s">
        <v>22</v>
      </c>
      <c r="Q2456" s="10" t="s">
        <v>22</v>
      </c>
      <c r="R2456" s="10" t="s">
        <v>22</v>
      </c>
      <c r="S2456" s="10" t="s">
        <v>22</v>
      </c>
      <c r="T2456" s="10" t="s">
        <v>22</v>
      </c>
    </row>
    <row r="2457" spans="1:26" ht="24" customHeight="1" x14ac:dyDescent="0.2">
      <c r="A2457" s="9" t="s">
        <v>19699</v>
      </c>
      <c r="B2457" s="9" t="s">
        <v>14</v>
      </c>
      <c r="C2457" s="9" t="s">
        <v>11751</v>
      </c>
      <c r="D2457" s="6" t="s">
        <v>11752</v>
      </c>
      <c r="E2457" s="22">
        <v>44592</v>
      </c>
      <c r="F2457" s="22">
        <v>46417</v>
      </c>
      <c r="G2457" s="6" t="s">
        <v>11753</v>
      </c>
      <c r="H2457" s="6" t="s">
        <v>202</v>
      </c>
      <c r="I2457" s="6" t="s">
        <v>336</v>
      </c>
      <c r="J2457" s="6" t="s">
        <v>11754</v>
      </c>
      <c r="K2457" s="9" t="s">
        <v>11755</v>
      </c>
      <c r="L2457" s="10" t="s">
        <v>22</v>
      </c>
      <c r="M2457" s="10" t="s">
        <v>22</v>
      </c>
      <c r="N2457" s="10" t="s">
        <v>22</v>
      </c>
      <c r="O2457" s="10" t="s">
        <v>22</v>
      </c>
      <c r="P2457" s="10" t="s">
        <v>22</v>
      </c>
      <c r="Q2457" s="10" t="s">
        <v>22</v>
      </c>
      <c r="U2457" s="10" t="s">
        <v>22</v>
      </c>
      <c r="V2457" s="10" t="s">
        <v>22</v>
      </c>
      <c r="W2457" s="10" t="s">
        <v>22</v>
      </c>
      <c r="X2457" s="10" t="s">
        <v>22</v>
      </c>
      <c r="Y2457" s="10" t="s">
        <v>22</v>
      </c>
      <c r="Z2457" s="10" t="s">
        <v>22</v>
      </c>
    </row>
    <row r="2458" spans="1:26" ht="24" customHeight="1" x14ac:dyDescent="0.2">
      <c r="A2458" s="9" t="s">
        <v>19700</v>
      </c>
      <c r="B2458" s="9" t="s">
        <v>14</v>
      </c>
      <c r="C2458" s="9" t="s">
        <v>11756</v>
      </c>
      <c r="D2458" s="6" t="s">
        <v>11757</v>
      </c>
      <c r="E2458" s="22">
        <v>44592</v>
      </c>
      <c r="F2458" s="22">
        <v>46417</v>
      </c>
      <c r="G2458" s="6" t="s">
        <v>11758</v>
      </c>
      <c r="H2458" s="6" t="s">
        <v>202</v>
      </c>
      <c r="I2458" s="6" t="s">
        <v>203</v>
      </c>
      <c r="J2458" s="6" t="s">
        <v>11759</v>
      </c>
      <c r="K2458" s="9" t="s">
        <v>11760</v>
      </c>
      <c r="L2458" s="10" t="s">
        <v>22</v>
      </c>
      <c r="M2458" s="10" t="s">
        <v>22</v>
      </c>
      <c r="N2458" s="10" t="s">
        <v>22</v>
      </c>
      <c r="O2458" s="10" t="s">
        <v>22</v>
      </c>
      <c r="P2458" s="10" t="s">
        <v>22</v>
      </c>
      <c r="Q2458" s="10" t="s">
        <v>22</v>
      </c>
      <c r="R2458" s="10" t="s">
        <v>22</v>
      </c>
      <c r="S2458" s="10" t="s">
        <v>22</v>
      </c>
      <c r="T2458" s="10" t="s">
        <v>22</v>
      </c>
      <c r="U2458" s="10" t="s">
        <v>22</v>
      </c>
      <c r="V2458" s="10" t="s">
        <v>22</v>
      </c>
      <c r="W2458" s="10" t="s">
        <v>22</v>
      </c>
      <c r="X2458" s="10" t="s">
        <v>22</v>
      </c>
      <c r="Y2458" s="10" t="s">
        <v>22</v>
      </c>
      <c r="Z2458" s="10" t="s">
        <v>22</v>
      </c>
    </row>
    <row r="2459" spans="1:26" ht="24" customHeight="1" x14ac:dyDescent="0.2">
      <c r="A2459" s="9" t="s">
        <v>19701</v>
      </c>
      <c r="B2459" s="9" t="s">
        <v>14</v>
      </c>
      <c r="C2459" s="9" t="s">
        <v>11761</v>
      </c>
      <c r="D2459" s="6" t="s">
        <v>11762</v>
      </c>
      <c r="E2459" s="22">
        <v>44592</v>
      </c>
      <c r="F2459" s="22">
        <v>46417</v>
      </c>
      <c r="G2459" s="6" t="s">
        <v>11763</v>
      </c>
      <c r="H2459" s="6" t="s">
        <v>202</v>
      </c>
      <c r="I2459" s="6" t="s">
        <v>863</v>
      </c>
      <c r="J2459" s="6" t="s">
        <v>11764</v>
      </c>
      <c r="K2459" s="9" t="s">
        <v>11765</v>
      </c>
      <c r="L2459" s="10" t="s">
        <v>22</v>
      </c>
      <c r="M2459" s="10" t="s">
        <v>22</v>
      </c>
      <c r="N2459" s="10" t="s">
        <v>22</v>
      </c>
      <c r="O2459" s="10" t="s">
        <v>22</v>
      </c>
      <c r="P2459" s="10" t="s">
        <v>22</v>
      </c>
      <c r="Q2459" s="10" t="s">
        <v>22</v>
      </c>
      <c r="R2459" s="10" t="s">
        <v>22</v>
      </c>
      <c r="S2459" s="10" t="s">
        <v>22</v>
      </c>
      <c r="T2459" s="10" t="s">
        <v>22</v>
      </c>
      <c r="U2459" s="10" t="s">
        <v>22</v>
      </c>
      <c r="V2459" s="10" t="s">
        <v>22</v>
      </c>
      <c r="W2459" s="10" t="s">
        <v>22</v>
      </c>
      <c r="X2459" s="10" t="s">
        <v>22</v>
      </c>
      <c r="Y2459" s="10" t="s">
        <v>22</v>
      </c>
      <c r="Z2459" s="10" t="s">
        <v>22</v>
      </c>
    </row>
    <row r="2460" spans="1:26" ht="24" customHeight="1" x14ac:dyDescent="0.2">
      <c r="A2460" s="9" t="s">
        <v>19702</v>
      </c>
      <c r="B2460" s="9" t="s">
        <v>14</v>
      </c>
      <c r="C2460" s="9" t="s">
        <v>11766</v>
      </c>
      <c r="D2460" s="6" t="s">
        <v>11767</v>
      </c>
      <c r="E2460" s="22">
        <v>44596</v>
      </c>
      <c r="F2460" s="22">
        <v>46421</v>
      </c>
      <c r="G2460" s="6" t="s">
        <v>11768</v>
      </c>
      <c r="H2460" s="6" t="s">
        <v>202</v>
      </c>
      <c r="I2460" s="6" t="s">
        <v>863</v>
      </c>
      <c r="J2460" s="6" t="s">
        <v>11769</v>
      </c>
      <c r="L2460" s="10" t="s">
        <v>22</v>
      </c>
      <c r="M2460" s="10" t="s">
        <v>22</v>
      </c>
      <c r="N2460" s="10" t="s">
        <v>22</v>
      </c>
      <c r="U2460" s="10" t="s">
        <v>22</v>
      </c>
      <c r="V2460" s="10" t="s">
        <v>22</v>
      </c>
      <c r="W2460" s="10" t="s">
        <v>22</v>
      </c>
    </row>
    <row r="2461" spans="1:26" ht="24" customHeight="1" x14ac:dyDescent="0.2">
      <c r="A2461" s="9" t="s">
        <v>19703</v>
      </c>
      <c r="B2461" s="9" t="s">
        <v>14</v>
      </c>
      <c r="C2461" s="9" t="s">
        <v>11770</v>
      </c>
      <c r="D2461" s="6" t="s">
        <v>11771</v>
      </c>
      <c r="E2461" s="22">
        <v>44596</v>
      </c>
      <c r="F2461" s="22">
        <v>46421</v>
      </c>
      <c r="G2461" s="6" t="s">
        <v>11772</v>
      </c>
      <c r="H2461" s="6" t="s">
        <v>62</v>
      </c>
      <c r="I2461" s="6" t="s">
        <v>551</v>
      </c>
      <c r="J2461" s="6" t="s">
        <v>11773</v>
      </c>
      <c r="K2461" s="9" t="s">
        <v>11774</v>
      </c>
      <c r="L2461" s="10" t="s">
        <v>22</v>
      </c>
      <c r="M2461" s="10" t="s">
        <v>22</v>
      </c>
      <c r="N2461" s="10" t="s">
        <v>22</v>
      </c>
      <c r="O2461" s="10" t="s">
        <v>22</v>
      </c>
      <c r="P2461" s="10" t="s">
        <v>22</v>
      </c>
      <c r="Q2461" s="10" t="s">
        <v>22</v>
      </c>
      <c r="R2461" s="10" t="s">
        <v>22</v>
      </c>
      <c r="S2461" s="10" t="s">
        <v>22</v>
      </c>
      <c r="T2461" s="10" t="s">
        <v>22</v>
      </c>
    </row>
    <row r="2462" spans="1:26" ht="24" customHeight="1" x14ac:dyDescent="0.2">
      <c r="A2462" s="9" t="s">
        <v>19704</v>
      </c>
      <c r="B2462" s="9" t="s">
        <v>14</v>
      </c>
      <c r="C2462" s="9" t="s">
        <v>11775</v>
      </c>
      <c r="D2462" s="6" t="s">
        <v>11776</v>
      </c>
      <c r="E2462" s="22">
        <v>44596</v>
      </c>
      <c r="F2462" s="22">
        <v>46421</v>
      </c>
      <c r="G2462" s="6" t="s">
        <v>11777</v>
      </c>
      <c r="H2462" s="6" t="s">
        <v>62</v>
      </c>
      <c r="I2462" s="6" t="s">
        <v>4879</v>
      </c>
      <c r="J2462" s="6" t="s">
        <v>11778</v>
      </c>
      <c r="K2462" s="9" t="s">
        <v>11779</v>
      </c>
      <c r="L2462" s="10" t="s">
        <v>22</v>
      </c>
      <c r="M2462" s="10" t="s">
        <v>22</v>
      </c>
      <c r="N2462" s="10" t="s">
        <v>22</v>
      </c>
      <c r="O2462" s="10" t="s">
        <v>22</v>
      </c>
      <c r="P2462" s="10" t="s">
        <v>22</v>
      </c>
      <c r="Q2462" s="10" t="s">
        <v>22</v>
      </c>
      <c r="R2462" s="10" t="s">
        <v>22</v>
      </c>
      <c r="S2462" s="10" t="s">
        <v>22</v>
      </c>
      <c r="T2462" s="10" t="s">
        <v>22</v>
      </c>
      <c r="U2462" s="10" t="s">
        <v>22</v>
      </c>
      <c r="V2462" s="10" t="s">
        <v>22</v>
      </c>
      <c r="W2462" s="10" t="s">
        <v>22</v>
      </c>
      <c r="X2462" s="10" t="s">
        <v>22</v>
      </c>
      <c r="Y2462" s="10" t="s">
        <v>22</v>
      </c>
      <c r="Z2462" s="10" t="s">
        <v>22</v>
      </c>
    </row>
    <row r="2463" spans="1:26" ht="24" customHeight="1" x14ac:dyDescent="0.2">
      <c r="A2463" s="9" t="s">
        <v>19705</v>
      </c>
      <c r="B2463" s="9" t="s">
        <v>14</v>
      </c>
      <c r="C2463" s="9" t="s">
        <v>11780</v>
      </c>
      <c r="D2463" s="6" t="s">
        <v>11781</v>
      </c>
      <c r="E2463" s="22">
        <v>44596</v>
      </c>
      <c r="F2463" s="22">
        <v>46421</v>
      </c>
      <c r="G2463" s="6" t="s">
        <v>11782</v>
      </c>
      <c r="H2463" s="6" t="s">
        <v>62</v>
      </c>
      <c r="I2463" s="6" t="s">
        <v>5452</v>
      </c>
      <c r="J2463" s="6" t="s">
        <v>11783</v>
      </c>
      <c r="K2463" s="9" t="s">
        <v>11784</v>
      </c>
      <c r="L2463" s="10" t="s">
        <v>22</v>
      </c>
      <c r="M2463" s="10" t="s">
        <v>22</v>
      </c>
      <c r="N2463" s="10" t="s">
        <v>22</v>
      </c>
      <c r="O2463" s="10" t="s">
        <v>22</v>
      </c>
      <c r="P2463" s="10" t="s">
        <v>22</v>
      </c>
      <c r="Q2463" s="10" t="s">
        <v>22</v>
      </c>
      <c r="R2463" s="10" t="s">
        <v>22</v>
      </c>
      <c r="S2463" s="10" t="s">
        <v>22</v>
      </c>
      <c r="T2463" s="10" t="s">
        <v>22</v>
      </c>
      <c r="U2463" s="10" t="s">
        <v>22</v>
      </c>
      <c r="V2463" s="10" t="s">
        <v>22</v>
      </c>
      <c r="W2463" s="10" t="s">
        <v>22</v>
      </c>
      <c r="X2463" s="10" t="s">
        <v>22</v>
      </c>
      <c r="Y2463" s="10" t="s">
        <v>22</v>
      </c>
      <c r="Z2463" s="10" t="s">
        <v>22</v>
      </c>
    </row>
    <row r="2464" spans="1:26" ht="24" customHeight="1" x14ac:dyDescent="0.2">
      <c r="A2464" s="9" t="s">
        <v>19706</v>
      </c>
      <c r="B2464" s="9" t="s">
        <v>14</v>
      </c>
      <c r="C2464" s="9" t="s">
        <v>11785</v>
      </c>
      <c r="D2464" s="6" t="s">
        <v>11786</v>
      </c>
      <c r="E2464" s="22">
        <v>44596</v>
      </c>
      <c r="F2464" s="22">
        <v>46421</v>
      </c>
      <c r="G2464" s="6" t="s">
        <v>11787</v>
      </c>
      <c r="H2464" s="6" t="s">
        <v>62</v>
      </c>
      <c r="I2464" s="6" t="s">
        <v>318</v>
      </c>
      <c r="J2464" s="6" t="s">
        <v>11788</v>
      </c>
      <c r="K2464" s="9" t="s">
        <v>11789</v>
      </c>
      <c r="L2464" s="10" t="s">
        <v>22</v>
      </c>
      <c r="M2464" s="10" t="s">
        <v>22</v>
      </c>
      <c r="N2464" s="10" t="s">
        <v>22</v>
      </c>
      <c r="O2464" s="10" t="s">
        <v>22</v>
      </c>
      <c r="P2464" s="10" t="s">
        <v>22</v>
      </c>
      <c r="Q2464" s="10" t="s">
        <v>22</v>
      </c>
      <c r="U2464" s="10" t="s">
        <v>22</v>
      </c>
      <c r="V2464" s="10" t="s">
        <v>22</v>
      </c>
      <c r="W2464" s="10" t="s">
        <v>22</v>
      </c>
      <c r="X2464" s="10" t="s">
        <v>22</v>
      </c>
      <c r="Y2464" s="10" t="s">
        <v>22</v>
      </c>
      <c r="Z2464" s="10" t="s">
        <v>22</v>
      </c>
    </row>
    <row r="2465" spans="1:26" ht="24" customHeight="1" x14ac:dyDescent="0.2">
      <c r="A2465" s="9" t="s">
        <v>19707</v>
      </c>
      <c r="B2465" s="9" t="s">
        <v>14</v>
      </c>
      <c r="C2465" s="9" t="s">
        <v>11790</v>
      </c>
      <c r="D2465" s="6" t="s">
        <v>11791</v>
      </c>
      <c r="E2465" s="22">
        <v>44599</v>
      </c>
      <c r="F2465" s="22">
        <v>46424</v>
      </c>
      <c r="G2465" s="6" t="s">
        <v>11792</v>
      </c>
      <c r="H2465" s="6" t="s">
        <v>62</v>
      </c>
      <c r="I2465" s="6" t="s">
        <v>414</v>
      </c>
      <c r="J2465" s="6" t="s">
        <v>11793</v>
      </c>
      <c r="L2465" s="10" t="s">
        <v>22</v>
      </c>
      <c r="M2465" s="10" t="s">
        <v>22</v>
      </c>
      <c r="N2465" s="10" t="s">
        <v>22</v>
      </c>
      <c r="O2465" s="10" t="s">
        <v>22</v>
      </c>
      <c r="P2465" s="10" t="s">
        <v>22</v>
      </c>
      <c r="Q2465" s="10" t="s">
        <v>22</v>
      </c>
      <c r="U2465" s="10" t="s">
        <v>22</v>
      </c>
      <c r="V2465" s="10" t="s">
        <v>22</v>
      </c>
      <c r="W2465" s="10" t="s">
        <v>22</v>
      </c>
      <c r="X2465" s="10" t="s">
        <v>22</v>
      </c>
      <c r="Y2465" s="10" t="s">
        <v>22</v>
      </c>
      <c r="Z2465" s="10" t="s">
        <v>22</v>
      </c>
    </row>
    <row r="2466" spans="1:26" ht="24" customHeight="1" x14ac:dyDescent="0.2">
      <c r="A2466" s="9" t="s">
        <v>19708</v>
      </c>
      <c r="B2466" s="9" t="s">
        <v>14</v>
      </c>
      <c r="C2466" s="9" t="s">
        <v>11794</v>
      </c>
      <c r="D2466" s="6" t="s">
        <v>11795</v>
      </c>
      <c r="E2466" s="22">
        <v>44606</v>
      </c>
      <c r="F2466" s="22">
        <v>46431</v>
      </c>
      <c r="G2466" s="6" t="s">
        <v>11796</v>
      </c>
      <c r="H2466" s="6" t="s">
        <v>18</v>
      </c>
      <c r="I2466" s="6" t="s">
        <v>19</v>
      </c>
      <c r="J2466" s="6" t="s">
        <v>11797</v>
      </c>
      <c r="K2466" s="9" t="s">
        <v>11798</v>
      </c>
      <c r="L2466" s="10" t="s">
        <v>22</v>
      </c>
      <c r="M2466" s="10" t="s">
        <v>22</v>
      </c>
      <c r="N2466" s="10" t="s">
        <v>22</v>
      </c>
      <c r="U2466" s="10" t="s">
        <v>22</v>
      </c>
      <c r="V2466" s="10" t="s">
        <v>22</v>
      </c>
      <c r="W2466" s="10" t="s">
        <v>22</v>
      </c>
    </row>
    <row r="2467" spans="1:26" ht="24" customHeight="1" x14ac:dyDescent="0.2">
      <c r="A2467" s="9" t="s">
        <v>19709</v>
      </c>
      <c r="B2467" s="9" t="s">
        <v>14</v>
      </c>
      <c r="C2467" s="9" t="s">
        <v>11799</v>
      </c>
      <c r="D2467" s="6" t="s">
        <v>11800</v>
      </c>
      <c r="E2467" s="22">
        <v>44606</v>
      </c>
      <c r="F2467" s="22">
        <v>46431</v>
      </c>
      <c r="G2467" s="6" t="s">
        <v>11801</v>
      </c>
      <c r="H2467" s="6" t="s">
        <v>229</v>
      </c>
      <c r="I2467" s="6" t="s">
        <v>1885</v>
      </c>
      <c r="J2467" s="6" t="s">
        <v>11802</v>
      </c>
      <c r="K2467" s="9" t="s">
        <v>11803</v>
      </c>
      <c r="L2467" s="10" t="s">
        <v>22</v>
      </c>
      <c r="M2467" s="10" t="s">
        <v>22</v>
      </c>
      <c r="N2467" s="10" t="s">
        <v>22</v>
      </c>
      <c r="O2467" s="10" t="s">
        <v>22</v>
      </c>
      <c r="P2467" s="10" t="s">
        <v>22</v>
      </c>
      <c r="Q2467" s="10" t="s">
        <v>22</v>
      </c>
      <c r="U2467" s="10" t="s">
        <v>22</v>
      </c>
      <c r="V2467" s="10" t="s">
        <v>22</v>
      </c>
      <c r="W2467" s="10" t="s">
        <v>22</v>
      </c>
      <c r="X2467" s="10" t="s">
        <v>22</v>
      </c>
      <c r="Y2467" s="10" t="s">
        <v>22</v>
      </c>
      <c r="Z2467" s="10" t="s">
        <v>22</v>
      </c>
    </row>
    <row r="2468" spans="1:26" ht="24" customHeight="1" x14ac:dyDescent="0.2">
      <c r="A2468" s="9" t="s">
        <v>19710</v>
      </c>
      <c r="B2468" s="9" t="s">
        <v>14</v>
      </c>
      <c r="C2468" s="9" t="s">
        <v>11804</v>
      </c>
      <c r="D2468" s="6" t="s">
        <v>11805</v>
      </c>
      <c r="E2468" s="22">
        <v>44606</v>
      </c>
      <c r="F2468" s="22">
        <v>46431</v>
      </c>
      <c r="G2468" s="6" t="s">
        <v>11806</v>
      </c>
      <c r="H2468" s="6" t="s">
        <v>229</v>
      </c>
      <c r="I2468" s="6" t="s">
        <v>825</v>
      </c>
      <c r="J2468" s="6" t="s">
        <v>11807</v>
      </c>
      <c r="K2468" s="9" t="s">
        <v>11808</v>
      </c>
      <c r="L2468" s="10" t="s">
        <v>22</v>
      </c>
      <c r="M2468" s="10" t="s">
        <v>22</v>
      </c>
      <c r="N2468" s="10" t="s">
        <v>22</v>
      </c>
      <c r="O2468" s="10" t="s">
        <v>22</v>
      </c>
      <c r="P2468" s="10" t="s">
        <v>22</v>
      </c>
      <c r="Q2468" s="10" t="s">
        <v>22</v>
      </c>
      <c r="R2468" s="10" t="s">
        <v>22</v>
      </c>
      <c r="S2468" s="10" t="s">
        <v>22</v>
      </c>
      <c r="T2468" s="10" t="s">
        <v>22</v>
      </c>
      <c r="U2468" s="10" t="s">
        <v>22</v>
      </c>
      <c r="V2468" s="10" t="s">
        <v>22</v>
      </c>
      <c r="W2468" s="10" t="s">
        <v>22</v>
      </c>
      <c r="X2468" s="10" t="s">
        <v>22</v>
      </c>
      <c r="Y2468" s="10" t="s">
        <v>22</v>
      </c>
      <c r="Z2468" s="10" t="s">
        <v>22</v>
      </c>
    </row>
    <row r="2469" spans="1:26" ht="24" customHeight="1" x14ac:dyDescent="0.2">
      <c r="A2469" s="9" t="s">
        <v>19711</v>
      </c>
      <c r="B2469" s="9" t="s">
        <v>14</v>
      </c>
      <c r="C2469" s="9" t="s">
        <v>11809</v>
      </c>
      <c r="D2469" s="6" t="s">
        <v>11810</v>
      </c>
      <c r="E2469" s="22">
        <v>44606</v>
      </c>
      <c r="F2469" s="22">
        <v>46431</v>
      </c>
      <c r="G2469" s="6" t="s">
        <v>11811</v>
      </c>
      <c r="H2469" s="6" t="s">
        <v>18</v>
      </c>
      <c r="I2469" s="6" t="s">
        <v>19</v>
      </c>
      <c r="J2469" s="6" t="s">
        <v>11812</v>
      </c>
      <c r="L2469" s="10" t="s">
        <v>22</v>
      </c>
      <c r="M2469" s="10" t="s">
        <v>22</v>
      </c>
      <c r="N2469" s="10" t="s">
        <v>22</v>
      </c>
      <c r="U2469" s="10" t="s">
        <v>22</v>
      </c>
      <c r="V2469" s="10" t="s">
        <v>22</v>
      </c>
      <c r="W2469" s="10" t="s">
        <v>22</v>
      </c>
    </row>
    <row r="2470" spans="1:26" ht="24" customHeight="1" x14ac:dyDescent="0.2">
      <c r="A2470" s="9" t="s">
        <v>19712</v>
      </c>
      <c r="B2470" s="9" t="s">
        <v>14</v>
      </c>
      <c r="C2470" s="9" t="s">
        <v>11813</v>
      </c>
      <c r="D2470" s="6" t="s">
        <v>11814</v>
      </c>
      <c r="E2470" s="22">
        <v>44614</v>
      </c>
      <c r="F2470" s="22">
        <v>46439</v>
      </c>
      <c r="G2470" s="6" t="s">
        <v>11815</v>
      </c>
      <c r="H2470" s="6" t="s">
        <v>18</v>
      </c>
      <c r="I2470" s="6" t="s">
        <v>19</v>
      </c>
      <c r="J2470" s="6" t="s">
        <v>11816</v>
      </c>
      <c r="K2470" s="9" t="s">
        <v>11817</v>
      </c>
      <c r="L2470" s="10" t="s">
        <v>22</v>
      </c>
      <c r="M2470" s="10" t="s">
        <v>22</v>
      </c>
      <c r="N2470" s="10" t="s">
        <v>22</v>
      </c>
      <c r="O2470" s="10" t="s">
        <v>22</v>
      </c>
      <c r="P2470" s="10" t="s">
        <v>22</v>
      </c>
      <c r="Q2470" s="10" t="s">
        <v>22</v>
      </c>
      <c r="R2470" s="10" t="s">
        <v>22</v>
      </c>
      <c r="S2470" s="10" t="s">
        <v>22</v>
      </c>
      <c r="T2470" s="10" t="s">
        <v>22</v>
      </c>
      <c r="U2470" s="10" t="s">
        <v>22</v>
      </c>
      <c r="V2470" s="10" t="s">
        <v>22</v>
      </c>
      <c r="W2470" s="10" t="s">
        <v>22</v>
      </c>
      <c r="X2470" s="10" t="s">
        <v>22</v>
      </c>
      <c r="Y2470" s="10" t="s">
        <v>22</v>
      </c>
      <c r="Z2470" s="10" t="s">
        <v>22</v>
      </c>
    </row>
    <row r="2471" spans="1:26" ht="24" customHeight="1" x14ac:dyDescent="0.2">
      <c r="A2471" s="9" t="s">
        <v>19713</v>
      </c>
      <c r="B2471" s="9" t="s">
        <v>14</v>
      </c>
      <c r="C2471" s="9" t="s">
        <v>11818</v>
      </c>
      <c r="D2471" s="6" t="s">
        <v>11819</v>
      </c>
      <c r="E2471" s="22">
        <v>44614</v>
      </c>
      <c r="F2471" s="22">
        <v>46439</v>
      </c>
      <c r="G2471" s="6" t="s">
        <v>11820</v>
      </c>
      <c r="H2471" s="6" t="s">
        <v>18</v>
      </c>
      <c r="I2471" s="6" t="s">
        <v>19</v>
      </c>
      <c r="J2471" s="6" t="s">
        <v>11821</v>
      </c>
      <c r="K2471" s="9" t="s">
        <v>11822</v>
      </c>
      <c r="L2471" s="10" t="s">
        <v>22</v>
      </c>
      <c r="M2471" s="10" t="s">
        <v>22</v>
      </c>
      <c r="N2471" s="10" t="s">
        <v>22</v>
      </c>
      <c r="O2471" s="10" t="s">
        <v>22</v>
      </c>
      <c r="P2471" s="10" t="s">
        <v>22</v>
      </c>
      <c r="Q2471" s="10" t="s">
        <v>22</v>
      </c>
      <c r="R2471" s="10" t="s">
        <v>22</v>
      </c>
      <c r="S2471" s="10" t="s">
        <v>22</v>
      </c>
      <c r="T2471" s="10" t="s">
        <v>22</v>
      </c>
    </row>
    <row r="2472" spans="1:26" ht="24" customHeight="1" x14ac:dyDescent="0.2">
      <c r="A2472" s="9" t="s">
        <v>19714</v>
      </c>
      <c r="B2472" s="9" t="s">
        <v>14</v>
      </c>
      <c r="C2472" s="9" t="s">
        <v>11823</v>
      </c>
      <c r="D2472" s="6" t="s">
        <v>11824</v>
      </c>
      <c r="E2472" s="22">
        <v>44617</v>
      </c>
      <c r="F2472" s="22">
        <v>46442</v>
      </c>
      <c r="G2472" s="6" t="s">
        <v>11825</v>
      </c>
      <c r="H2472" s="6" t="s">
        <v>62</v>
      </c>
      <c r="I2472" s="6" t="s">
        <v>306</v>
      </c>
      <c r="J2472" s="6" t="s">
        <v>11826</v>
      </c>
      <c r="K2472" s="9" t="s">
        <v>11827</v>
      </c>
      <c r="L2472" s="10" t="s">
        <v>22</v>
      </c>
      <c r="M2472" s="10" t="s">
        <v>22</v>
      </c>
      <c r="N2472" s="10" t="s">
        <v>22</v>
      </c>
      <c r="O2472" s="10" t="s">
        <v>22</v>
      </c>
      <c r="P2472" s="10" t="s">
        <v>22</v>
      </c>
      <c r="Q2472" s="10" t="s">
        <v>22</v>
      </c>
      <c r="R2472" s="10" t="s">
        <v>22</v>
      </c>
      <c r="S2472" s="10" t="s">
        <v>22</v>
      </c>
      <c r="T2472" s="10" t="s">
        <v>22</v>
      </c>
      <c r="U2472" s="10" t="s">
        <v>22</v>
      </c>
      <c r="V2472" s="10" t="s">
        <v>22</v>
      </c>
      <c r="W2472" s="10" t="s">
        <v>22</v>
      </c>
      <c r="X2472" s="10" t="s">
        <v>22</v>
      </c>
      <c r="Y2472" s="10" t="s">
        <v>22</v>
      </c>
      <c r="Z2472" s="10" t="s">
        <v>22</v>
      </c>
    </row>
    <row r="2473" spans="1:26" ht="24" customHeight="1" x14ac:dyDescent="0.2">
      <c r="A2473" s="9" t="s">
        <v>19715</v>
      </c>
      <c r="B2473" s="9" t="s">
        <v>14</v>
      </c>
      <c r="C2473" s="9" t="s">
        <v>11828</v>
      </c>
      <c r="D2473" s="6" t="s">
        <v>11829</v>
      </c>
      <c r="E2473" s="22">
        <v>44614</v>
      </c>
      <c r="F2473" s="22">
        <v>46439</v>
      </c>
      <c r="G2473" s="6" t="s">
        <v>11830</v>
      </c>
      <c r="H2473" s="6" t="s">
        <v>4493</v>
      </c>
      <c r="I2473" s="6" t="s">
        <v>11831</v>
      </c>
      <c r="J2473" s="6" t="s">
        <v>11832</v>
      </c>
      <c r="L2473" s="10" t="s">
        <v>22</v>
      </c>
      <c r="M2473" s="10" t="s">
        <v>22</v>
      </c>
      <c r="N2473" s="10" t="s">
        <v>22</v>
      </c>
      <c r="O2473" s="10" t="s">
        <v>22</v>
      </c>
      <c r="P2473" s="10" t="s">
        <v>22</v>
      </c>
      <c r="Q2473" s="10" t="s">
        <v>22</v>
      </c>
      <c r="R2473" s="10" t="s">
        <v>22</v>
      </c>
      <c r="S2473" s="10" t="s">
        <v>22</v>
      </c>
      <c r="T2473" s="10" t="s">
        <v>22</v>
      </c>
      <c r="U2473" s="10" t="s">
        <v>22</v>
      </c>
      <c r="V2473" s="10" t="s">
        <v>22</v>
      </c>
      <c r="W2473" s="10" t="s">
        <v>22</v>
      </c>
      <c r="X2473" s="10" t="s">
        <v>22</v>
      </c>
      <c r="Y2473" s="10" t="s">
        <v>22</v>
      </c>
      <c r="Z2473" s="10" t="s">
        <v>22</v>
      </c>
    </row>
    <row r="2474" spans="1:26" ht="24" customHeight="1" x14ac:dyDescent="0.2">
      <c r="A2474" s="9" t="s">
        <v>19716</v>
      </c>
      <c r="B2474" s="9" t="s">
        <v>14</v>
      </c>
      <c r="C2474" s="9" t="s">
        <v>11833</v>
      </c>
      <c r="D2474" s="6" t="s">
        <v>11834</v>
      </c>
      <c r="E2474" s="22">
        <v>44617</v>
      </c>
      <c r="F2474" s="22">
        <v>46442</v>
      </c>
      <c r="G2474" s="6" t="s">
        <v>11835</v>
      </c>
      <c r="H2474" s="6" t="s">
        <v>1625</v>
      </c>
      <c r="I2474" s="6" t="s">
        <v>4540</v>
      </c>
      <c r="J2474" s="6" t="s">
        <v>11836</v>
      </c>
      <c r="K2474" s="9" t="s">
        <v>11837</v>
      </c>
      <c r="M2474" s="10" t="s">
        <v>22</v>
      </c>
      <c r="N2474" s="10" t="s">
        <v>22</v>
      </c>
      <c r="O2474" s="10" t="s">
        <v>22</v>
      </c>
      <c r="P2474" s="10" t="s">
        <v>22</v>
      </c>
      <c r="Q2474" s="10" t="s">
        <v>22</v>
      </c>
      <c r="R2474" s="10" t="s">
        <v>22</v>
      </c>
      <c r="S2474" s="10" t="s">
        <v>22</v>
      </c>
      <c r="T2474" s="10" t="s">
        <v>22</v>
      </c>
      <c r="U2474" s="10" t="s">
        <v>22</v>
      </c>
      <c r="V2474" s="10" t="s">
        <v>22</v>
      </c>
      <c r="W2474" s="10" t="s">
        <v>22</v>
      </c>
      <c r="X2474" s="10" t="s">
        <v>22</v>
      </c>
      <c r="Y2474" s="10" t="s">
        <v>22</v>
      </c>
      <c r="Z2474" s="10" t="s">
        <v>22</v>
      </c>
    </row>
    <row r="2475" spans="1:26" ht="24" customHeight="1" x14ac:dyDescent="0.2">
      <c r="A2475" s="9" t="s">
        <v>19717</v>
      </c>
      <c r="B2475" s="9" t="s">
        <v>14</v>
      </c>
      <c r="C2475" s="9" t="s">
        <v>11838</v>
      </c>
      <c r="D2475" s="6" t="s">
        <v>11839</v>
      </c>
      <c r="E2475" s="22">
        <v>44617</v>
      </c>
      <c r="F2475" s="22">
        <v>46442</v>
      </c>
      <c r="G2475" s="6" t="s">
        <v>11840</v>
      </c>
      <c r="H2475" s="6" t="s">
        <v>363</v>
      </c>
      <c r="I2475" s="6" t="s">
        <v>466</v>
      </c>
      <c r="J2475" s="6" t="s">
        <v>11841</v>
      </c>
      <c r="K2475" s="9" t="s">
        <v>11842</v>
      </c>
      <c r="L2475" s="10" t="s">
        <v>22</v>
      </c>
      <c r="M2475" s="10" t="s">
        <v>22</v>
      </c>
      <c r="N2475" s="10" t="s">
        <v>22</v>
      </c>
      <c r="O2475" s="10" t="s">
        <v>22</v>
      </c>
      <c r="P2475" s="10" t="s">
        <v>22</v>
      </c>
      <c r="Q2475" s="10" t="s">
        <v>22</v>
      </c>
      <c r="R2475" s="10" t="s">
        <v>22</v>
      </c>
      <c r="S2475" s="10" t="s">
        <v>22</v>
      </c>
      <c r="T2475" s="10" t="s">
        <v>22</v>
      </c>
      <c r="U2475" s="10" t="s">
        <v>22</v>
      </c>
      <c r="V2475" s="10" t="s">
        <v>22</v>
      </c>
      <c r="W2475" s="10" t="s">
        <v>22</v>
      </c>
      <c r="X2475" s="10" t="s">
        <v>22</v>
      </c>
      <c r="Y2475" s="10" t="s">
        <v>22</v>
      </c>
      <c r="Z2475" s="10" t="s">
        <v>22</v>
      </c>
    </row>
    <row r="2476" spans="1:26" ht="24" customHeight="1" x14ac:dyDescent="0.2">
      <c r="A2476" s="9" t="s">
        <v>19718</v>
      </c>
      <c r="B2476" s="9" t="s">
        <v>14</v>
      </c>
      <c r="C2476" s="9" t="s">
        <v>11843</v>
      </c>
      <c r="D2476" s="6" t="s">
        <v>11844</v>
      </c>
      <c r="E2476" s="22">
        <v>44620</v>
      </c>
      <c r="F2476" s="22">
        <v>46445</v>
      </c>
      <c r="G2476" s="6" t="s">
        <v>11845</v>
      </c>
      <c r="H2476" s="6" t="s">
        <v>202</v>
      </c>
      <c r="I2476" s="6" t="s">
        <v>3154</v>
      </c>
      <c r="J2476" s="6" t="s">
        <v>11846</v>
      </c>
      <c r="K2476" s="9" t="s">
        <v>11847</v>
      </c>
      <c r="L2476" s="10" t="s">
        <v>22</v>
      </c>
      <c r="M2476" s="10" t="s">
        <v>22</v>
      </c>
      <c r="N2476" s="10" t="s">
        <v>22</v>
      </c>
      <c r="O2476" s="10" t="s">
        <v>22</v>
      </c>
      <c r="P2476" s="10" t="s">
        <v>22</v>
      </c>
      <c r="Q2476" s="10" t="s">
        <v>22</v>
      </c>
      <c r="R2476" s="10" t="s">
        <v>22</v>
      </c>
      <c r="S2476" s="10" t="s">
        <v>22</v>
      </c>
      <c r="T2476" s="10" t="s">
        <v>22</v>
      </c>
      <c r="U2476" s="10" t="s">
        <v>22</v>
      </c>
      <c r="V2476" s="10" t="s">
        <v>22</v>
      </c>
      <c r="W2476" s="10" t="s">
        <v>22</v>
      </c>
      <c r="X2476" s="10" t="s">
        <v>22</v>
      </c>
      <c r="Y2476" s="10" t="s">
        <v>22</v>
      </c>
      <c r="Z2476" s="10" t="s">
        <v>22</v>
      </c>
    </row>
    <row r="2477" spans="1:26" ht="24" customHeight="1" x14ac:dyDescent="0.2">
      <c r="A2477" s="9" t="s">
        <v>19719</v>
      </c>
      <c r="B2477" s="9" t="s">
        <v>14</v>
      </c>
      <c r="C2477" s="9" t="s">
        <v>11848</v>
      </c>
      <c r="D2477" s="6" t="s">
        <v>11849</v>
      </c>
      <c r="E2477" s="22">
        <v>44620</v>
      </c>
      <c r="F2477" s="22">
        <v>46445</v>
      </c>
      <c r="G2477" s="6" t="s">
        <v>11850</v>
      </c>
      <c r="H2477" s="6" t="s">
        <v>62</v>
      </c>
      <c r="I2477" s="6" t="s">
        <v>2578</v>
      </c>
      <c r="J2477" s="6" t="s">
        <v>11851</v>
      </c>
      <c r="K2477" s="9" t="s">
        <v>11852</v>
      </c>
      <c r="L2477" s="10" t="s">
        <v>22</v>
      </c>
      <c r="M2477" s="10" t="s">
        <v>22</v>
      </c>
      <c r="N2477" s="10" t="s">
        <v>22</v>
      </c>
      <c r="U2477" s="10" t="s">
        <v>22</v>
      </c>
      <c r="V2477" s="10" t="s">
        <v>22</v>
      </c>
      <c r="W2477" s="10" t="s">
        <v>22</v>
      </c>
    </row>
    <row r="2478" spans="1:26" ht="24" customHeight="1" x14ac:dyDescent="0.2">
      <c r="A2478" s="9" t="s">
        <v>19720</v>
      </c>
      <c r="B2478" s="9" t="s">
        <v>14</v>
      </c>
      <c r="C2478" s="9" t="s">
        <v>11853</v>
      </c>
      <c r="D2478" s="6" t="s">
        <v>11854</v>
      </c>
      <c r="E2478" s="22">
        <v>44620</v>
      </c>
      <c r="F2478" s="22">
        <v>46445</v>
      </c>
      <c r="G2478" s="6" t="s">
        <v>11855</v>
      </c>
      <c r="H2478" s="6" t="s">
        <v>62</v>
      </c>
      <c r="I2478" s="6" t="s">
        <v>551</v>
      </c>
      <c r="J2478" s="6" t="s">
        <v>11856</v>
      </c>
      <c r="K2478" s="9" t="s">
        <v>11857</v>
      </c>
      <c r="L2478" s="10" t="s">
        <v>22</v>
      </c>
      <c r="M2478" s="10" t="s">
        <v>22</v>
      </c>
      <c r="N2478" s="10" t="s">
        <v>22</v>
      </c>
      <c r="O2478" s="10" t="s">
        <v>22</v>
      </c>
      <c r="P2478" s="10" t="s">
        <v>22</v>
      </c>
      <c r="Q2478" s="10" t="s">
        <v>22</v>
      </c>
      <c r="R2478" s="10" t="s">
        <v>22</v>
      </c>
      <c r="S2478" s="10" t="s">
        <v>22</v>
      </c>
      <c r="T2478" s="10" t="s">
        <v>22</v>
      </c>
    </row>
    <row r="2479" spans="1:26" ht="24" customHeight="1" x14ac:dyDescent="0.2">
      <c r="A2479" s="9" t="s">
        <v>19721</v>
      </c>
      <c r="B2479" s="9" t="s">
        <v>14</v>
      </c>
      <c r="C2479" s="9" t="s">
        <v>11858</v>
      </c>
      <c r="D2479" s="6" t="s">
        <v>11859</v>
      </c>
      <c r="E2479" s="22">
        <v>44620</v>
      </c>
      <c r="F2479" s="22">
        <v>46445</v>
      </c>
      <c r="G2479" s="6" t="s">
        <v>11860</v>
      </c>
      <c r="H2479" s="6" t="s">
        <v>62</v>
      </c>
      <c r="I2479" s="6" t="s">
        <v>1141</v>
      </c>
      <c r="J2479" s="6" t="s">
        <v>11861</v>
      </c>
      <c r="K2479" s="9" t="s">
        <v>11862</v>
      </c>
      <c r="L2479" s="10" t="s">
        <v>22</v>
      </c>
      <c r="M2479" s="10" t="s">
        <v>22</v>
      </c>
      <c r="N2479" s="10" t="s">
        <v>22</v>
      </c>
      <c r="O2479" s="10" t="s">
        <v>22</v>
      </c>
      <c r="P2479" s="10" t="s">
        <v>22</v>
      </c>
      <c r="Q2479" s="10" t="s">
        <v>22</v>
      </c>
      <c r="R2479" s="10" t="s">
        <v>22</v>
      </c>
      <c r="S2479" s="10" t="s">
        <v>22</v>
      </c>
      <c r="T2479" s="10" t="s">
        <v>22</v>
      </c>
      <c r="U2479" s="10" t="s">
        <v>22</v>
      </c>
      <c r="V2479" s="10" t="s">
        <v>22</v>
      </c>
      <c r="W2479" s="10" t="s">
        <v>22</v>
      </c>
      <c r="X2479" s="10" t="s">
        <v>22</v>
      </c>
      <c r="Y2479" s="10" t="s">
        <v>22</v>
      </c>
      <c r="Z2479" s="10" t="s">
        <v>22</v>
      </c>
    </row>
    <row r="2480" spans="1:26" ht="24" customHeight="1" x14ac:dyDescent="0.2">
      <c r="A2480" s="9" t="s">
        <v>19722</v>
      </c>
      <c r="B2480" s="9" t="s">
        <v>14</v>
      </c>
      <c r="C2480" s="9" t="s">
        <v>11863</v>
      </c>
      <c r="D2480" s="6" t="s">
        <v>11864</v>
      </c>
      <c r="E2480" s="22">
        <v>44621</v>
      </c>
      <c r="F2480" s="22">
        <v>46446</v>
      </c>
      <c r="G2480" s="6" t="s">
        <v>11865</v>
      </c>
      <c r="H2480" s="6" t="s">
        <v>18</v>
      </c>
      <c r="I2480" s="6" t="s">
        <v>19</v>
      </c>
      <c r="J2480" s="6" t="s">
        <v>11866</v>
      </c>
      <c r="L2480" s="10" t="s">
        <v>22</v>
      </c>
      <c r="M2480" s="10" t="s">
        <v>22</v>
      </c>
      <c r="N2480" s="10" t="s">
        <v>22</v>
      </c>
      <c r="O2480" s="10" t="s">
        <v>22</v>
      </c>
      <c r="P2480" s="10" t="s">
        <v>22</v>
      </c>
      <c r="Q2480" s="10" t="s">
        <v>22</v>
      </c>
      <c r="R2480" s="10" t="s">
        <v>22</v>
      </c>
      <c r="S2480" s="10" t="s">
        <v>22</v>
      </c>
      <c r="T2480" s="10" t="s">
        <v>22</v>
      </c>
      <c r="U2480" s="10" t="s">
        <v>22</v>
      </c>
      <c r="V2480" s="10" t="s">
        <v>22</v>
      </c>
      <c r="W2480" s="10" t="s">
        <v>22</v>
      </c>
      <c r="X2480" s="10" t="s">
        <v>22</v>
      </c>
      <c r="Y2480" s="10" t="s">
        <v>22</v>
      </c>
      <c r="Z2480" s="10" t="s">
        <v>22</v>
      </c>
    </row>
    <row r="2481" spans="1:26" ht="24" customHeight="1" x14ac:dyDescent="0.2">
      <c r="A2481" s="9" t="s">
        <v>19723</v>
      </c>
      <c r="B2481" s="9" t="s">
        <v>14</v>
      </c>
      <c r="C2481" s="9" t="s">
        <v>11867</v>
      </c>
      <c r="D2481" s="6" t="s">
        <v>11868</v>
      </c>
      <c r="E2481" s="22">
        <v>44624</v>
      </c>
      <c r="F2481" s="22">
        <v>46449</v>
      </c>
      <c r="G2481" s="6" t="s">
        <v>11869</v>
      </c>
      <c r="H2481" s="6" t="s">
        <v>363</v>
      </c>
      <c r="I2481" s="6" t="s">
        <v>10567</v>
      </c>
      <c r="J2481" s="6" t="s">
        <v>11870</v>
      </c>
      <c r="K2481" s="9" t="s">
        <v>11871</v>
      </c>
      <c r="L2481" s="10" t="s">
        <v>22</v>
      </c>
      <c r="M2481" s="10" t="s">
        <v>22</v>
      </c>
      <c r="N2481" s="10" t="s">
        <v>22</v>
      </c>
      <c r="O2481" s="10" t="s">
        <v>22</v>
      </c>
      <c r="P2481" s="10" t="s">
        <v>22</v>
      </c>
      <c r="Q2481" s="10" t="s">
        <v>22</v>
      </c>
      <c r="R2481" s="10" t="s">
        <v>22</v>
      </c>
      <c r="S2481" s="10" t="s">
        <v>22</v>
      </c>
      <c r="T2481" s="10" t="s">
        <v>22</v>
      </c>
      <c r="U2481" s="10" t="s">
        <v>22</v>
      </c>
      <c r="V2481" s="10" t="s">
        <v>22</v>
      </c>
      <c r="W2481" s="10" t="s">
        <v>22</v>
      </c>
      <c r="X2481" s="10" t="s">
        <v>22</v>
      </c>
      <c r="Y2481" s="10" t="s">
        <v>22</v>
      </c>
      <c r="Z2481" s="10" t="s">
        <v>22</v>
      </c>
    </row>
    <row r="2482" spans="1:26" ht="24" customHeight="1" x14ac:dyDescent="0.2">
      <c r="A2482" s="9" t="s">
        <v>19724</v>
      </c>
      <c r="B2482" s="9" t="s">
        <v>14</v>
      </c>
      <c r="C2482" s="9" t="s">
        <v>11872</v>
      </c>
      <c r="D2482" s="6" t="s">
        <v>11873</v>
      </c>
      <c r="E2482" s="22">
        <v>44624</v>
      </c>
      <c r="F2482" s="22">
        <v>46449</v>
      </c>
      <c r="G2482" s="6" t="s">
        <v>11874</v>
      </c>
      <c r="H2482" s="6" t="s">
        <v>1625</v>
      </c>
      <c r="I2482" s="6" t="s">
        <v>11875</v>
      </c>
      <c r="J2482" s="6" t="s">
        <v>11876</v>
      </c>
      <c r="K2482" s="9" t="s">
        <v>11877</v>
      </c>
      <c r="L2482" s="10" t="s">
        <v>22</v>
      </c>
      <c r="M2482" s="10" t="s">
        <v>22</v>
      </c>
      <c r="N2482" s="10" t="s">
        <v>22</v>
      </c>
      <c r="O2482" s="10" t="s">
        <v>22</v>
      </c>
      <c r="P2482" s="10" t="s">
        <v>22</v>
      </c>
      <c r="Q2482" s="10" t="s">
        <v>22</v>
      </c>
      <c r="R2482" s="10" t="s">
        <v>22</v>
      </c>
      <c r="S2482" s="10" t="s">
        <v>22</v>
      </c>
      <c r="T2482" s="10" t="s">
        <v>22</v>
      </c>
    </row>
    <row r="2483" spans="1:26" ht="24" customHeight="1" x14ac:dyDescent="0.2">
      <c r="A2483" s="9" t="s">
        <v>19725</v>
      </c>
      <c r="B2483" s="9" t="s">
        <v>14</v>
      </c>
      <c r="C2483" s="9" t="s">
        <v>11878</v>
      </c>
      <c r="D2483" s="6" t="s">
        <v>11879</v>
      </c>
      <c r="E2483" s="22">
        <v>44628</v>
      </c>
      <c r="F2483" s="22">
        <v>46453</v>
      </c>
      <c r="G2483" s="6" t="s">
        <v>11880</v>
      </c>
      <c r="H2483" s="6" t="s">
        <v>62</v>
      </c>
      <c r="I2483" s="6" t="s">
        <v>1816</v>
      </c>
      <c r="J2483" s="6" t="s">
        <v>11881</v>
      </c>
      <c r="K2483" s="9" t="s">
        <v>11882</v>
      </c>
      <c r="L2483" s="10" t="s">
        <v>22</v>
      </c>
      <c r="M2483" s="10" t="s">
        <v>22</v>
      </c>
      <c r="N2483" s="10" t="s">
        <v>22</v>
      </c>
      <c r="O2483" s="10" t="s">
        <v>22</v>
      </c>
      <c r="P2483" s="10" t="s">
        <v>22</v>
      </c>
      <c r="Q2483" s="10" t="s">
        <v>22</v>
      </c>
      <c r="R2483" s="10" t="s">
        <v>22</v>
      </c>
      <c r="S2483" s="10" t="s">
        <v>22</v>
      </c>
      <c r="T2483" s="10" t="s">
        <v>22</v>
      </c>
      <c r="U2483" s="10" t="s">
        <v>22</v>
      </c>
      <c r="V2483" s="10" t="s">
        <v>22</v>
      </c>
      <c r="W2483" s="10" t="s">
        <v>22</v>
      </c>
      <c r="X2483" s="10" t="s">
        <v>22</v>
      </c>
      <c r="Y2483" s="10" t="s">
        <v>22</v>
      </c>
      <c r="Z2483" s="10" t="s">
        <v>22</v>
      </c>
    </row>
    <row r="2484" spans="1:26" ht="24" customHeight="1" x14ac:dyDescent="0.2">
      <c r="A2484" s="9" t="s">
        <v>19726</v>
      </c>
      <c r="B2484" s="9" t="s">
        <v>14</v>
      </c>
      <c r="C2484" s="9" t="s">
        <v>11883</v>
      </c>
      <c r="D2484" s="6" t="s">
        <v>11884</v>
      </c>
      <c r="E2484" s="22">
        <v>44628</v>
      </c>
      <c r="F2484" s="22">
        <v>46453</v>
      </c>
      <c r="G2484" s="6" t="s">
        <v>11885</v>
      </c>
      <c r="H2484" s="6" t="s">
        <v>202</v>
      </c>
      <c r="I2484" s="6" t="s">
        <v>2992</v>
      </c>
      <c r="J2484" s="6" t="s">
        <v>16283</v>
      </c>
      <c r="K2484" s="9" t="s">
        <v>16284</v>
      </c>
      <c r="L2484" s="10" t="s">
        <v>22</v>
      </c>
      <c r="M2484" s="10" t="s">
        <v>22</v>
      </c>
      <c r="N2484" s="10" t="s">
        <v>22</v>
      </c>
      <c r="O2484" s="10" t="s">
        <v>22</v>
      </c>
      <c r="P2484" s="10" t="s">
        <v>22</v>
      </c>
      <c r="Q2484" s="10" t="s">
        <v>22</v>
      </c>
      <c r="R2484" s="10" t="s">
        <v>22</v>
      </c>
      <c r="S2484" s="10" t="s">
        <v>22</v>
      </c>
      <c r="T2484" s="10" t="s">
        <v>22</v>
      </c>
      <c r="U2484" s="10" t="s">
        <v>22</v>
      </c>
      <c r="V2484" s="10" t="s">
        <v>22</v>
      </c>
      <c r="W2484" s="10" t="s">
        <v>22</v>
      </c>
      <c r="X2484" s="10" t="s">
        <v>22</v>
      </c>
      <c r="Y2484" s="10" t="s">
        <v>22</v>
      </c>
      <c r="Z2484" s="10" t="s">
        <v>22</v>
      </c>
    </row>
    <row r="2485" spans="1:26" ht="24" customHeight="1" x14ac:dyDescent="0.2">
      <c r="A2485" s="9" t="s">
        <v>19727</v>
      </c>
      <c r="B2485" s="9" t="s">
        <v>14</v>
      </c>
      <c r="C2485" s="9" t="s">
        <v>11886</v>
      </c>
      <c r="D2485" s="6" t="s">
        <v>11887</v>
      </c>
      <c r="E2485" s="22">
        <v>44628</v>
      </c>
      <c r="F2485" s="22">
        <v>46453</v>
      </c>
      <c r="G2485" s="6" t="s">
        <v>11888</v>
      </c>
      <c r="H2485" s="6" t="s">
        <v>202</v>
      </c>
      <c r="I2485" s="6" t="s">
        <v>441</v>
      </c>
      <c r="J2485" s="6" t="s">
        <v>16285</v>
      </c>
      <c r="K2485" s="9" t="s">
        <v>16286</v>
      </c>
      <c r="L2485" s="10" t="s">
        <v>22</v>
      </c>
      <c r="M2485" s="10" t="s">
        <v>22</v>
      </c>
      <c r="N2485" s="10" t="s">
        <v>22</v>
      </c>
      <c r="O2485" s="10" t="s">
        <v>22</v>
      </c>
      <c r="P2485" s="10" t="s">
        <v>22</v>
      </c>
      <c r="Q2485" s="10" t="s">
        <v>22</v>
      </c>
      <c r="R2485" s="10" t="s">
        <v>22</v>
      </c>
      <c r="S2485" s="10" t="s">
        <v>22</v>
      </c>
      <c r="T2485" s="10" t="s">
        <v>22</v>
      </c>
      <c r="U2485" s="10" t="s">
        <v>22</v>
      </c>
      <c r="V2485" s="10" t="s">
        <v>22</v>
      </c>
      <c r="W2485" s="10" t="s">
        <v>22</v>
      </c>
      <c r="X2485" s="10" t="s">
        <v>22</v>
      </c>
      <c r="Y2485" s="10" t="s">
        <v>22</v>
      </c>
      <c r="Z2485" s="10" t="s">
        <v>22</v>
      </c>
    </row>
    <row r="2486" spans="1:26" ht="24" customHeight="1" x14ac:dyDescent="0.2">
      <c r="A2486" s="9" t="s">
        <v>19728</v>
      </c>
      <c r="B2486" s="9" t="s">
        <v>14</v>
      </c>
      <c r="C2486" s="9" t="s">
        <v>11889</v>
      </c>
      <c r="D2486" s="6" t="s">
        <v>11890</v>
      </c>
      <c r="E2486" s="22">
        <v>44628</v>
      </c>
      <c r="F2486" s="22">
        <v>46453</v>
      </c>
      <c r="G2486" s="6" t="s">
        <v>11891</v>
      </c>
      <c r="H2486" s="6" t="s">
        <v>363</v>
      </c>
      <c r="I2486" s="6" t="s">
        <v>11892</v>
      </c>
      <c r="J2486" s="6" t="s">
        <v>11893</v>
      </c>
      <c r="L2486" s="10" t="s">
        <v>22</v>
      </c>
      <c r="M2486" s="10" t="s">
        <v>22</v>
      </c>
      <c r="N2486" s="10" t="s">
        <v>22</v>
      </c>
      <c r="O2486" s="10" t="s">
        <v>22</v>
      </c>
      <c r="P2486" s="10" t="s">
        <v>22</v>
      </c>
      <c r="Q2486" s="10" t="s">
        <v>22</v>
      </c>
      <c r="R2486" s="10" t="s">
        <v>22</v>
      </c>
      <c r="S2486" s="10" t="s">
        <v>22</v>
      </c>
      <c r="T2486" s="10" t="s">
        <v>22</v>
      </c>
      <c r="U2486" s="10" t="s">
        <v>22</v>
      </c>
      <c r="V2486" s="10" t="s">
        <v>22</v>
      </c>
      <c r="W2486" s="10" t="s">
        <v>22</v>
      </c>
      <c r="X2486" s="10" t="s">
        <v>22</v>
      </c>
      <c r="Y2486" s="10" t="s">
        <v>22</v>
      </c>
      <c r="Z2486" s="10" t="s">
        <v>22</v>
      </c>
    </row>
    <row r="2487" spans="1:26" ht="24" customHeight="1" x14ac:dyDescent="0.2">
      <c r="A2487" s="9" t="s">
        <v>19729</v>
      </c>
      <c r="B2487" s="9" t="s">
        <v>14</v>
      </c>
      <c r="C2487" s="9" t="s">
        <v>11894</v>
      </c>
      <c r="D2487" s="6" t="s">
        <v>11895</v>
      </c>
      <c r="E2487" s="22">
        <v>44634</v>
      </c>
      <c r="F2487" s="22">
        <v>46459</v>
      </c>
      <c r="G2487" s="6" t="s">
        <v>11896</v>
      </c>
      <c r="H2487" s="6" t="s">
        <v>62</v>
      </c>
      <c r="I2487" s="6" t="s">
        <v>379</v>
      </c>
      <c r="J2487" s="6" t="s">
        <v>11897</v>
      </c>
      <c r="K2487" s="9" t="s">
        <v>11898</v>
      </c>
      <c r="L2487" s="10" t="s">
        <v>22</v>
      </c>
      <c r="M2487" s="10" t="s">
        <v>22</v>
      </c>
      <c r="N2487" s="10" t="s">
        <v>22</v>
      </c>
      <c r="O2487" s="10" t="s">
        <v>22</v>
      </c>
      <c r="P2487" s="10" t="s">
        <v>22</v>
      </c>
      <c r="Q2487" s="10" t="s">
        <v>22</v>
      </c>
      <c r="R2487" s="10" t="s">
        <v>22</v>
      </c>
      <c r="S2487" s="10" t="s">
        <v>22</v>
      </c>
      <c r="T2487" s="10" t="s">
        <v>22</v>
      </c>
    </row>
    <row r="2488" spans="1:26" ht="24" customHeight="1" x14ac:dyDescent="0.2">
      <c r="A2488" s="9" t="s">
        <v>19730</v>
      </c>
      <c r="B2488" s="9" t="s">
        <v>14</v>
      </c>
      <c r="C2488" s="9" t="s">
        <v>11899</v>
      </c>
      <c r="D2488" s="6" t="s">
        <v>11900</v>
      </c>
      <c r="E2488" s="22">
        <v>44634</v>
      </c>
      <c r="F2488" s="22">
        <v>46459</v>
      </c>
      <c r="G2488" s="6" t="s">
        <v>11901</v>
      </c>
      <c r="H2488" s="6" t="s">
        <v>62</v>
      </c>
      <c r="I2488" s="6" t="s">
        <v>1816</v>
      </c>
      <c r="J2488" s="6" t="s">
        <v>11902</v>
      </c>
      <c r="K2488" s="9" t="s">
        <v>11903</v>
      </c>
      <c r="L2488" s="10" t="s">
        <v>22</v>
      </c>
      <c r="M2488" s="10" t="s">
        <v>22</v>
      </c>
      <c r="N2488" s="10" t="s">
        <v>22</v>
      </c>
      <c r="O2488" s="10" t="s">
        <v>22</v>
      </c>
      <c r="P2488" s="10" t="s">
        <v>22</v>
      </c>
      <c r="Q2488" s="10" t="s">
        <v>22</v>
      </c>
      <c r="U2488" s="10" t="s">
        <v>22</v>
      </c>
      <c r="V2488" s="10" t="s">
        <v>22</v>
      </c>
      <c r="W2488" s="10" t="s">
        <v>22</v>
      </c>
      <c r="X2488" s="10" t="s">
        <v>22</v>
      </c>
      <c r="Y2488" s="10" t="s">
        <v>22</v>
      </c>
      <c r="Z2488" s="10" t="s">
        <v>22</v>
      </c>
    </row>
    <row r="2489" spans="1:26" ht="24" customHeight="1" x14ac:dyDescent="0.2">
      <c r="A2489" s="9" t="s">
        <v>19731</v>
      </c>
      <c r="B2489" s="9" t="s">
        <v>14</v>
      </c>
      <c r="C2489" s="9" t="s">
        <v>11904</v>
      </c>
      <c r="D2489" s="6" t="s">
        <v>11905</v>
      </c>
      <c r="E2489" s="22">
        <v>44634</v>
      </c>
      <c r="F2489" s="22">
        <v>46459</v>
      </c>
      <c r="G2489" s="6" t="s">
        <v>11906</v>
      </c>
      <c r="H2489" s="6" t="s">
        <v>229</v>
      </c>
      <c r="I2489" s="6" t="s">
        <v>1885</v>
      </c>
      <c r="J2489" s="6" t="s">
        <v>11907</v>
      </c>
      <c r="K2489" s="9" t="s">
        <v>11908</v>
      </c>
      <c r="M2489" s="10" t="s">
        <v>22</v>
      </c>
      <c r="N2489" s="10" t="s">
        <v>22</v>
      </c>
      <c r="V2489" s="10" t="s">
        <v>22</v>
      </c>
      <c r="W2489" s="10" t="s">
        <v>22</v>
      </c>
    </row>
    <row r="2490" spans="1:26" ht="24" customHeight="1" x14ac:dyDescent="0.2">
      <c r="A2490" s="9" t="s">
        <v>19732</v>
      </c>
      <c r="B2490" s="9" t="s">
        <v>14</v>
      </c>
      <c r="C2490" s="9" t="s">
        <v>11909</v>
      </c>
      <c r="D2490" s="6" t="s">
        <v>11910</v>
      </c>
      <c r="E2490" s="22">
        <v>44634</v>
      </c>
      <c r="F2490" s="22">
        <v>46459</v>
      </c>
      <c r="G2490" s="6" t="s">
        <v>11911</v>
      </c>
      <c r="H2490" s="6" t="s">
        <v>202</v>
      </c>
      <c r="I2490" s="6" t="s">
        <v>3050</v>
      </c>
      <c r="J2490" s="6" t="s">
        <v>11912</v>
      </c>
      <c r="K2490" s="9" t="s">
        <v>11913</v>
      </c>
      <c r="L2490" s="10" t="s">
        <v>22</v>
      </c>
      <c r="M2490" s="10" t="s">
        <v>22</v>
      </c>
      <c r="N2490" s="10" t="s">
        <v>22</v>
      </c>
      <c r="O2490" s="10" t="s">
        <v>22</v>
      </c>
      <c r="P2490" s="10" t="s">
        <v>22</v>
      </c>
      <c r="Q2490" s="10" t="s">
        <v>22</v>
      </c>
      <c r="R2490" s="10" t="s">
        <v>22</v>
      </c>
      <c r="S2490" s="10" t="s">
        <v>22</v>
      </c>
      <c r="T2490" s="10" t="s">
        <v>22</v>
      </c>
    </row>
    <row r="2491" spans="1:26" ht="24" customHeight="1" x14ac:dyDescent="0.2">
      <c r="A2491" s="9" t="s">
        <v>19733</v>
      </c>
      <c r="B2491" s="9" t="s">
        <v>14</v>
      </c>
      <c r="C2491" s="9" t="s">
        <v>11914</v>
      </c>
      <c r="D2491" s="6" t="s">
        <v>11915</v>
      </c>
      <c r="E2491" s="22">
        <v>44634</v>
      </c>
      <c r="F2491" s="22">
        <v>46459</v>
      </c>
      <c r="G2491" s="6" t="s">
        <v>11916</v>
      </c>
      <c r="H2491" s="6" t="s">
        <v>62</v>
      </c>
      <c r="I2491" s="6" t="s">
        <v>279</v>
      </c>
      <c r="J2491" s="6" t="s">
        <v>11917</v>
      </c>
      <c r="K2491" s="9" t="s">
        <v>11918</v>
      </c>
      <c r="M2491" s="10" t="s">
        <v>22</v>
      </c>
      <c r="N2491" s="10" t="s">
        <v>22</v>
      </c>
      <c r="P2491" s="10" t="s">
        <v>22</v>
      </c>
      <c r="Q2491" s="10" t="s">
        <v>22</v>
      </c>
      <c r="S2491" s="10" t="s">
        <v>22</v>
      </c>
      <c r="T2491" s="10" t="s">
        <v>22</v>
      </c>
      <c r="V2491" s="10" t="s">
        <v>22</v>
      </c>
      <c r="W2491" s="10" t="s">
        <v>22</v>
      </c>
      <c r="Y2491" s="10" t="s">
        <v>22</v>
      </c>
      <c r="Z2491" s="10" t="s">
        <v>22</v>
      </c>
    </row>
    <row r="2492" spans="1:26" ht="24" customHeight="1" x14ac:dyDescent="0.2">
      <c r="A2492" s="9" t="s">
        <v>19734</v>
      </c>
      <c r="B2492" s="9" t="s">
        <v>14</v>
      </c>
      <c r="C2492" s="9" t="s">
        <v>11919</v>
      </c>
      <c r="D2492" s="6" t="s">
        <v>11920</v>
      </c>
      <c r="E2492" s="22">
        <v>44638</v>
      </c>
      <c r="F2492" s="22">
        <v>46463</v>
      </c>
      <c r="G2492" s="6" t="s">
        <v>11921</v>
      </c>
      <c r="H2492" s="6" t="s">
        <v>363</v>
      </c>
      <c r="I2492" s="6" t="s">
        <v>364</v>
      </c>
      <c r="J2492" s="6" t="s">
        <v>16287</v>
      </c>
      <c r="K2492" s="9" t="s">
        <v>16288</v>
      </c>
      <c r="L2492" s="10" t="s">
        <v>22</v>
      </c>
      <c r="M2492" s="10" t="s">
        <v>22</v>
      </c>
      <c r="N2492" s="10" t="s">
        <v>22</v>
      </c>
      <c r="O2492" s="10" t="s">
        <v>22</v>
      </c>
      <c r="P2492" s="10" t="s">
        <v>22</v>
      </c>
      <c r="Q2492" s="10" t="s">
        <v>22</v>
      </c>
      <c r="R2492" s="10" t="s">
        <v>22</v>
      </c>
      <c r="S2492" s="10" t="s">
        <v>22</v>
      </c>
      <c r="T2492" s="10" t="s">
        <v>22</v>
      </c>
      <c r="U2492" s="10" t="s">
        <v>22</v>
      </c>
      <c r="V2492" s="10" t="s">
        <v>22</v>
      </c>
      <c r="W2492" s="10" t="s">
        <v>22</v>
      </c>
      <c r="X2492" s="10" t="s">
        <v>22</v>
      </c>
      <c r="Y2492" s="10" t="s">
        <v>22</v>
      </c>
      <c r="Z2492" s="10" t="s">
        <v>22</v>
      </c>
    </row>
    <row r="2493" spans="1:26" ht="24" customHeight="1" x14ac:dyDescent="0.2">
      <c r="A2493" s="9" t="s">
        <v>19735</v>
      </c>
      <c r="B2493" s="9" t="s">
        <v>14</v>
      </c>
      <c r="C2493" s="9" t="s">
        <v>11922</v>
      </c>
      <c r="D2493" s="6" t="s">
        <v>11923</v>
      </c>
      <c r="E2493" s="22">
        <v>44645</v>
      </c>
      <c r="F2493" s="22">
        <v>46470</v>
      </c>
      <c r="G2493" s="6" t="s">
        <v>11924</v>
      </c>
      <c r="H2493" s="6" t="s">
        <v>62</v>
      </c>
      <c r="I2493" s="6" t="s">
        <v>2705</v>
      </c>
      <c r="J2493" s="6" t="s">
        <v>11925</v>
      </c>
      <c r="K2493" s="9" t="s">
        <v>11926</v>
      </c>
      <c r="L2493" s="10" t="s">
        <v>22</v>
      </c>
      <c r="M2493" s="10" t="s">
        <v>22</v>
      </c>
      <c r="N2493" s="10" t="s">
        <v>22</v>
      </c>
      <c r="U2493" s="10" t="s">
        <v>22</v>
      </c>
      <c r="V2493" s="10" t="s">
        <v>22</v>
      </c>
      <c r="W2493" s="10" t="s">
        <v>22</v>
      </c>
    </row>
    <row r="2494" spans="1:26" ht="24" customHeight="1" x14ac:dyDescent="0.2">
      <c r="A2494" s="9" t="s">
        <v>19736</v>
      </c>
      <c r="B2494" s="9" t="s">
        <v>14</v>
      </c>
      <c r="C2494" s="9" t="s">
        <v>11927</v>
      </c>
      <c r="D2494" s="6" t="s">
        <v>11928</v>
      </c>
      <c r="E2494" s="22">
        <v>44645</v>
      </c>
      <c r="F2494" s="22">
        <v>46470</v>
      </c>
      <c r="G2494" s="6" t="s">
        <v>11929</v>
      </c>
      <c r="H2494" s="6" t="s">
        <v>18</v>
      </c>
      <c r="I2494" s="6" t="s">
        <v>19</v>
      </c>
      <c r="J2494" s="6" t="s">
        <v>11930</v>
      </c>
      <c r="K2494" s="9" t="s">
        <v>11931</v>
      </c>
      <c r="L2494" s="10" t="s">
        <v>22</v>
      </c>
      <c r="M2494" s="10" t="s">
        <v>22</v>
      </c>
      <c r="N2494" s="10" t="s">
        <v>22</v>
      </c>
      <c r="O2494" s="10" t="s">
        <v>22</v>
      </c>
      <c r="P2494" s="10" t="s">
        <v>22</v>
      </c>
      <c r="Q2494" s="10" t="s">
        <v>22</v>
      </c>
      <c r="R2494" s="10" t="s">
        <v>22</v>
      </c>
      <c r="S2494" s="10" t="s">
        <v>22</v>
      </c>
      <c r="T2494" s="10" t="s">
        <v>22</v>
      </c>
      <c r="U2494" s="10" t="s">
        <v>22</v>
      </c>
      <c r="V2494" s="10" t="s">
        <v>22</v>
      </c>
      <c r="W2494" s="10" t="s">
        <v>22</v>
      </c>
      <c r="X2494" s="10" t="s">
        <v>22</v>
      </c>
      <c r="Y2494" s="10" t="s">
        <v>22</v>
      </c>
      <c r="Z2494" s="10" t="s">
        <v>22</v>
      </c>
    </row>
    <row r="2495" spans="1:26" ht="24" customHeight="1" x14ac:dyDescent="0.2">
      <c r="A2495" s="9" t="s">
        <v>19737</v>
      </c>
      <c r="B2495" s="9" t="s">
        <v>14</v>
      </c>
      <c r="C2495" s="9" t="s">
        <v>11932</v>
      </c>
      <c r="D2495" s="6" t="s">
        <v>11933</v>
      </c>
      <c r="E2495" s="22">
        <v>44645</v>
      </c>
      <c r="F2495" s="22">
        <v>46470</v>
      </c>
      <c r="G2495" s="6" t="s">
        <v>11934</v>
      </c>
      <c r="H2495" s="6" t="s">
        <v>62</v>
      </c>
      <c r="I2495" s="6" t="s">
        <v>330</v>
      </c>
      <c r="J2495" s="6" t="s">
        <v>11935</v>
      </c>
      <c r="L2495" s="10" t="s">
        <v>22</v>
      </c>
      <c r="M2495" s="10" t="s">
        <v>22</v>
      </c>
      <c r="N2495" s="10" t="s">
        <v>22</v>
      </c>
      <c r="O2495" s="10" t="s">
        <v>22</v>
      </c>
      <c r="P2495" s="10" t="s">
        <v>22</v>
      </c>
      <c r="Q2495" s="10" t="s">
        <v>22</v>
      </c>
      <c r="R2495" s="10" t="s">
        <v>22</v>
      </c>
      <c r="S2495" s="10" t="s">
        <v>22</v>
      </c>
      <c r="T2495" s="10" t="s">
        <v>22</v>
      </c>
      <c r="U2495" s="10" t="s">
        <v>22</v>
      </c>
      <c r="V2495" s="10" t="s">
        <v>22</v>
      </c>
      <c r="W2495" s="10" t="s">
        <v>22</v>
      </c>
      <c r="X2495" s="10" t="s">
        <v>22</v>
      </c>
      <c r="Y2495" s="10" t="s">
        <v>22</v>
      </c>
      <c r="Z2495" s="10" t="s">
        <v>22</v>
      </c>
    </row>
    <row r="2496" spans="1:26" ht="24" customHeight="1" x14ac:dyDescent="0.2">
      <c r="A2496" s="9" t="s">
        <v>19738</v>
      </c>
      <c r="B2496" s="9" t="s">
        <v>14</v>
      </c>
      <c r="C2496" s="9" t="s">
        <v>11936</v>
      </c>
      <c r="D2496" s="6" t="s">
        <v>11937</v>
      </c>
      <c r="E2496" s="22">
        <v>44648</v>
      </c>
      <c r="F2496" s="22">
        <v>46473</v>
      </c>
      <c r="G2496" s="6" t="s">
        <v>11938</v>
      </c>
      <c r="H2496" s="6" t="s">
        <v>18</v>
      </c>
      <c r="I2496" s="6" t="s">
        <v>26</v>
      </c>
      <c r="J2496" s="6" t="s">
        <v>11939</v>
      </c>
      <c r="K2496" s="9" t="s">
        <v>11940</v>
      </c>
      <c r="L2496" s="10" t="s">
        <v>22</v>
      </c>
      <c r="M2496" s="10" t="s">
        <v>22</v>
      </c>
      <c r="N2496" s="10" t="s">
        <v>22</v>
      </c>
      <c r="O2496" s="10" t="s">
        <v>22</v>
      </c>
      <c r="P2496" s="10" t="s">
        <v>22</v>
      </c>
      <c r="Q2496" s="10" t="s">
        <v>22</v>
      </c>
      <c r="U2496" s="10" t="s">
        <v>22</v>
      </c>
      <c r="V2496" s="10" t="s">
        <v>22</v>
      </c>
      <c r="W2496" s="10" t="s">
        <v>22</v>
      </c>
      <c r="X2496" s="10" t="s">
        <v>22</v>
      </c>
      <c r="Y2496" s="10" t="s">
        <v>22</v>
      </c>
      <c r="Z2496" s="10" t="s">
        <v>22</v>
      </c>
    </row>
    <row r="2497" spans="1:26" ht="24" customHeight="1" x14ac:dyDescent="0.2">
      <c r="A2497" s="9" t="s">
        <v>19739</v>
      </c>
      <c r="B2497" s="9" t="s">
        <v>14</v>
      </c>
      <c r="C2497" s="9" t="s">
        <v>11941</v>
      </c>
      <c r="D2497" s="6" t="s">
        <v>11942</v>
      </c>
      <c r="E2497" s="22">
        <v>44648</v>
      </c>
      <c r="F2497" s="22">
        <v>46473</v>
      </c>
      <c r="G2497" s="6" t="s">
        <v>11943</v>
      </c>
      <c r="H2497" s="6" t="s">
        <v>62</v>
      </c>
      <c r="I2497" s="6" t="s">
        <v>1125</v>
      </c>
      <c r="J2497" s="6" t="s">
        <v>11944</v>
      </c>
      <c r="K2497" s="9" t="s">
        <v>11945</v>
      </c>
      <c r="L2497" s="10" t="s">
        <v>22</v>
      </c>
      <c r="M2497" s="10" t="s">
        <v>22</v>
      </c>
      <c r="N2497" s="10" t="s">
        <v>22</v>
      </c>
      <c r="O2497" s="10" t="s">
        <v>22</v>
      </c>
      <c r="P2497" s="10" t="s">
        <v>22</v>
      </c>
      <c r="Q2497" s="10" t="s">
        <v>22</v>
      </c>
      <c r="R2497" s="10" t="s">
        <v>22</v>
      </c>
      <c r="S2497" s="10" t="s">
        <v>22</v>
      </c>
      <c r="T2497" s="10" t="s">
        <v>22</v>
      </c>
      <c r="U2497" s="10" t="s">
        <v>22</v>
      </c>
      <c r="V2497" s="10" t="s">
        <v>22</v>
      </c>
      <c r="W2497" s="10" t="s">
        <v>22</v>
      </c>
      <c r="X2497" s="10" t="s">
        <v>22</v>
      </c>
      <c r="Y2497" s="10" t="s">
        <v>22</v>
      </c>
      <c r="Z2497" s="10" t="s">
        <v>22</v>
      </c>
    </row>
    <row r="2498" spans="1:26" ht="24" customHeight="1" x14ac:dyDescent="0.2">
      <c r="A2498" s="9" t="s">
        <v>19740</v>
      </c>
      <c r="B2498" s="9" t="s">
        <v>14</v>
      </c>
      <c r="C2498" s="9" t="s">
        <v>11946</v>
      </c>
      <c r="D2498" s="6" t="s">
        <v>11947</v>
      </c>
      <c r="E2498" s="22">
        <v>44657</v>
      </c>
      <c r="F2498" s="22">
        <v>46482</v>
      </c>
      <c r="G2498" s="6" t="s">
        <v>11948</v>
      </c>
      <c r="H2498" s="6" t="s">
        <v>18</v>
      </c>
      <c r="I2498" s="6" t="s">
        <v>19</v>
      </c>
      <c r="J2498" s="6" t="s">
        <v>11949</v>
      </c>
      <c r="K2498" s="9" t="s">
        <v>11950</v>
      </c>
      <c r="L2498" s="10" t="s">
        <v>22</v>
      </c>
      <c r="M2498" s="10" t="s">
        <v>22</v>
      </c>
      <c r="N2498" s="10" t="s">
        <v>22</v>
      </c>
      <c r="O2498" s="10" t="s">
        <v>22</v>
      </c>
      <c r="P2498" s="10" t="s">
        <v>22</v>
      </c>
      <c r="Q2498" s="10" t="s">
        <v>22</v>
      </c>
      <c r="U2498" s="10" t="s">
        <v>22</v>
      </c>
      <c r="V2498" s="10" t="s">
        <v>22</v>
      </c>
      <c r="W2498" s="10" t="s">
        <v>22</v>
      </c>
      <c r="X2498" s="10" t="s">
        <v>22</v>
      </c>
      <c r="Y2498" s="10" t="s">
        <v>22</v>
      </c>
      <c r="Z2498" s="10" t="s">
        <v>22</v>
      </c>
    </row>
    <row r="2499" spans="1:26" ht="24" customHeight="1" x14ac:dyDescent="0.2">
      <c r="A2499" s="9" t="s">
        <v>19741</v>
      </c>
      <c r="B2499" s="9" t="s">
        <v>14</v>
      </c>
      <c r="C2499" s="9" t="s">
        <v>11951</v>
      </c>
      <c r="D2499" s="6" t="s">
        <v>11952</v>
      </c>
      <c r="E2499" s="22">
        <v>44657</v>
      </c>
      <c r="F2499" s="22">
        <v>46482</v>
      </c>
      <c r="G2499" s="6" t="s">
        <v>11953</v>
      </c>
      <c r="H2499" s="6" t="s">
        <v>62</v>
      </c>
      <c r="I2499" s="6" t="s">
        <v>1225</v>
      </c>
      <c r="J2499" s="6" t="s">
        <v>11954</v>
      </c>
      <c r="L2499" s="10" t="s">
        <v>22</v>
      </c>
      <c r="M2499" s="10" t="s">
        <v>22</v>
      </c>
      <c r="N2499" s="10" t="s">
        <v>22</v>
      </c>
      <c r="O2499" s="10" t="s">
        <v>22</v>
      </c>
      <c r="P2499" s="10" t="s">
        <v>22</v>
      </c>
      <c r="Q2499" s="10" t="s">
        <v>22</v>
      </c>
      <c r="R2499" s="10" t="s">
        <v>22</v>
      </c>
      <c r="S2499" s="10" t="s">
        <v>22</v>
      </c>
      <c r="T2499" s="10" t="s">
        <v>22</v>
      </c>
      <c r="U2499" s="10" t="s">
        <v>22</v>
      </c>
      <c r="V2499" s="10" t="s">
        <v>22</v>
      </c>
      <c r="W2499" s="10" t="s">
        <v>22</v>
      </c>
      <c r="X2499" s="10" t="s">
        <v>22</v>
      </c>
      <c r="Y2499" s="10" t="s">
        <v>22</v>
      </c>
      <c r="Z2499" s="10" t="s">
        <v>22</v>
      </c>
    </row>
    <row r="2500" spans="1:26" ht="24" customHeight="1" x14ac:dyDescent="0.2">
      <c r="A2500" s="9" t="s">
        <v>19742</v>
      </c>
      <c r="B2500" s="9" t="s">
        <v>14</v>
      </c>
      <c r="C2500" s="9" t="s">
        <v>11955</v>
      </c>
      <c r="D2500" s="6" t="s">
        <v>11956</v>
      </c>
      <c r="E2500" s="22">
        <v>44659</v>
      </c>
      <c r="F2500" s="22">
        <v>46484</v>
      </c>
      <c r="G2500" s="6" t="s">
        <v>11957</v>
      </c>
      <c r="H2500" s="6" t="s">
        <v>363</v>
      </c>
      <c r="I2500" s="6" t="s">
        <v>597</v>
      </c>
      <c r="J2500" s="6" t="s">
        <v>11958</v>
      </c>
      <c r="K2500" s="9" t="s">
        <v>11959</v>
      </c>
      <c r="L2500" s="10" t="s">
        <v>22</v>
      </c>
      <c r="M2500" s="10" t="s">
        <v>22</v>
      </c>
      <c r="N2500" s="10" t="s">
        <v>22</v>
      </c>
      <c r="U2500" s="10" t="s">
        <v>22</v>
      </c>
      <c r="V2500" s="10" t="s">
        <v>22</v>
      </c>
      <c r="W2500" s="10" t="s">
        <v>22</v>
      </c>
    </row>
    <row r="2501" spans="1:26" ht="24" customHeight="1" x14ac:dyDescent="0.2">
      <c r="A2501" s="9" t="s">
        <v>19743</v>
      </c>
      <c r="B2501" s="9" t="s">
        <v>14</v>
      </c>
      <c r="C2501" s="9" t="s">
        <v>11960</v>
      </c>
      <c r="D2501" s="6" t="s">
        <v>11961</v>
      </c>
      <c r="E2501" s="22">
        <v>44659</v>
      </c>
      <c r="F2501" s="22">
        <v>46484</v>
      </c>
      <c r="G2501" s="6" t="s">
        <v>11962</v>
      </c>
      <c r="H2501" s="6" t="s">
        <v>62</v>
      </c>
      <c r="I2501" s="6" t="s">
        <v>290</v>
      </c>
      <c r="J2501" s="6" t="s">
        <v>11963</v>
      </c>
      <c r="K2501" s="9" t="s">
        <v>11964</v>
      </c>
      <c r="L2501" s="10" t="s">
        <v>22</v>
      </c>
      <c r="M2501" s="10" t="s">
        <v>22</v>
      </c>
      <c r="N2501" s="10" t="s">
        <v>22</v>
      </c>
      <c r="O2501" s="10" t="s">
        <v>22</v>
      </c>
      <c r="P2501" s="10" t="s">
        <v>22</v>
      </c>
      <c r="Q2501" s="10" t="s">
        <v>22</v>
      </c>
      <c r="R2501" s="10" t="s">
        <v>22</v>
      </c>
      <c r="S2501" s="10" t="s">
        <v>22</v>
      </c>
      <c r="T2501" s="10" t="s">
        <v>22</v>
      </c>
      <c r="U2501" s="10" t="s">
        <v>22</v>
      </c>
      <c r="V2501" s="10" t="s">
        <v>22</v>
      </c>
      <c r="W2501" s="10" t="s">
        <v>22</v>
      </c>
      <c r="X2501" s="10" t="s">
        <v>22</v>
      </c>
      <c r="Y2501" s="10" t="s">
        <v>22</v>
      </c>
      <c r="Z2501" s="10" t="s">
        <v>22</v>
      </c>
    </row>
    <row r="2502" spans="1:26" ht="24" customHeight="1" x14ac:dyDescent="0.2">
      <c r="A2502" s="9" t="s">
        <v>19744</v>
      </c>
      <c r="B2502" s="9" t="s">
        <v>14</v>
      </c>
      <c r="C2502" s="9" t="s">
        <v>11965</v>
      </c>
      <c r="D2502" s="6" t="s">
        <v>11966</v>
      </c>
      <c r="E2502" s="22">
        <v>44659</v>
      </c>
      <c r="F2502" s="22">
        <v>46484</v>
      </c>
      <c r="G2502" s="6" t="s">
        <v>11967</v>
      </c>
      <c r="H2502" s="6" t="s">
        <v>62</v>
      </c>
      <c r="I2502" s="6" t="s">
        <v>819</v>
      </c>
      <c r="J2502" s="6" t="s">
        <v>11968</v>
      </c>
      <c r="K2502" s="9" t="s">
        <v>11969</v>
      </c>
      <c r="L2502" s="10" t="s">
        <v>22</v>
      </c>
      <c r="M2502" s="10" t="s">
        <v>22</v>
      </c>
      <c r="N2502" s="10" t="s">
        <v>22</v>
      </c>
      <c r="O2502" s="10" t="s">
        <v>22</v>
      </c>
      <c r="P2502" s="10" t="s">
        <v>22</v>
      </c>
      <c r="Q2502" s="10" t="s">
        <v>22</v>
      </c>
      <c r="V2502" s="10" t="s">
        <v>22</v>
      </c>
      <c r="W2502" s="10" t="s">
        <v>22</v>
      </c>
      <c r="Y2502" s="10" t="s">
        <v>22</v>
      </c>
      <c r="Z2502" s="10" t="s">
        <v>22</v>
      </c>
    </row>
    <row r="2503" spans="1:26" ht="24" customHeight="1" x14ac:dyDescent="0.2">
      <c r="A2503" s="9" t="s">
        <v>19745</v>
      </c>
      <c r="B2503" s="9" t="s">
        <v>14</v>
      </c>
      <c r="C2503" s="9" t="s">
        <v>11970</v>
      </c>
      <c r="D2503" s="6" t="s">
        <v>11971</v>
      </c>
      <c r="E2503" s="22">
        <v>44659</v>
      </c>
      <c r="F2503" s="22">
        <v>46484</v>
      </c>
      <c r="G2503" s="6" t="s">
        <v>11972</v>
      </c>
      <c r="H2503" s="6" t="s">
        <v>202</v>
      </c>
      <c r="I2503" s="6" t="s">
        <v>4750</v>
      </c>
      <c r="J2503" s="6" t="s">
        <v>11973</v>
      </c>
      <c r="L2503" s="10" t="s">
        <v>22</v>
      </c>
      <c r="M2503" s="10" t="s">
        <v>22</v>
      </c>
      <c r="N2503" s="10" t="s">
        <v>22</v>
      </c>
      <c r="O2503" s="10" t="s">
        <v>22</v>
      </c>
      <c r="P2503" s="10" t="s">
        <v>22</v>
      </c>
      <c r="Q2503" s="10" t="s">
        <v>22</v>
      </c>
      <c r="R2503" s="10" t="s">
        <v>22</v>
      </c>
      <c r="S2503" s="10" t="s">
        <v>22</v>
      </c>
      <c r="T2503" s="10" t="s">
        <v>22</v>
      </c>
      <c r="U2503" s="10" t="s">
        <v>22</v>
      </c>
      <c r="V2503" s="10" t="s">
        <v>22</v>
      </c>
      <c r="W2503" s="10" t="s">
        <v>22</v>
      </c>
      <c r="X2503" s="10" t="s">
        <v>22</v>
      </c>
      <c r="Y2503" s="10" t="s">
        <v>22</v>
      </c>
      <c r="Z2503" s="10" t="s">
        <v>22</v>
      </c>
    </row>
    <row r="2504" spans="1:26" ht="24" customHeight="1" x14ac:dyDescent="0.2">
      <c r="A2504" s="9" t="s">
        <v>19746</v>
      </c>
      <c r="B2504" s="9" t="s">
        <v>14</v>
      </c>
      <c r="C2504" s="9" t="s">
        <v>11974</v>
      </c>
      <c r="D2504" s="6" t="s">
        <v>11975</v>
      </c>
      <c r="E2504" s="22">
        <v>44659</v>
      </c>
      <c r="F2504" s="22">
        <v>46484</v>
      </c>
      <c r="G2504" s="6" t="s">
        <v>11976</v>
      </c>
      <c r="H2504" s="6" t="s">
        <v>202</v>
      </c>
      <c r="I2504" s="6" t="s">
        <v>863</v>
      </c>
      <c r="J2504" s="6" t="s">
        <v>11977</v>
      </c>
      <c r="K2504" s="9" t="s">
        <v>11978</v>
      </c>
      <c r="L2504" s="10" t="s">
        <v>22</v>
      </c>
      <c r="M2504" s="10" t="s">
        <v>22</v>
      </c>
      <c r="N2504" s="10" t="s">
        <v>22</v>
      </c>
      <c r="O2504" s="10" t="s">
        <v>22</v>
      </c>
      <c r="P2504" s="10" t="s">
        <v>22</v>
      </c>
      <c r="Q2504" s="10" t="s">
        <v>22</v>
      </c>
      <c r="R2504" s="10" t="s">
        <v>22</v>
      </c>
      <c r="S2504" s="10" t="s">
        <v>22</v>
      </c>
      <c r="T2504" s="10" t="s">
        <v>22</v>
      </c>
      <c r="U2504" s="10" t="s">
        <v>22</v>
      </c>
      <c r="V2504" s="10" t="s">
        <v>22</v>
      </c>
      <c r="W2504" s="10" t="s">
        <v>22</v>
      </c>
      <c r="X2504" s="10" t="s">
        <v>22</v>
      </c>
      <c r="Y2504" s="10" t="s">
        <v>22</v>
      </c>
      <c r="Z2504" s="10" t="s">
        <v>22</v>
      </c>
    </row>
    <row r="2505" spans="1:26" ht="24" customHeight="1" x14ac:dyDescent="0.2">
      <c r="A2505" s="9" t="s">
        <v>19747</v>
      </c>
      <c r="B2505" s="9" t="s">
        <v>14</v>
      </c>
      <c r="C2505" s="9" t="s">
        <v>11979</v>
      </c>
      <c r="D2505" s="6" t="s">
        <v>11980</v>
      </c>
      <c r="E2505" s="22">
        <v>44663</v>
      </c>
      <c r="F2505" s="22">
        <v>46488</v>
      </c>
      <c r="G2505" s="6" t="s">
        <v>11981</v>
      </c>
      <c r="H2505" s="6" t="s">
        <v>202</v>
      </c>
      <c r="I2505" s="6" t="s">
        <v>1530</v>
      </c>
      <c r="J2505" s="6" t="s">
        <v>11982</v>
      </c>
      <c r="K2505" s="9" t="s">
        <v>11983</v>
      </c>
      <c r="L2505" s="10" t="s">
        <v>22</v>
      </c>
      <c r="M2505" s="10" t="s">
        <v>22</v>
      </c>
      <c r="N2505" s="10" t="s">
        <v>22</v>
      </c>
      <c r="O2505" s="10" t="s">
        <v>22</v>
      </c>
      <c r="P2505" s="10" t="s">
        <v>22</v>
      </c>
      <c r="Q2505" s="10" t="s">
        <v>22</v>
      </c>
      <c r="R2505" s="10" t="s">
        <v>22</v>
      </c>
      <c r="S2505" s="10" t="s">
        <v>22</v>
      </c>
      <c r="T2505" s="10" t="s">
        <v>22</v>
      </c>
      <c r="U2505" s="10" t="s">
        <v>22</v>
      </c>
      <c r="V2505" s="10" t="s">
        <v>22</v>
      </c>
      <c r="W2505" s="10" t="s">
        <v>22</v>
      </c>
      <c r="X2505" s="10" t="s">
        <v>22</v>
      </c>
      <c r="Y2505" s="10" t="s">
        <v>22</v>
      </c>
      <c r="Z2505" s="10" t="s">
        <v>22</v>
      </c>
    </row>
    <row r="2506" spans="1:26" ht="24" customHeight="1" x14ac:dyDescent="0.2">
      <c r="A2506" s="9" t="s">
        <v>19748</v>
      </c>
      <c r="B2506" s="9" t="s">
        <v>14</v>
      </c>
      <c r="C2506" s="9" t="s">
        <v>11984</v>
      </c>
      <c r="D2506" s="6" t="s">
        <v>11985</v>
      </c>
      <c r="E2506" s="22">
        <v>44663</v>
      </c>
      <c r="F2506" s="22">
        <v>46488</v>
      </c>
      <c r="G2506" s="6" t="s">
        <v>11986</v>
      </c>
      <c r="H2506" s="6" t="s">
        <v>202</v>
      </c>
      <c r="I2506" s="6" t="s">
        <v>3050</v>
      </c>
      <c r="J2506" s="6" t="s">
        <v>11987</v>
      </c>
      <c r="L2506" s="10" t="s">
        <v>22</v>
      </c>
      <c r="M2506" s="10" t="s">
        <v>22</v>
      </c>
      <c r="N2506" s="10" t="s">
        <v>22</v>
      </c>
      <c r="O2506" s="10" t="s">
        <v>22</v>
      </c>
      <c r="P2506" s="10" t="s">
        <v>22</v>
      </c>
      <c r="Q2506" s="10" t="s">
        <v>22</v>
      </c>
      <c r="R2506" s="10" t="s">
        <v>22</v>
      </c>
      <c r="S2506" s="10" t="s">
        <v>22</v>
      </c>
      <c r="T2506" s="10" t="s">
        <v>22</v>
      </c>
      <c r="U2506" s="10" t="s">
        <v>22</v>
      </c>
      <c r="V2506" s="10" t="s">
        <v>22</v>
      </c>
      <c r="W2506" s="10" t="s">
        <v>22</v>
      </c>
      <c r="X2506" s="10" t="s">
        <v>22</v>
      </c>
      <c r="Y2506" s="10" t="s">
        <v>22</v>
      </c>
      <c r="Z2506" s="10" t="s">
        <v>22</v>
      </c>
    </row>
    <row r="2507" spans="1:26" ht="24" customHeight="1" x14ac:dyDescent="0.2">
      <c r="A2507" s="9" t="s">
        <v>19749</v>
      </c>
      <c r="B2507" s="9" t="s">
        <v>14</v>
      </c>
      <c r="C2507" s="9" t="s">
        <v>11988</v>
      </c>
      <c r="D2507" s="6" t="s">
        <v>11989</v>
      </c>
      <c r="E2507" s="22">
        <v>44663</v>
      </c>
      <c r="F2507" s="22">
        <v>46488</v>
      </c>
      <c r="G2507" s="6" t="s">
        <v>11990</v>
      </c>
      <c r="H2507" s="6" t="s">
        <v>18</v>
      </c>
      <c r="I2507" s="6" t="s">
        <v>19</v>
      </c>
      <c r="J2507" s="6" t="s">
        <v>11991</v>
      </c>
      <c r="K2507" s="9" t="s">
        <v>11992</v>
      </c>
      <c r="L2507" s="10" t="s">
        <v>22</v>
      </c>
      <c r="M2507" s="10" t="s">
        <v>22</v>
      </c>
      <c r="N2507" s="10" t="s">
        <v>22</v>
      </c>
      <c r="O2507" s="10" t="s">
        <v>22</v>
      </c>
      <c r="P2507" s="10" t="s">
        <v>22</v>
      </c>
      <c r="Q2507" s="10" t="s">
        <v>22</v>
      </c>
      <c r="R2507" s="10" t="s">
        <v>22</v>
      </c>
      <c r="S2507" s="10" t="s">
        <v>22</v>
      </c>
      <c r="T2507" s="10" t="s">
        <v>22</v>
      </c>
    </row>
    <row r="2508" spans="1:26" ht="24" customHeight="1" x14ac:dyDescent="0.2">
      <c r="A2508" s="9" t="s">
        <v>19750</v>
      </c>
      <c r="B2508" s="9" t="s">
        <v>14</v>
      </c>
      <c r="C2508" s="9" t="s">
        <v>11993</v>
      </c>
      <c r="D2508" s="6" t="s">
        <v>11994</v>
      </c>
      <c r="E2508" s="22">
        <v>44664</v>
      </c>
      <c r="F2508" s="22">
        <v>46489</v>
      </c>
      <c r="G2508" s="6" t="s">
        <v>11995</v>
      </c>
      <c r="H2508" s="6" t="s">
        <v>62</v>
      </c>
      <c r="I2508" s="6" t="s">
        <v>493</v>
      </c>
      <c r="J2508" s="6" t="s">
        <v>11996</v>
      </c>
      <c r="K2508" s="9" t="s">
        <v>11997</v>
      </c>
      <c r="L2508" s="10" t="s">
        <v>22</v>
      </c>
      <c r="M2508" s="10" t="s">
        <v>22</v>
      </c>
      <c r="N2508" s="10" t="s">
        <v>22</v>
      </c>
      <c r="O2508" s="10" t="s">
        <v>22</v>
      </c>
      <c r="P2508" s="10" t="s">
        <v>22</v>
      </c>
      <c r="Q2508" s="10" t="s">
        <v>22</v>
      </c>
      <c r="R2508" s="10" t="s">
        <v>22</v>
      </c>
      <c r="S2508" s="10" t="s">
        <v>22</v>
      </c>
      <c r="T2508" s="10" t="s">
        <v>22</v>
      </c>
      <c r="U2508" s="10" t="s">
        <v>22</v>
      </c>
      <c r="V2508" s="10" t="s">
        <v>22</v>
      </c>
      <c r="W2508" s="10" t="s">
        <v>22</v>
      </c>
      <c r="X2508" s="10" t="s">
        <v>22</v>
      </c>
      <c r="Y2508" s="10" t="s">
        <v>22</v>
      </c>
      <c r="Z2508" s="10" t="s">
        <v>22</v>
      </c>
    </row>
    <row r="2509" spans="1:26" ht="24" customHeight="1" x14ac:dyDescent="0.2">
      <c r="A2509" s="9" t="s">
        <v>19751</v>
      </c>
      <c r="B2509" s="9" t="s">
        <v>14</v>
      </c>
      <c r="C2509" s="9" t="s">
        <v>11998</v>
      </c>
      <c r="D2509" s="6" t="s">
        <v>11999</v>
      </c>
      <c r="E2509" s="22">
        <v>44665</v>
      </c>
      <c r="F2509" s="22">
        <v>46490</v>
      </c>
      <c r="G2509" s="6" t="s">
        <v>12000</v>
      </c>
      <c r="H2509" s="6" t="s">
        <v>229</v>
      </c>
      <c r="I2509" s="6" t="s">
        <v>1885</v>
      </c>
      <c r="J2509" s="6" t="s">
        <v>12001</v>
      </c>
      <c r="K2509" s="9" t="s">
        <v>12002</v>
      </c>
      <c r="L2509" s="10" t="s">
        <v>22</v>
      </c>
      <c r="M2509" s="10" t="s">
        <v>22</v>
      </c>
      <c r="N2509" s="10" t="s">
        <v>22</v>
      </c>
      <c r="O2509" s="10" t="s">
        <v>22</v>
      </c>
      <c r="P2509" s="10" t="s">
        <v>22</v>
      </c>
      <c r="Q2509" s="10" t="s">
        <v>22</v>
      </c>
      <c r="R2509" s="10" t="s">
        <v>22</v>
      </c>
      <c r="S2509" s="10" t="s">
        <v>22</v>
      </c>
      <c r="T2509" s="10" t="s">
        <v>22</v>
      </c>
      <c r="U2509" s="10" t="s">
        <v>22</v>
      </c>
      <c r="V2509" s="10" t="s">
        <v>22</v>
      </c>
      <c r="W2509" s="10" t="s">
        <v>22</v>
      </c>
      <c r="X2509" s="10" t="s">
        <v>22</v>
      </c>
      <c r="Y2509" s="10" t="s">
        <v>22</v>
      </c>
      <c r="Z2509" s="10" t="s">
        <v>22</v>
      </c>
    </row>
    <row r="2510" spans="1:26" ht="24" customHeight="1" x14ac:dyDescent="0.2">
      <c r="A2510" s="9" t="s">
        <v>19752</v>
      </c>
      <c r="B2510" s="9" t="s">
        <v>14</v>
      </c>
      <c r="C2510" s="9" t="s">
        <v>12003</v>
      </c>
      <c r="D2510" s="6" t="s">
        <v>12004</v>
      </c>
      <c r="E2510" s="22">
        <v>44665</v>
      </c>
      <c r="F2510" s="22">
        <v>46490</v>
      </c>
      <c r="G2510" s="6" t="s">
        <v>12005</v>
      </c>
      <c r="H2510" s="6" t="s">
        <v>62</v>
      </c>
      <c r="I2510" s="6" t="s">
        <v>1955</v>
      </c>
      <c r="J2510" s="6" t="s">
        <v>12006</v>
      </c>
      <c r="K2510" s="9" t="s">
        <v>12007</v>
      </c>
      <c r="L2510" s="10" t="s">
        <v>22</v>
      </c>
      <c r="M2510" s="10" t="s">
        <v>22</v>
      </c>
      <c r="N2510" s="10" t="s">
        <v>22</v>
      </c>
      <c r="O2510" s="10" t="s">
        <v>22</v>
      </c>
      <c r="P2510" s="10" t="s">
        <v>22</v>
      </c>
      <c r="Q2510" s="10" t="s">
        <v>22</v>
      </c>
      <c r="R2510" s="10" t="s">
        <v>22</v>
      </c>
      <c r="S2510" s="10" t="s">
        <v>22</v>
      </c>
      <c r="T2510" s="10" t="s">
        <v>22</v>
      </c>
    </row>
    <row r="2511" spans="1:26" ht="24" customHeight="1" x14ac:dyDescent="0.2">
      <c r="A2511" s="9" t="s">
        <v>19753</v>
      </c>
      <c r="B2511" s="9" t="s">
        <v>14</v>
      </c>
      <c r="C2511" s="9" t="s">
        <v>12008</v>
      </c>
      <c r="D2511" s="6" t="s">
        <v>12009</v>
      </c>
      <c r="E2511" s="22">
        <v>44671</v>
      </c>
      <c r="F2511" s="22">
        <v>46496</v>
      </c>
      <c r="G2511" s="6" t="s">
        <v>12010</v>
      </c>
      <c r="H2511" s="6" t="s">
        <v>62</v>
      </c>
      <c r="I2511" s="6" t="s">
        <v>551</v>
      </c>
      <c r="J2511" s="6" t="s">
        <v>12011</v>
      </c>
      <c r="K2511" s="9" t="s">
        <v>12012</v>
      </c>
      <c r="M2511" s="10" t="s">
        <v>22</v>
      </c>
      <c r="N2511" s="10" t="s">
        <v>22</v>
      </c>
      <c r="V2511" s="10" t="s">
        <v>22</v>
      </c>
      <c r="W2511" s="10" t="s">
        <v>22</v>
      </c>
    </row>
    <row r="2512" spans="1:26" ht="24" customHeight="1" x14ac:dyDescent="0.2">
      <c r="A2512" s="9" t="s">
        <v>19754</v>
      </c>
      <c r="B2512" s="9" t="s">
        <v>14</v>
      </c>
      <c r="C2512" s="9" t="s">
        <v>12013</v>
      </c>
      <c r="D2512" s="6" t="s">
        <v>12014</v>
      </c>
      <c r="E2512" s="22">
        <v>44671</v>
      </c>
      <c r="F2512" s="22">
        <v>46496</v>
      </c>
      <c r="G2512" s="6" t="s">
        <v>12015</v>
      </c>
      <c r="H2512" s="6" t="s">
        <v>18</v>
      </c>
      <c r="I2512" s="6" t="s">
        <v>19</v>
      </c>
      <c r="J2512" s="6" t="s">
        <v>12016</v>
      </c>
      <c r="K2512" s="9" t="s">
        <v>12017</v>
      </c>
      <c r="L2512" s="10" t="s">
        <v>22</v>
      </c>
      <c r="M2512" s="10" t="s">
        <v>22</v>
      </c>
      <c r="N2512" s="10" t="s">
        <v>22</v>
      </c>
      <c r="O2512" s="10" t="s">
        <v>22</v>
      </c>
      <c r="P2512" s="10" t="s">
        <v>22</v>
      </c>
      <c r="Q2512" s="10" t="s">
        <v>22</v>
      </c>
      <c r="U2512" s="10" t="s">
        <v>22</v>
      </c>
      <c r="V2512" s="10" t="s">
        <v>22</v>
      </c>
      <c r="W2512" s="10" t="s">
        <v>22</v>
      </c>
      <c r="X2512" s="10" t="s">
        <v>22</v>
      </c>
      <c r="Y2512" s="10" t="s">
        <v>22</v>
      </c>
      <c r="Z2512" s="10" t="s">
        <v>22</v>
      </c>
    </row>
    <row r="2513" spans="1:26" ht="24" customHeight="1" x14ac:dyDescent="0.2">
      <c r="A2513" s="9" t="s">
        <v>19755</v>
      </c>
      <c r="B2513" s="9" t="s">
        <v>14</v>
      </c>
      <c r="C2513" s="9" t="s">
        <v>12018</v>
      </c>
      <c r="D2513" s="6" t="s">
        <v>12019</v>
      </c>
      <c r="E2513" s="22">
        <v>44671</v>
      </c>
      <c r="F2513" s="22">
        <v>46496</v>
      </c>
      <c r="G2513" s="6" t="s">
        <v>12020</v>
      </c>
      <c r="H2513" s="6" t="s">
        <v>202</v>
      </c>
      <c r="I2513" s="6" t="s">
        <v>3050</v>
      </c>
      <c r="J2513" s="6" t="s">
        <v>12021</v>
      </c>
      <c r="K2513" s="9" t="s">
        <v>12022</v>
      </c>
      <c r="L2513" s="10" t="s">
        <v>22</v>
      </c>
      <c r="M2513" s="10" t="s">
        <v>22</v>
      </c>
      <c r="N2513" s="10" t="s">
        <v>22</v>
      </c>
      <c r="O2513" s="10" t="s">
        <v>22</v>
      </c>
      <c r="P2513" s="10" t="s">
        <v>22</v>
      </c>
      <c r="Q2513" s="10" t="s">
        <v>22</v>
      </c>
      <c r="R2513" s="10" t="s">
        <v>22</v>
      </c>
      <c r="S2513" s="10" t="s">
        <v>22</v>
      </c>
      <c r="T2513" s="10" t="s">
        <v>22</v>
      </c>
      <c r="U2513" s="10" t="s">
        <v>22</v>
      </c>
      <c r="V2513" s="10" t="s">
        <v>22</v>
      </c>
      <c r="W2513" s="10" t="s">
        <v>22</v>
      </c>
      <c r="X2513" s="10" t="s">
        <v>22</v>
      </c>
      <c r="Y2513" s="10" t="s">
        <v>22</v>
      </c>
      <c r="Z2513" s="10" t="s">
        <v>22</v>
      </c>
    </row>
    <row r="2514" spans="1:26" ht="24" customHeight="1" x14ac:dyDescent="0.2">
      <c r="A2514" s="9" t="s">
        <v>19756</v>
      </c>
      <c r="B2514" s="9" t="s">
        <v>14</v>
      </c>
      <c r="C2514" s="9" t="s">
        <v>12023</v>
      </c>
      <c r="D2514" s="6" t="s">
        <v>12024</v>
      </c>
      <c r="E2514" s="22">
        <v>44671</v>
      </c>
      <c r="F2514" s="22">
        <v>46496</v>
      </c>
      <c r="G2514" s="6" t="s">
        <v>12025</v>
      </c>
      <c r="H2514" s="6" t="s">
        <v>62</v>
      </c>
      <c r="I2514" s="6" t="s">
        <v>312</v>
      </c>
      <c r="J2514" s="6" t="s">
        <v>12026</v>
      </c>
      <c r="K2514" s="9" t="s">
        <v>12027</v>
      </c>
      <c r="L2514" s="10" t="s">
        <v>22</v>
      </c>
      <c r="M2514" s="10" t="s">
        <v>22</v>
      </c>
      <c r="N2514" s="10" t="s">
        <v>22</v>
      </c>
      <c r="O2514" s="10" t="s">
        <v>22</v>
      </c>
      <c r="P2514" s="10" t="s">
        <v>22</v>
      </c>
      <c r="Q2514" s="10" t="s">
        <v>22</v>
      </c>
      <c r="R2514" s="10" t="s">
        <v>22</v>
      </c>
      <c r="S2514" s="10" t="s">
        <v>22</v>
      </c>
      <c r="T2514" s="10" t="s">
        <v>22</v>
      </c>
      <c r="U2514" s="10" t="s">
        <v>22</v>
      </c>
      <c r="V2514" s="10" t="s">
        <v>22</v>
      </c>
      <c r="W2514" s="10" t="s">
        <v>22</v>
      </c>
      <c r="X2514" s="10" t="s">
        <v>22</v>
      </c>
      <c r="Y2514" s="10" t="s">
        <v>22</v>
      </c>
      <c r="Z2514" s="10" t="s">
        <v>22</v>
      </c>
    </row>
    <row r="2515" spans="1:26" ht="24" customHeight="1" x14ac:dyDescent="0.2">
      <c r="A2515" s="9" t="s">
        <v>19757</v>
      </c>
      <c r="B2515" s="9" t="s">
        <v>14</v>
      </c>
      <c r="C2515" s="9" t="s">
        <v>12028</v>
      </c>
      <c r="D2515" s="6" t="s">
        <v>12029</v>
      </c>
      <c r="E2515" s="22">
        <v>44673</v>
      </c>
      <c r="F2515" s="22">
        <v>46498</v>
      </c>
      <c r="G2515" s="6" t="s">
        <v>12030</v>
      </c>
      <c r="H2515" s="6" t="s">
        <v>363</v>
      </c>
      <c r="I2515" s="6" t="s">
        <v>364</v>
      </c>
      <c r="J2515" s="6" t="s">
        <v>12031</v>
      </c>
      <c r="K2515" s="9" t="s">
        <v>12032</v>
      </c>
      <c r="L2515" s="10" t="s">
        <v>22</v>
      </c>
      <c r="M2515" s="10" t="s">
        <v>22</v>
      </c>
      <c r="N2515" s="10" t="s">
        <v>22</v>
      </c>
      <c r="R2515" s="10" t="s">
        <v>22</v>
      </c>
      <c r="S2515" s="10" t="s">
        <v>22</v>
      </c>
      <c r="T2515" s="10" t="s">
        <v>22</v>
      </c>
      <c r="U2515" s="10" t="s">
        <v>22</v>
      </c>
      <c r="V2515" s="10" t="s">
        <v>22</v>
      </c>
      <c r="W2515" s="10" t="s">
        <v>22</v>
      </c>
    </row>
    <row r="2516" spans="1:26" ht="24" customHeight="1" x14ac:dyDescent="0.2">
      <c r="A2516" s="9" t="s">
        <v>19758</v>
      </c>
      <c r="B2516" s="9" t="s">
        <v>14</v>
      </c>
      <c r="C2516" s="9" t="s">
        <v>12033</v>
      </c>
      <c r="D2516" s="6" t="s">
        <v>12034</v>
      </c>
      <c r="E2516" s="22">
        <v>44673</v>
      </c>
      <c r="F2516" s="22">
        <v>46498</v>
      </c>
      <c r="G2516" s="6" t="s">
        <v>12035</v>
      </c>
      <c r="H2516" s="6" t="s">
        <v>2069</v>
      </c>
      <c r="I2516" s="6" t="s">
        <v>2070</v>
      </c>
      <c r="J2516" s="6" t="s">
        <v>12036</v>
      </c>
      <c r="L2516" s="10" t="s">
        <v>22</v>
      </c>
      <c r="M2516" s="10" t="s">
        <v>22</v>
      </c>
      <c r="N2516" s="10" t="s">
        <v>22</v>
      </c>
      <c r="O2516" s="10" t="s">
        <v>22</v>
      </c>
      <c r="P2516" s="10" t="s">
        <v>22</v>
      </c>
      <c r="Q2516" s="10" t="s">
        <v>22</v>
      </c>
      <c r="R2516" s="10" t="s">
        <v>22</v>
      </c>
      <c r="S2516" s="10" t="s">
        <v>22</v>
      </c>
      <c r="T2516" s="10" t="s">
        <v>22</v>
      </c>
      <c r="U2516" s="10" t="s">
        <v>22</v>
      </c>
      <c r="V2516" s="10" t="s">
        <v>22</v>
      </c>
      <c r="W2516" s="10" t="s">
        <v>22</v>
      </c>
      <c r="X2516" s="10" t="s">
        <v>22</v>
      </c>
      <c r="Y2516" s="10" t="s">
        <v>22</v>
      </c>
      <c r="Z2516" s="10" t="s">
        <v>22</v>
      </c>
    </row>
    <row r="2517" spans="1:26" ht="24" customHeight="1" x14ac:dyDescent="0.2">
      <c r="A2517" s="9" t="s">
        <v>19759</v>
      </c>
      <c r="B2517" s="9" t="s">
        <v>14</v>
      </c>
      <c r="C2517" s="9" t="s">
        <v>12037</v>
      </c>
      <c r="D2517" s="6" t="s">
        <v>12038</v>
      </c>
      <c r="E2517" s="22">
        <v>44673</v>
      </c>
      <c r="F2517" s="22">
        <v>46498</v>
      </c>
      <c r="G2517" s="6" t="s">
        <v>12039</v>
      </c>
      <c r="H2517" s="6" t="s">
        <v>62</v>
      </c>
      <c r="I2517" s="6" t="s">
        <v>318</v>
      </c>
      <c r="J2517" s="6" t="s">
        <v>12040</v>
      </c>
      <c r="K2517" s="9" t="s">
        <v>12041</v>
      </c>
      <c r="L2517" s="10" t="s">
        <v>22</v>
      </c>
      <c r="M2517" s="10" t="s">
        <v>22</v>
      </c>
      <c r="N2517" s="10" t="s">
        <v>22</v>
      </c>
      <c r="O2517" s="10" t="s">
        <v>22</v>
      </c>
      <c r="P2517" s="10" t="s">
        <v>22</v>
      </c>
      <c r="Q2517" s="10" t="s">
        <v>22</v>
      </c>
      <c r="R2517" s="10" t="s">
        <v>22</v>
      </c>
      <c r="S2517" s="10" t="s">
        <v>22</v>
      </c>
      <c r="T2517" s="10" t="s">
        <v>22</v>
      </c>
      <c r="U2517" s="10" t="s">
        <v>22</v>
      </c>
      <c r="V2517" s="10" t="s">
        <v>22</v>
      </c>
      <c r="W2517" s="10" t="s">
        <v>22</v>
      </c>
      <c r="X2517" s="10" t="s">
        <v>22</v>
      </c>
      <c r="Y2517" s="10" t="s">
        <v>22</v>
      </c>
      <c r="Z2517" s="10" t="s">
        <v>22</v>
      </c>
    </row>
    <row r="2518" spans="1:26" ht="24" customHeight="1" x14ac:dyDescent="0.2">
      <c r="A2518" s="9" t="s">
        <v>19760</v>
      </c>
      <c r="B2518" s="9" t="s">
        <v>14</v>
      </c>
      <c r="C2518" s="9" t="s">
        <v>12042</v>
      </c>
      <c r="D2518" s="6" t="s">
        <v>12043</v>
      </c>
      <c r="E2518" s="22">
        <v>44673</v>
      </c>
      <c r="F2518" s="22">
        <v>46498</v>
      </c>
      <c r="G2518" s="6" t="s">
        <v>12044</v>
      </c>
      <c r="H2518" s="6" t="s">
        <v>18</v>
      </c>
      <c r="I2518" s="6" t="s">
        <v>19</v>
      </c>
      <c r="J2518" s="6" t="s">
        <v>12045</v>
      </c>
      <c r="K2518" s="9" t="s">
        <v>12046</v>
      </c>
      <c r="L2518" s="10" t="s">
        <v>22</v>
      </c>
      <c r="M2518" s="10" t="s">
        <v>22</v>
      </c>
      <c r="N2518" s="10" t="s">
        <v>22</v>
      </c>
      <c r="O2518" s="10" t="s">
        <v>22</v>
      </c>
      <c r="P2518" s="10" t="s">
        <v>22</v>
      </c>
      <c r="Q2518" s="10" t="s">
        <v>22</v>
      </c>
      <c r="R2518" s="10" t="s">
        <v>22</v>
      </c>
      <c r="S2518" s="10" t="s">
        <v>22</v>
      </c>
      <c r="T2518" s="10" t="s">
        <v>22</v>
      </c>
      <c r="U2518" s="10" t="s">
        <v>22</v>
      </c>
      <c r="V2518" s="10" t="s">
        <v>22</v>
      </c>
      <c r="W2518" s="10" t="s">
        <v>22</v>
      </c>
      <c r="X2518" s="10" t="s">
        <v>22</v>
      </c>
      <c r="Y2518" s="10" t="s">
        <v>22</v>
      </c>
      <c r="Z2518" s="10" t="s">
        <v>22</v>
      </c>
    </row>
    <row r="2519" spans="1:26" ht="24" customHeight="1" x14ac:dyDescent="0.2">
      <c r="A2519" s="9" t="s">
        <v>19761</v>
      </c>
      <c r="B2519" s="9" t="s">
        <v>14</v>
      </c>
      <c r="C2519" s="9" t="s">
        <v>12047</v>
      </c>
      <c r="D2519" s="6" t="s">
        <v>12048</v>
      </c>
      <c r="E2519" s="22">
        <v>44677</v>
      </c>
      <c r="F2519" s="22">
        <v>46502</v>
      </c>
      <c r="G2519" s="6" t="s">
        <v>12049</v>
      </c>
      <c r="H2519" s="6" t="s">
        <v>202</v>
      </c>
      <c r="I2519" s="6" t="s">
        <v>863</v>
      </c>
      <c r="J2519" s="6" t="s">
        <v>12050</v>
      </c>
      <c r="K2519" s="9" t="s">
        <v>12051</v>
      </c>
      <c r="L2519" s="10" t="s">
        <v>22</v>
      </c>
      <c r="M2519" s="10" t="s">
        <v>22</v>
      </c>
      <c r="N2519" s="10" t="s">
        <v>22</v>
      </c>
      <c r="O2519" s="10" t="s">
        <v>22</v>
      </c>
      <c r="P2519" s="10" t="s">
        <v>22</v>
      </c>
      <c r="Q2519" s="10" t="s">
        <v>22</v>
      </c>
      <c r="U2519" s="10" t="s">
        <v>22</v>
      </c>
      <c r="V2519" s="10" t="s">
        <v>22</v>
      </c>
      <c r="W2519" s="10" t="s">
        <v>22</v>
      </c>
      <c r="X2519" s="10" t="s">
        <v>22</v>
      </c>
      <c r="Y2519" s="10" t="s">
        <v>22</v>
      </c>
      <c r="Z2519" s="10" t="s">
        <v>22</v>
      </c>
    </row>
    <row r="2520" spans="1:26" ht="24" customHeight="1" x14ac:dyDescent="0.2">
      <c r="A2520" s="9" t="s">
        <v>19762</v>
      </c>
      <c r="B2520" s="9" t="s">
        <v>14</v>
      </c>
      <c r="C2520" s="9" t="s">
        <v>12052</v>
      </c>
      <c r="D2520" s="6" t="s">
        <v>12053</v>
      </c>
      <c r="E2520" s="22">
        <v>44677</v>
      </c>
      <c r="F2520" s="22">
        <v>46502</v>
      </c>
      <c r="G2520" s="6" t="s">
        <v>12054</v>
      </c>
      <c r="H2520" s="6" t="s">
        <v>18</v>
      </c>
      <c r="I2520" s="6" t="s">
        <v>19</v>
      </c>
      <c r="J2520" s="6" t="s">
        <v>12055</v>
      </c>
      <c r="L2520" s="10" t="s">
        <v>22</v>
      </c>
      <c r="M2520" s="10" t="s">
        <v>22</v>
      </c>
      <c r="N2520" s="10" t="s">
        <v>22</v>
      </c>
      <c r="O2520" s="10" t="s">
        <v>22</v>
      </c>
      <c r="P2520" s="10" t="s">
        <v>22</v>
      </c>
      <c r="Q2520" s="10" t="s">
        <v>22</v>
      </c>
      <c r="U2520" s="10" t="s">
        <v>22</v>
      </c>
      <c r="V2520" s="10" t="s">
        <v>22</v>
      </c>
      <c r="W2520" s="10" t="s">
        <v>22</v>
      </c>
      <c r="X2520" s="10" t="s">
        <v>22</v>
      </c>
      <c r="Y2520" s="10" t="s">
        <v>22</v>
      </c>
      <c r="Z2520" s="10" t="s">
        <v>22</v>
      </c>
    </row>
    <row r="2521" spans="1:26" ht="24" customHeight="1" x14ac:dyDescent="0.2">
      <c r="A2521" s="9" t="s">
        <v>19763</v>
      </c>
      <c r="B2521" s="9" t="s">
        <v>14</v>
      </c>
      <c r="C2521" s="9" t="s">
        <v>12056</v>
      </c>
      <c r="D2521" s="6" t="s">
        <v>12057</v>
      </c>
      <c r="E2521" s="22">
        <v>44679</v>
      </c>
      <c r="F2521" s="22">
        <v>46504</v>
      </c>
      <c r="G2521" s="6" t="s">
        <v>12058</v>
      </c>
      <c r="H2521" s="6" t="s">
        <v>202</v>
      </c>
      <c r="I2521" s="6" t="s">
        <v>6427</v>
      </c>
      <c r="J2521" s="6" t="s">
        <v>12059</v>
      </c>
      <c r="K2521" s="9" t="s">
        <v>12060</v>
      </c>
      <c r="O2521" s="10" t="s">
        <v>22</v>
      </c>
      <c r="P2521" s="10" t="s">
        <v>22</v>
      </c>
      <c r="Q2521" s="10" t="s">
        <v>22</v>
      </c>
      <c r="X2521" s="10" t="s">
        <v>22</v>
      </c>
      <c r="Y2521" s="10" t="s">
        <v>22</v>
      </c>
      <c r="Z2521" s="10" t="s">
        <v>22</v>
      </c>
    </row>
    <row r="2522" spans="1:26" ht="24" customHeight="1" x14ac:dyDescent="0.2">
      <c r="A2522" s="9" t="s">
        <v>19764</v>
      </c>
      <c r="B2522" s="9" t="s">
        <v>14</v>
      </c>
      <c r="C2522" s="9" t="s">
        <v>12061</v>
      </c>
      <c r="D2522" s="6" t="s">
        <v>12062</v>
      </c>
      <c r="E2522" s="22">
        <v>44679</v>
      </c>
      <c r="F2522" s="22">
        <v>46504</v>
      </c>
      <c r="G2522" s="6" t="s">
        <v>12063</v>
      </c>
      <c r="H2522" s="6" t="s">
        <v>229</v>
      </c>
      <c r="I2522" s="6" t="s">
        <v>230</v>
      </c>
      <c r="J2522" s="6" t="s">
        <v>12064</v>
      </c>
      <c r="K2522" s="9" t="s">
        <v>12065</v>
      </c>
      <c r="L2522" s="10" t="s">
        <v>22</v>
      </c>
      <c r="M2522" s="10" t="s">
        <v>22</v>
      </c>
      <c r="N2522" s="10" t="s">
        <v>22</v>
      </c>
      <c r="O2522" s="10" t="s">
        <v>22</v>
      </c>
      <c r="P2522" s="10" t="s">
        <v>22</v>
      </c>
      <c r="Q2522" s="10" t="s">
        <v>22</v>
      </c>
      <c r="R2522" s="10" t="s">
        <v>22</v>
      </c>
      <c r="S2522" s="10" t="s">
        <v>22</v>
      </c>
      <c r="T2522" s="10" t="s">
        <v>22</v>
      </c>
      <c r="U2522" s="10" t="s">
        <v>22</v>
      </c>
      <c r="V2522" s="10" t="s">
        <v>22</v>
      </c>
      <c r="W2522" s="10" t="s">
        <v>22</v>
      </c>
      <c r="X2522" s="10" t="s">
        <v>22</v>
      </c>
      <c r="Y2522" s="10" t="s">
        <v>22</v>
      </c>
      <c r="Z2522" s="10" t="s">
        <v>22</v>
      </c>
    </row>
    <row r="2523" spans="1:26" ht="24" customHeight="1" x14ac:dyDescent="0.2">
      <c r="A2523" s="9" t="s">
        <v>19765</v>
      </c>
      <c r="B2523" s="9" t="s">
        <v>14</v>
      </c>
      <c r="C2523" s="9" t="s">
        <v>12066</v>
      </c>
      <c r="D2523" s="6" t="s">
        <v>12067</v>
      </c>
      <c r="E2523" s="22">
        <v>44679</v>
      </c>
      <c r="F2523" s="22">
        <v>46504</v>
      </c>
      <c r="G2523" s="6" t="s">
        <v>12068</v>
      </c>
      <c r="H2523" s="6" t="s">
        <v>18</v>
      </c>
      <c r="I2523" s="6" t="s">
        <v>19</v>
      </c>
      <c r="J2523" s="6" t="s">
        <v>12069</v>
      </c>
      <c r="L2523" s="10" t="s">
        <v>22</v>
      </c>
      <c r="M2523" s="10" t="s">
        <v>22</v>
      </c>
      <c r="N2523" s="10" t="s">
        <v>22</v>
      </c>
      <c r="O2523" s="10" t="s">
        <v>22</v>
      </c>
      <c r="P2523" s="10" t="s">
        <v>22</v>
      </c>
      <c r="Q2523" s="10" t="s">
        <v>22</v>
      </c>
      <c r="R2523" s="10" t="s">
        <v>22</v>
      </c>
      <c r="S2523" s="10" t="s">
        <v>22</v>
      </c>
      <c r="T2523" s="10" t="s">
        <v>22</v>
      </c>
      <c r="U2523" s="10" t="s">
        <v>22</v>
      </c>
      <c r="V2523" s="10" t="s">
        <v>22</v>
      </c>
      <c r="W2523" s="10" t="s">
        <v>22</v>
      </c>
      <c r="X2523" s="10" t="s">
        <v>22</v>
      </c>
      <c r="Y2523" s="10" t="s">
        <v>22</v>
      </c>
      <c r="Z2523" s="10" t="s">
        <v>22</v>
      </c>
    </row>
    <row r="2524" spans="1:26" ht="24" customHeight="1" x14ac:dyDescent="0.2">
      <c r="A2524" s="9" t="s">
        <v>19766</v>
      </c>
      <c r="B2524" s="9" t="s">
        <v>14</v>
      </c>
      <c r="C2524" s="9" t="s">
        <v>12070</v>
      </c>
      <c r="D2524" s="6" t="s">
        <v>12071</v>
      </c>
      <c r="E2524" s="22">
        <v>44683</v>
      </c>
      <c r="F2524" s="22">
        <v>46508</v>
      </c>
      <c r="G2524" s="6" t="s">
        <v>12072</v>
      </c>
      <c r="H2524" s="6" t="s">
        <v>2368</v>
      </c>
      <c r="I2524" s="6" t="s">
        <v>5561</v>
      </c>
      <c r="J2524" s="6" t="s">
        <v>16289</v>
      </c>
      <c r="L2524" s="10" t="s">
        <v>22</v>
      </c>
      <c r="M2524" s="10" t="s">
        <v>22</v>
      </c>
      <c r="N2524" s="10" t="s">
        <v>22</v>
      </c>
      <c r="O2524" s="10" t="s">
        <v>22</v>
      </c>
      <c r="P2524" s="10" t="s">
        <v>22</v>
      </c>
      <c r="Q2524" s="10" t="s">
        <v>22</v>
      </c>
      <c r="R2524" s="10" t="s">
        <v>22</v>
      </c>
      <c r="S2524" s="10" t="s">
        <v>22</v>
      </c>
      <c r="T2524" s="10" t="s">
        <v>22</v>
      </c>
      <c r="U2524" s="10" t="s">
        <v>22</v>
      </c>
      <c r="V2524" s="10" t="s">
        <v>22</v>
      </c>
      <c r="W2524" s="10" t="s">
        <v>22</v>
      </c>
      <c r="X2524" s="10" t="s">
        <v>22</v>
      </c>
      <c r="Y2524" s="10" t="s">
        <v>22</v>
      </c>
      <c r="Z2524" s="10" t="s">
        <v>22</v>
      </c>
    </row>
    <row r="2525" spans="1:26" ht="24" customHeight="1" x14ac:dyDescent="0.2">
      <c r="A2525" s="9" t="s">
        <v>19767</v>
      </c>
      <c r="B2525" s="9" t="s">
        <v>14</v>
      </c>
      <c r="C2525" s="9" t="s">
        <v>12074</v>
      </c>
      <c r="D2525" s="6" t="s">
        <v>12075</v>
      </c>
      <c r="E2525" s="22">
        <v>44683</v>
      </c>
      <c r="F2525" s="22">
        <v>46508</v>
      </c>
      <c r="G2525" s="6" t="s">
        <v>12076</v>
      </c>
      <c r="H2525" s="6" t="s">
        <v>2069</v>
      </c>
      <c r="I2525" s="6" t="s">
        <v>12077</v>
      </c>
      <c r="J2525" s="6" t="s">
        <v>12078</v>
      </c>
      <c r="K2525" s="9" t="s">
        <v>12079</v>
      </c>
      <c r="L2525" s="10" t="s">
        <v>22</v>
      </c>
      <c r="M2525" s="10" t="s">
        <v>22</v>
      </c>
      <c r="N2525" s="10" t="s">
        <v>22</v>
      </c>
      <c r="O2525" s="10" t="s">
        <v>22</v>
      </c>
      <c r="P2525" s="10" t="s">
        <v>22</v>
      </c>
      <c r="Q2525" s="10" t="s">
        <v>22</v>
      </c>
      <c r="R2525" s="10" t="s">
        <v>22</v>
      </c>
      <c r="S2525" s="10" t="s">
        <v>22</v>
      </c>
      <c r="T2525" s="10" t="s">
        <v>22</v>
      </c>
      <c r="U2525" s="10" t="s">
        <v>22</v>
      </c>
      <c r="V2525" s="10" t="s">
        <v>22</v>
      </c>
      <c r="W2525" s="10" t="s">
        <v>22</v>
      </c>
      <c r="X2525" s="10" t="s">
        <v>22</v>
      </c>
      <c r="Y2525" s="10" t="s">
        <v>22</v>
      </c>
      <c r="Z2525" s="10" t="s">
        <v>22</v>
      </c>
    </row>
    <row r="2526" spans="1:26" ht="24" customHeight="1" x14ac:dyDescent="0.2">
      <c r="A2526" s="9" t="s">
        <v>19768</v>
      </c>
      <c r="B2526" s="9" t="s">
        <v>14</v>
      </c>
      <c r="C2526" s="9" t="s">
        <v>12080</v>
      </c>
      <c r="D2526" s="6" t="s">
        <v>12081</v>
      </c>
      <c r="E2526" s="22">
        <v>44691</v>
      </c>
      <c r="F2526" s="22">
        <v>46516</v>
      </c>
      <c r="G2526" s="6" t="s">
        <v>12082</v>
      </c>
      <c r="H2526" s="6" t="s">
        <v>62</v>
      </c>
      <c r="I2526" s="6" t="s">
        <v>842</v>
      </c>
      <c r="J2526" s="6" t="s">
        <v>12083</v>
      </c>
      <c r="K2526" s="9" t="s">
        <v>12084</v>
      </c>
      <c r="L2526" s="10" t="s">
        <v>22</v>
      </c>
      <c r="M2526" s="10" t="s">
        <v>22</v>
      </c>
      <c r="N2526" s="10" t="s">
        <v>22</v>
      </c>
      <c r="O2526" s="10" t="s">
        <v>22</v>
      </c>
      <c r="P2526" s="10" t="s">
        <v>22</v>
      </c>
      <c r="Q2526" s="10" t="s">
        <v>22</v>
      </c>
      <c r="R2526" s="10" t="s">
        <v>22</v>
      </c>
      <c r="S2526" s="10" t="s">
        <v>22</v>
      </c>
      <c r="T2526" s="10" t="s">
        <v>22</v>
      </c>
      <c r="U2526" s="10" t="s">
        <v>22</v>
      </c>
      <c r="V2526" s="10" t="s">
        <v>22</v>
      </c>
      <c r="W2526" s="10" t="s">
        <v>22</v>
      </c>
      <c r="X2526" s="10" t="s">
        <v>22</v>
      </c>
      <c r="Y2526" s="10" t="s">
        <v>22</v>
      </c>
      <c r="Z2526" s="10" t="s">
        <v>22</v>
      </c>
    </row>
    <row r="2527" spans="1:26" ht="24" customHeight="1" x14ac:dyDescent="0.2">
      <c r="A2527" s="9" t="s">
        <v>19769</v>
      </c>
      <c r="B2527" s="9" t="s">
        <v>14</v>
      </c>
      <c r="C2527" s="9" t="s">
        <v>12085</v>
      </c>
      <c r="D2527" s="6" t="s">
        <v>12086</v>
      </c>
      <c r="E2527" s="22">
        <v>44691</v>
      </c>
      <c r="F2527" s="22">
        <v>46516</v>
      </c>
      <c r="G2527" s="6" t="s">
        <v>12087</v>
      </c>
      <c r="H2527" s="6" t="s">
        <v>7487</v>
      </c>
      <c r="I2527" s="6" t="s">
        <v>8183</v>
      </c>
      <c r="J2527" s="6" t="s">
        <v>12088</v>
      </c>
      <c r="K2527" s="9" t="s">
        <v>12089</v>
      </c>
      <c r="L2527" s="10" t="s">
        <v>22</v>
      </c>
      <c r="M2527" s="10" t="s">
        <v>22</v>
      </c>
      <c r="N2527" s="10" t="s">
        <v>22</v>
      </c>
      <c r="O2527" s="10" t="s">
        <v>22</v>
      </c>
      <c r="P2527" s="10" t="s">
        <v>22</v>
      </c>
      <c r="Q2527" s="10" t="s">
        <v>22</v>
      </c>
      <c r="R2527" s="10" t="s">
        <v>22</v>
      </c>
      <c r="S2527" s="10" t="s">
        <v>22</v>
      </c>
      <c r="T2527" s="10" t="s">
        <v>22</v>
      </c>
      <c r="U2527" s="10" t="s">
        <v>22</v>
      </c>
      <c r="V2527" s="10" t="s">
        <v>22</v>
      </c>
      <c r="W2527" s="10" t="s">
        <v>22</v>
      </c>
      <c r="X2527" s="10" t="s">
        <v>22</v>
      </c>
      <c r="Y2527" s="10" t="s">
        <v>22</v>
      </c>
      <c r="Z2527" s="10" t="s">
        <v>22</v>
      </c>
    </row>
    <row r="2528" spans="1:26" ht="24" customHeight="1" x14ac:dyDescent="0.2">
      <c r="A2528" s="9" t="s">
        <v>19770</v>
      </c>
      <c r="B2528" s="9" t="s">
        <v>14</v>
      </c>
      <c r="C2528" s="9" t="s">
        <v>12090</v>
      </c>
      <c r="D2528" s="6" t="s">
        <v>12091</v>
      </c>
      <c r="E2528" s="22">
        <v>44691</v>
      </c>
      <c r="F2528" s="22">
        <v>46516</v>
      </c>
      <c r="G2528" s="6" t="s">
        <v>12092</v>
      </c>
      <c r="H2528" s="6" t="s">
        <v>202</v>
      </c>
      <c r="I2528" s="6" t="s">
        <v>2629</v>
      </c>
      <c r="J2528" s="6" t="s">
        <v>12093</v>
      </c>
      <c r="K2528" s="9" t="s">
        <v>12094</v>
      </c>
      <c r="L2528" s="10" t="s">
        <v>22</v>
      </c>
      <c r="M2528" s="10" t="s">
        <v>22</v>
      </c>
      <c r="N2528" s="10" t="s">
        <v>22</v>
      </c>
      <c r="O2528" s="10" t="s">
        <v>22</v>
      </c>
      <c r="P2528" s="10" t="s">
        <v>22</v>
      </c>
      <c r="Q2528" s="10" t="s">
        <v>22</v>
      </c>
      <c r="R2528" s="10" t="s">
        <v>22</v>
      </c>
      <c r="S2528" s="10" t="s">
        <v>22</v>
      </c>
      <c r="T2528" s="10" t="s">
        <v>22</v>
      </c>
      <c r="U2528" s="10" t="s">
        <v>22</v>
      </c>
      <c r="V2528" s="10" t="s">
        <v>22</v>
      </c>
      <c r="W2528" s="10" t="s">
        <v>22</v>
      </c>
      <c r="X2528" s="10" t="s">
        <v>22</v>
      </c>
      <c r="Y2528" s="10" t="s">
        <v>22</v>
      </c>
      <c r="Z2528" s="10" t="s">
        <v>22</v>
      </c>
    </row>
    <row r="2529" spans="1:26" ht="24" customHeight="1" x14ac:dyDescent="0.2">
      <c r="A2529" s="9" t="s">
        <v>19771</v>
      </c>
      <c r="B2529" s="9" t="s">
        <v>14</v>
      </c>
      <c r="C2529" s="9" t="s">
        <v>12095</v>
      </c>
      <c r="D2529" s="6" t="s">
        <v>12096</v>
      </c>
      <c r="E2529" s="22">
        <v>44691</v>
      </c>
      <c r="F2529" s="22">
        <v>46516</v>
      </c>
      <c r="G2529" s="6" t="s">
        <v>12097</v>
      </c>
      <c r="H2529" s="6" t="s">
        <v>202</v>
      </c>
      <c r="I2529" s="6" t="s">
        <v>1707</v>
      </c>
      <c r="J2529" s="6" t="s">
        <v>16290</v>
      </c>
      <c r="K2529" s="9" t="s">
        <v>16291</v>
      </c>
      <c r="L2529" s="10" t="s">
        <v>22</v>
      </c>
      <c r="M2529" s="10" t="s">
        <v>22</v>
      </c>
      <c r="N2529" s="10" t="s">
        <v>22</v>
      </c>
      <c r="O2529" s="10" t="s">
        <v>22</v>
      </c>
      <c r="P2529" s="10" t="s">
        <v>22</v>
      </c>
      <c r="Q2529" s="10" t="s">
        <v>22</v>
      </c>
      <c r="R2529" s="10" t="s">
        <v>22</v>
      </c>
      <c r="S2529" s="10" t="s">
        <v>22</v>
      </c>
      <c r="T2529" s="10" t="s">
        <v>22</v>
      </c>
      <c r="U2529" s="10" t="s">
        <v>22</v>
      </c>
      <c r="V2529" s="10" t="s">
        <v>22</v>
      </c>
      <c r="W2529" s="10" t="s">
        <v>22</v>
      </c>
      <c r="X2529" s="10" t="s">
        <v>22</v>
      </c>
      <c r="Y2529" s="10" t="s">
        <v>22</v>
      </c>
      <c r="Z2529" s="10" t="s">
        <v>22</v>
      </c>
    </row>
    <row r="2530" spans="1:26" ht="24" customHeight="1" x14ac:dyDescent="0.2">
      <c r="A2530" s="9" t="s">
        <v>19772</v>
      </c>
      <c r="B2530" s="9" t="s">
        <v>14</v>
      </c>
      <c r="C2530" s="9" t="s">
        <v>12098</v>
      </c>
      <c r="D2530" s="6" t="s">
        <v>12099</v>
      </c>
      <c r="E2530" s="22">
        <v>44691</v>
      </c>
      <c r="F2530" s="22">
        <v>46516</v>
      </c>
      <c r="G2530" s="6" t="s">
        <v>12100</v>
      </c>
      <c r="H2530" s="6" t="s">
        <v>18</v>
      </c>
      <c r="I2530" s="6" t="s">
        <v>19</v>
      </c>
      <c r="J2530" s="6" t="s">
        <v>12101</v>
      </c>
      <c r="K2530" s="9" t="s">
        <v>12102</v>
      </c>
      <c r="L2530" s="10" t="s">
        <v>22</v>
      </c>
      <c r="M2530" s="10" t="s">
        <v>22</v>
      </c>
      <c r="N2530" s="10" t="s">
        <v>22</v>
      </c>
      <c r="O2530" s="10" t="s">
        <v>22</v>
      </c>
      <c r="P2530" s="10" t="s">
        <v>22</v>
      </c>
      <c r="Q2530" s="10" t="s">
        <v>22</v>
      </c>
      <c r="R2530" s="10" t="s">
        <v>22</v>
      </c>
      <c r="S2530" s="10" t="s">
        <v>22</v>
      </c>
      <c r="T2530" s="10" t="s">
        <v>22</v>
      </c>
      <c r="U2530" s="10" t="s">
        <v>22</v>
      </c>
      <c r="V2530" s="10" t="s">
        <v>22</v>
      </c>
      <c r="W2530" s="10" t="s">
        <v>22</v>
      </c>
      <c r="X2530" s="10" t="s">
        <v>22</v>
      </c>
      <c r="Y2530" s="10" t="s">
        <v>22</v>
      </c>
      <c r="Z2530" s="10" t="s">
        <v>22</v>
      </c>
    </row>
    <row r="2531" spans="1:26" ht="24" customHeight="1" x14ac:dyDescent="0.2">
      <c r="A2531" s="9" t="s">
        <v>19773</v>
      </c>
      <c r="B2531" s="9" t="s">
        <v>14</v>
      </c>
      <c r="C2531" s="9" t="s">
        <v>12103</v>
      </c>
      <c r="D2531" s="6" t="s">
        <v>12104</v>
      </c>
      <c r="E2531" s="22">
        <v>44691</v>
      </c>
      <c r="F2531" s="22">
        <v>46516</v>
      </c>
      <c r="G2531" s="6" t="s">
        <v>12105</v>
      </c>
      <c r="H2531" s="6" t="s">
        <v>18</v>
      </c>
      <c r="I2531" s="6" t="s">
        <v>1145</v>
      </c>
      <c r="J2531" s="6" t="s">
        <v>12106</v>
      </c>
      <c r="K2531" s="9" t="s">
        <v>12107</v>
      </c>
      <c r="L2531" s="10" t="s">
        <v>22</v>
      </c>
      <c r="M2531" s="10" t="s">
        <v>22</v>
      </c>
      <c r="N2531" s="10" t="s">
        <v>22</v>
      </c>
      <c r="O2531" s="10" t="s">
        <v>22</v>
      </c>
      <c r="P2531" s="10" t="s">
        <v>22</v>
      </c>
      <c r="Q2531" s="10" t="s">
        <v>22</v>
      </c>
      <c r="R2531" s="10" t="s">
        <v>22</v>
      </c>
      <c r="S2531" s="10" t="s">
        <v>22</v>
      </c>
      <c r="T2531" s="10" t="s">
        <v>22</v>
      </c>
    </row>
    <row r="2532" spans="1:26" ht="24" customHeight="1" x14ac:dyDescent="0.2">
      <c r="A2532" s="9" t="s">
        <v>19774</v>
      </c>
      <c r="B2532" s="9" t="s">
        <v>14</v>
      </c>
      <c r="C2532" s="9" t="s">
        <v>12108</v>
      </c>
      <c r="D2532" s="6" t="s">
        <v>12109</v>
      </c>
      <c r="E2532" s="22">
        <v>44701</v>
      </c>
      <c r="F2532" s="22">
        <v>46526</v>
      </c>
      <c r="G2532" s="6" t="s">
        <v>12110</v>
      </c>
      <c r="H2532" s="6" t="s">
        <v>363</v>
      </c>
      <c r="I2532" s="6" t="s">
        <v>646</v>
      </c>
      <c r="J2532" s="6" t="s">
        <v>12111</v>
      </c>
      <c r="K2532" s="9" t="s">
        <v>12112</v>
      </c>
      <c r="L2532" s="10" t="s">
        <v>22</v>
      </c>
      <c r="M2532" s="10" t="s">
        <v>22</v>
      </c>
      <c r="N2532" s="10" t="s">
        <v>22</v>
      </c>
      <c r="O2532" s="10" t="s">
        <v>22</v>
      </c>
      <c r="P2532" s="10" t="s">
        <v>22</v>
      </c>
      <c r="Q2532" s="10" t="s">
        <v>22</v>
      </c>
      <c r="R2532" s="10" t="s">
        <v>22</v>
      </c>
      <c r="S2532" s="10" t="s">
        <v>22</v>
      </c>
      <c r="T2532" s="10" t="s">
        <v>22</v>
      </c>
      <c r="U2532" s="10" t="s">
        <v>22</v>
      </c>
      <c r="V2532" s="10" t="s">
        <v>22</v>
      </c>
      <c r="W2532" s="10" t="s">
        <v>22</v>
      </c>
      <c r="X2532" s="10" t="s">
        <v>22</v>
      </c>
      <c r="Y2532" s="10" t="s">
        <v>22</v>
      </c>
      <c r="Z2532" s="10" t="s">
        <v>22</v>
      </c>
    </row>
    <row r="2533" spans="1:26" ht="24" customHeight="1" x14ac:dyDescent="0.2">
      <c r="A2533" s="9" t="s">
        <v>19775</v>
      </c>
      <c r="B2533" s="9" t="s">
        <v>14</v>
      </c>
      <c r="C2533" s="9" t="s">
        <v>12113</v>
      </c>
      <c r="D2533" s="6" t="s">
        <v>12114</v>
      </c>
      <c r="E2533" s="22">
        <v>44701</v>
      </c>
      <c r="F2533" s="22">
        <v>46526</v>
      </c>
      <c r="G2533" s="6" t="s">
        <v>12115</v>
      </c>
      <c r="H2533" s="6" t="s">
        <v>202</v>
      </c>
      <c r="I2533" s="6" t="s">
        <v>3050</v>
      </c>
      <c r="J2533" s="6" t="s">
        <v>12116</v>
      </c>
      <c r="K2533" s="9" t="s">
        <v>12117</v>
      </c>
      <c r="L2533" s="10" t="s">
        <v>22</v>
      </c>
      <c r="M2533" s="10" t="s">
        <v>22</v>
      </c>
      <c r="N2533" s="10" t="s">
        <v>22</v>
      </c>
      <c r="U2533" s="10" t="s">
        <v>22</v>
      </c>
      <c r="V2533" s="10" t="s">
        <v>22</v>
      </c>
      <c r="W2533" s="10" t="s">
        <v>22</v>
      </c>
    </row>
    <row r="2534" spans="1:26" ht="24" customHeight="1" x14ac:dyDescent="0.2">
      <c r="A2534" s="9" t="s">
        <v>19776</v>
      </c>
      <c r="B2534" s="9" t="s">
        <v>14</v>
      </c>
      <c r="C2534" s="9" t="s">
        <v>12118</v>
      </c>
      <c r="D2534" s="6" t="s">
        <v>12119</v>
      </c>
      <c r="E2534" s="22">
        <v>44701</v>
      </c>
      <c r="F2534" s="22">
        <v>46526</v>
      </c>
      <c r="G2534" s="6" t="s">
        <v>12120</v>
      </c>
      <c r="H2534" s="6" t="s">
        <v>363</v>
      </c>
      <c r="I2534" s="6" t="s">
        <v>597</v>
      </c>
      <c r="J2534" s="6" t="s">
        <v>12121</v>
      </c>
      <c r="K2534" s="9" t="s">
        <v>12122</v>
      </c>
      <c r="L2534" s="10" t="s">
        <v>22</v>
      </c>
      <c r="M2534" s="10" t="s">
        <v>22</v>
      </c>
      <c r="N2534" s="10" t="s">
        <v>22</v>
      </c>
      <c r="O2534" s="10" t="s">
        <v>22</v>
      </c>
      <c r="P2534" s="10" t="s">
        <v>22</v>
      </c>
      <c r="Q2534" s="10" t="s">
        <v>22</v>
      </c>
      <c r="R2534" s="10" t="s">
        <v>22</v>
      </c>
      <c r="S2534" s="10" t="s">
        <v>22</v>
      </c>
      <c r="T2534" s="10" t="s">
        <v>22</v>
      </c>
      <c r="U2534" s="10" t="s">
        <v>22</v>
      </c>
      <c r="V2534" s="10" t="s">
        <v>22</v>
      </c>
      <c r="W2534" s="10" t="s">
        <v>22</v>
      </c>
      <c r="X2534" s="10" t="s">
        <v>22</v>
      </c>
      <c r="Y2534" s="10" t="s">
        <v>22</v>
      </c>
      <c r="Z2534" s="10" t="s">
        <v>22</v>
      </c>
    </row>
    <row r="2535" spans="1:26" ht="24" customHeight="1" x14ac:dyDescent="0.2">
      <c r="A2535" s="9" t="s">
        <v>19777</v>
      </c>
      <c r="B2535" s="9" t="s">
        <v>14</v>
      </c>
      <c r="C2535" s="9" t="s">
        <v>12123</v>
      </c>
      <c r="D2535" s="6" t="s">
        <v>12124</v>
      </c>
      <c r="E2535" s="22">
        <v>44701</v>
      </c>
      <c r="F2535" s="22">
        <v>46526</v>
      </c>
      <c r="G2535" s="6" t="s">
        <v>12125</v>
      </c>
      <c r="H2535" s="6" t="s">
        <v>62</v>
      </c>
      <c r="I2535" s="6" t="s">
        <v>819</v>
      </c>
      <c r="J2535" s="6" t="s">
        <v>12126</v>
      </c>
      <c r="L2535" s="10" t="s">
        <v>22</v>
      </c>
      <c r="M2535" s="10" t="s">
        <v>22</v>
      </c>
      <c r="N2535" s="10" t="s">
        <v>22</v>
      </c>
      <c r="O2535" s="10" t="s">
        <v>22</v>
      </c>
      <c r="P2535" s="10" t="s">
        <v>22</v>
      </c>
      <c r="Q2535" s="10" t="s">
        <v>22</v>
      </c>
      <c r="R2535" s="10" t="s">
        <v>22</v>
      </c>
      <c r="S2535" s="10" t="s">
        <v>22</v>
      </c>
      <c r="T2535" s="10" t="s">
        <v>22</v>
      </c>
      <c r="U2535" s="10" t="s">
        <v>22</v>
      </c>
      <c r="V2535" s="10" t="s">
        <v>22</v>
      </c>
      <c r="W2535" s="10" t="s">
        <v>22</v>
      </c>
      <c r="X2535" s="10" t="s">
        <v>22</v>
      </c>
      <c r="Y2535" s="10" t="s">
        <v>22</v>
      </c>
      <c r="Z2535" s="10" t="s">
        <v>22</v>
      </c>
    </row>
    <row r="2536" spans="1:26" ht="24" customHeight="1" x14ac:dyDescent="0.2">
      <c r="A2536" s="9" t="s">
        <v>19778</v>
      </c>
      <c r="B2536" s="9" t="s">
        <v>14</v>
      </c>
      <c r="C2536" s="9" t="s">
        <v>12127</v>
      </c>
      <c r="D2536" s="6" t="s">
        <v>12128</v>
      </c>
      <c r="E2536" s="22">
        <v>44701</v>
      </c>
      <c r="F2536" s="22">
        <v>46526</v>
      </c>
      <c r="G2536" s="6" t="s">
        <v>12129</v>
      </c>
      <c r="H2536" s="6" t="s">
        <v>62</v>
      </c>
      <c r="I2536" s="6" t="s">
        <v>493</v>
      </c>
      <c r="J2536" s="6" t="s">
        <v>12130</v>
      </c>
      <c r="K2536" s="9" t="s">
        <v>12131</v>
      </c>
      <c r="L2536" s="10" t="s">
        <v>22</v>
      </c>
      <c r="M2536" s="10" t="s">
        <v>22</v>
      </c>
      <c r="N2536" s="10" t="s">
        <v>22</v>
      </c>
      <c r="O2536" s="10" t="s">
        <v>22</v>
      </c>
      <c r="P2536" s="10" t="s">
        <v>22</v>
      </c>
      <c r="Q2536" s="10" t="s">
        <v>22</v>
      </c>
      <c r="R2536" s="10" t="s">
        <v>22</v>
      </c>
      <c r="S2536" s="10" t="s">
        <v>22</v>
      </c>
      <c r="T2536" s="10" t="s">
        <v>22</v>
      </c>
      <c r="U2536" s="10" t="s">
        <v>22</v>
      </c>
      <c r="V2536" s="10" t="s">
        <v>22</v>
      </c>
      <c r="W2536" s="10" t="s">
        <v>22</v>
      </c>
      <c r="X2536" s="10" t="s">
        <v>22</v>
      </c>
      <c r="Y2536" s="10" t="s">
        <v>22</v>
      </c>
      <c r="Z2536" s="10" t="s">
        <v>22</v>
      </c>
    </row>
    <row r="2537" spans="1:26" ht="24" customHeight="1" x14ac:dyDescent="0.2">
      <c r="A2537" s="9" t="s">
        <v>19779</v>
      </c>
      <c r="B2537" s="9" t="s">
        <v>14</v>
      </c>
      <c r="C2537" s="9" t="s">
        <v>12132</v>
      </c>
      <c r="D2537" s="6" t="s">
        <v>12133</v>
      </c>
      <c r="E2537" s="22">
        <v>44701</v>
      </c>
      <c r="F2537" s="22">
        <v>46526</v>
      </c>
      <c r="G2537" s="6" t="s">
        <v>12134</v>
      </c>
      <c r="H2537" s="6" t="s">
        <v>18</v>
      </c>
      <c r="I2537" s="6" t="s">
        <v>19</v>
      </c>
      <c r="J2537" s="6" t="s">
        <v>12135</v>
      </c>
      <c r="K2537" s="9" t="s">
        <v>12136</v>
      </c>
      <c r="L2537" s="10" t="s">
        <v>22</v>
      </c>
      <c r="M2537" s="10" t="s">
        <v>22</v>
      </c>
      <c r="N2537" s="10" t="s">
        <v>22</v>
      </c>
      <c r="O2537" s="10" t="s">
        <v>22</v>
      </c>
      <c r="P2537" s="10" t="s">
        <v>22</v>
      </c>
      <c r="Q2537" s="10" t="s">
        <v>22</v>
      </c>
      <c r="R2537" s="10" t="s">
        <v>22</v>
      </c>
      <c r="S2537" s="10" t="s">
        <v>22</v>
      </c>
      <c r="T2537" s="10" t="s">
        <v>22</v>
      </c>
      <c r="U2537" s="10" t="s">
        <v>22</v>
      </c>
      <c r="V2537" s="10" t="s">
        <v>22</v>
      </c>
      <c r="W2537" s="10" t="s">
        <v>22</v>
      </c>
      <c r="X2537" s="10" t="s">
        <v>22</v>
      </c>
      <c r="Y2537" s="10" t="s">
        <v>22</v>
      </c>
      <c r="Z2537" s="10" t="s">
        <v>22</v>
      </c>
    </row>
    <row r="2538" spans="1:26" ht="24" customHeight="1" x14ac:dyDescent="0.2">
      <c r="A2538" s="9" t="s">
        <v>19780</v>
      </c>
      <c r="B2538" s="9" t="s">
        <v>14</v>
      </c>
      <c r="C2538" s="9" t="s">
        <v>12137</v>
      </c>
      <c r="D2538" s="6" t="s">
        <v>12138</v>
      </c>
      <c r="E2538" s="22">
        <v>44701</v>
      </c>
      <c r="F2538" s="22">
        <v>46526</v>
      </c>
      <c r="G2538" s="6" t="s">
        <v>12139</v>
      </c>
      <c r="H2538" s="6" t="s">
        <v>363</v>
      </c>
      <c r="I2538" s="6" t="s">
        <v>646</v>
      </c>
      <c r="J2538" s="6" t="s">
        <v>12140</v>
      </c>
      <c r="K2538" s="9" t="s">
        <v>12141</v>
      </c>
      <c r="L2538" s="10" t="s">
        <v>22</v>
      </c>
      <c r="M2538" s="10" t="s">
        <v>22</v>
      </c>
      <c r="N2538" s="10" t="s">
        <v>22</v>
      </c>
      <c r="O2538" s="10" t="s">
        <v>22</v>
      </c>
      <c r="P2538" s="10" t="s">
        <v>22</v>
      </c>
      <c r="Q2538" s="10" t="s">
        <v>22</v>
      </c>
      <c r="R2538" s="10" t="s">
        <v>22</v>
      </c>
      <c r="S2538" s="10" t="s">
        <v>22</v>
      </c>
      <c r="T2538" s="10" t="s">
        <v>22</v>
      </c>
      <c r="U2538" s="10" t="s">
        <v>22</v>
      </c>
      <c r="V2538" s="10" t="s">
        <v>22</v>
      </c>
      <c r="W2538" s="10" t="s">
        <v>22</v>
      </c>
      <c r="X2538" s="10" t="s">
        <v>22</v>
      </c>
      <c r="Y2538" s="10" t="s">
        <v>22</v>
      </c>
      <c r="Z2538" s="10" t="s">
        <v>22</v>
      </c>
    </row>
    <row r="2539" spans="1:26" ht="24" customHeight="1" x14ac:dyDescent="0.2">
      <c r="A2539" s="9" t="s">
        <v>19781</v>
      </c>
      <c r="B2539" s="9" t="s">
        <v>14</v>
      </c>
      <c r="C2539" s="9" t="s">
        <v>12142</v>
      </c>
      <c r="D2539" s="6" t="s">
        <v>12143</v>
      </c>
      <c r="E2539" s="22">
        <v>44701</v>
      </c>
      <c r="F2539" s="22">
        <v>46526</v>
      </c>
      <c r="G2539" s="6" t="s">
        <v>12144</v>
      </c>
      <c r="H2539" s="6" t="s">
        <v>62</v>
      </c>
      <c r="I2539" s="6" t="s">
        <v>2753</v>
      </c>
      <c r="J2539" s="6" t="s">
        <v>12145</v>
      </c>
      <c r="L2539" s="10" t="s">
        <v>22</v>
      </c>
      <c r="M2539" s="10" t="s">
        <v>22</v>
      </c>
      <c r="N2539" s="10" t="s">
        <v>22</v>
      </c>
      <c r="O2539" s="10" t="s">
        <v>22</v>
      </c>
      <c r="P2539" s="10" t="s">
        <v>22</v>
      </c>
      <c r="Q2539" s="10" t="s">
        <v>22</v>
      </c>
      <c r="R2539" s="10" t="s">
        <v>22</v>
      </c>
      <c r="S2539" s="10" t="s">
        <v>22</v>
      </c>
      <c r="T2539" s="10" t="s">
        <v>22</v>
      </c>
      <c r="U2539" s="10" t="s">
        <v>22</v>
      </c>
      <c r="V2539" s="10" t="s">
        <v>22</v>
      </c>
      <c r="W2539" s="10" t="s">
        <v>22</v>
      </c>
      <c r="X2539" s="10" t="s">
        <v>22</v>
      </c>
      <c r="Y2539" s="10" t="s">
        <v>22</v>
      </c>
      <c r="Z2539" s="10" t="s">
        <v>22</v>
      </c>
    </row>
    <row r="2540" spans="1:26" ht="24" customHeight="1" x14ac:dyDescent="0.2">
      <c r="A2540" s="9" t="s">
        <v>19782</v>
      </c>
      <c r="B2540" s="9" t="s">
        <v>14</v>
      </c>
      <c r="C2540" s="9" t="s">
        <v>12146</v>
      </c>
      <c r="D2540" s="6" t="s">
        <v>12147</v>
      </c>
      <c r="E2540" s="22">
        <v>44705</v>
      </c>
      <c r="F2540" s="22">
        <v>46530</v>
      </c>
      <c r="G2540" s="6" t="s">
        <v>12148</v>
      </c>
      <c r="H2540" s="6" t="s">
        <v>62</v>
      </c>
      <c r="I2540" s="6" t="s">
        <v>1433</v>
      </c>
      <c r="J2540" s="6" t="s">
        <v>12149</v>
      </c>
      <c r="K2540" s="9" t="s">
        <v>12150</v>
      </c>
      <c r="L2540" s="10" t="s">
        <v>22</v>
      </c>
      <c r="M2540" s="10" t="s">
        <v>22</v>
      </c>
      <c r="N2540" s="10" t="s">
        <v>22</v>
      </c>
      <c r="O2540" s="10" t="s">
        <v>22</v>
      </c>
      <c r="P2540" s="10" t="s">
        <v>22</v>
      </c>
      <c r="Q2540" s="10" t="s">
        <v>22</v>
      </c>
      <c r="R2540" s="10" t="s">
        <v>22</v>
      </c>
      <c r="S2540" s="10" t="s">
        <v>22</v>
      </c>
      <c r="T2540" s="10" t="s">
        <v>22</v>
      </c>
      <c r="U2540" s="10" t="s">
        <v>22</v>
      </c>
      <c r="V2540" s="10" t="s">
        <v>22</v>
      </c>
      <c r="W2540" s="10" t="s">
        <v>22</v>
      </c>
      <c r="X2540" s="10" t="s">
        <v>22</v>
      </c>
      <c r="Y2540" s="10" t="s">
        <v>22</v>
      </c>
      <c r="Z2540" s="10" t="s">
        <v>22</v>
      </c>
    </row>
    <row r="2541" spans="1:26" ht="24" customHeight="1" x14ac:dyDescent="0.2">
      <c r="A2541" s="9" t="s">
        <v>19783</v>
      </c>
      <c r="B2541" s="9" t="s">
        <v>14</v>
      </c>
      <c r="C2541" s="9" t="s">
        <v>12151</v>
      </c>
      <c r="D2541" s="6" t="s">
        <v>12152</v>
      </c>
      <c r="E2541" s="22">
        <v>44705</v>
      </c>
      <c r="F2541" s="22">
        <v>46530</v>
      </c>
      <c r="G2541" s="6" t="s">
        <v>12153</v>
      </c>
      <c r="H2541" s="6" t="s">
        <v>202</v>
      </c>
      <c r="I2541" s="6" t="s">
        <v>873</v>
      </c>
      <c r="J2541" s="6" t="s">
        <v>12154</v>
      </c>
      <c r="K2541" s="9" t="s">
        <v>12155</v>
      </c>
      <c r="L2541" s="10" t="s">
        <v>22</v>
      </c>
      <c r="M2541" s="10" t="s">
        <v>22</v>
      </c>
      <c r="N2541" s="10" t="s">
        <v>22</v>
      </c>
      <c r="O2541" s="10" t="s">
        <v>22</v>
      </c>
      <c r="P2541" s="10" t="s">
        <v>22</v>
      </c>
      <c r="Q2541" s="10" t="s">
        <v>22</v>
      </c>
      <c r="U2541" s="10" t="s">
        <v>22</v>
      </c>
      <c r="V2541" s="10" t="s">
        <v>22</v>
      </c>
      <c r="W2541" s="10" t="s">
        <v>22</v>
      </c>
      <c r="X2541" s="10" t="s">
        <v>22</v>
      </c>
      <c r="Y2541" s="10" t="s">
        <v>22</v>
      </c>
      <c r="Z2541" s="10" t="s">
        <v>22</v>
      </c>
    </row>
    <row r="2542" spans="1:26" ht="24" customHeight="1" x14ac:dyDescent="0.2">
      <c r="A2542" s="9" t="s">
        <v>19784</v>
      </c>
      <c r="B2542" s="9" t="s">
        <v>14</v>
      </c>
      <c r="C2542" s="9" t="s">
        <v>12156</v>
      </c>
      <c r="D2542" s="6" t="s">
        <v>12157</v>
      </c>
      <c r="E2542" s="22">
        <v>44712</v>
      </c>
      <c r="F2542" s="22">
        <v>46537</v>
      </c>
      <c r="G2542" s="6" t="s">
        <v>12158</v>
      </c>
      <c r="H2542" s="6" t="s">
        <v>363</v>
      </c>
      <c r="I2542" s="6" t="s">
        <v>4334</v>
      </c>
      <c r="J2542" s="6" t="s">
        <v>12159</v>
      </c>
      <c r="K2542" s="9" t="s">
        <v>12160</v>
      </c>
      <c r="L2542" s="10" t="s">
        <v>22</v>
      </c>
      <c r="M2542" s="10" t="s">
        <v>22</v>
      </c>
      <c r="N2542" s="10" t="s">
        <v>22</v>
      </c>
      <c r="O2542" s="10" t="s">
        <v>22</v>
      </c>
      <c r="P2542" s="10" t="s">
        <v>22</v>
      </c>
      <c r="Q2542" s="10" t="s">
        <v>22</v>
      </c>
      <c r="R2542" s="10" t="s">
        <v>22</v>
      </c>
      <c r="S2542" s="10" t="s">
        <v>22</v>
      </c>
      <c r="T2542" s="10" t="s">
        <v>22</v>
      </c>
      <c r="U2542" s="10" t="s">
        <v>22</v>
      </c>
      <c r="V2542" s="10" t="s">
        <v>22</v>
      </c>
      <c r="W2542" s="10" t="s">
        <v>22</v>
      </c>
      <c r="X2542" s="10" t="s">
        <v>22</v>
      </c>
      <c r="Y2542" s="10" t="s">
        <v>22</v>
      </c>
      <c r="Z2542" s="10" t="s">
        <v>22</v>
      </c>
    </row>
    <row r="2543" spans="1:26" ht="24" customHeight="1" x14ac:dyDescent="0.2">
      <c r="A2543" s="9" t="s">
        <v>19785</v>
      </c>
      <c r="B2543" s="9" t="s">
        <v>14</v>
      </c>
      <c r="C2543" s="9" t="s">
        <v>12161</v>
      </c>
      <c r="D2543" s="6" t="s">
        <v>12162</v>
      </c>
      <c r="E2543" s="22">
        <v>44712</v>
      </c>
      <c r="F2543" s="22">
        <v>46537</v>
      </c>
      <c r="G2543" s="6" t="s">
        <v>12163</v>
      </c>
      <c r="H2543" s="6" t="s">
        <v>229</v>
      </c>
      <c r="I2543" s="6" t="s">
        <v>12164</v>
      </c>
      <c r="J2543" s="6" t="s">
        <v>12165</v>
      </c>
      <c r="K2543" s="9" t="s">
        <v>12166</v>
      </c>
      <c r="L2543" s="10" t="s">
        <v>22</v>
      </c>
      <c r="M2543" s="10" t="s">
        <v>22</v>
      </c>
      <c r="N2543" s="10" t="s">
        <v>22</v>
      </c>
      <c r="O2543" s="10" t="s">
        <v>22</v>
      </c>
      <c r="P2543" s="10" t="s">
        <v>22</v>
      </c>
      <c r="Q2543" s="10" t="s">
        <v>22</v>
      </c>
      <c r="R2543" s="10" t="s">
        <v>22</v>
      </c>
      <c r="S2543" s="10" t="s">
        <v>22</v>
      </c>
      <c r="T2543" s="10" t="s">
        <v>22</v>
      </c>
      <c r="U2543" s="10" t="s">
        <v>22</v>
      </c>
      <c r="V2543" s="10" t="s">
        <v>22</v>
      </c>
      <c r="W2543" s="10" t="s">
        <v>22</v>
      </c>
      <c r="X2543" s="10" t="s">
        <v>22</v>
      </c>
      <c r="Y2543" s="10" t="s">
        <v>22</v>
      </c>
      <c r="Z2543" s="10" t="s">
        <v>22</v>
      </c>
    </row>
    <row r="2544" spans="1:26" ht="24" customHeight="1" x14ac:dyDescent="0.2">
      <c r="A2544" s="9" t="s">
        <v>19786</v>
      </c>
      <c r="B2544" s="9" t="s">
        <v>14</v>
      </c>
      <c r="C2544" s="9" t="s">
        <v>12167</v>
      </c>
      <c r="D2544" s="6" t="s">
        <v>12168</v>
      </c>
      <c r="E2544" s="22">
        <v>44719</v>
      </c>
      <c r="F2544" s="22">
        <v>46544</v>
      </c>
      <c r="G2544" s="6" t="s">
        <v>12169</v>
      </c>
      <c r="H2544" s="6" t="s">
        <v>202</v>
      </c>
      <c r="I2544" s="6" t="s">
        <v>879</v>
      </c>
      <c r="J2544" s="6" t="s">
        <v>12170</v>
      </c>
      <c r="K2544" s="9" t="s">
        <v>12171</v>
      </c>
      <c r="L2544" s="10" t="s">
        <v>22</v>
      </c>
      <c r="M2544" s="10" t="s">
        <v>22</v>
      </c>
      <c r="N2544" s="10" t="s">
        <v>22</v>
      </c>
      <c r="U2544" s="10" t="s">
        <v>22</v>
      </c>
      <c r="V2544" s="10" t="s">
        <v>22</v>
      </c>
      <c r="W2544" s="10" t="s">
        <v>22</v>
      </c>
    </row>
    <row r="2545" spans="1:26" ht="24" customHeight="1" x14ac:dyDescent="0.2">
      <c r="A2545" s="9" t="s">
        <v>19787</v>
      </c>
      <c r="B2545" s="9" t="s">
        <v>14</v>
      </c>
      <c r="C2545" s="9" t="s">
        <v>12172</v>
      </c>
      <c r="D2545" s="6" t="s">
        <v>12173</v>
      </c>
      <c r="E2545" s="22">
        <v>44719</v>
      </c>
      <c r="F2545" s="22">
        <v>46544</v>
      </c>
      <c r="G2545" s="6" t="s">
        <v>12174</v>
      </c>
      <c r="H2545" s="6" t="s">
        <v>18</v>
      </c>
      <c r="I2545" s="6" t="s">
        <v>26</v>
      </c>
      <c r="J2545" s="6" t="s">
        <v>12175</v>
      </c>
      <c r="K2545" s="9" t="s">
        <v>12176</v>
      </c>
      <c r="L2545" s="10" t="s">
        <v>22</v>
      </c>
      <c r="M2545" s="10" t="s">
        <v>22</v>
      </c>
      <c r="N2545" s="10" t="s">
        <v>22</v>
      </c>
      <c r="O2545" s="10" t="s">
        <v>22</v>
      </c>
      <c r="P2545" s="10" t="s">
        <v>22</v>
      </c>
      <c r="Q2545" s="10" t="s">
        <v>22</v>
      </c>
      <c r="U2545" s="10" t="s">
        <v>22</v>
      </c>
      <c r="V2545" s="10" t="s">
        <v>22</v>
      </c>
      <c r="W2545" s="10" t="s">
        <v>22</v>
      </c>
      <c r="X2545" s="10" t="s">
        <v>22</v>
      </c>
      <c r="Y2545" s="10" t="s">
        <v>22</v>
      </c>
      <c r="Z2545" s="10" t="s">
        <v>22</v>
      </c>
    </row>
    <row r="2546" spans="1:26" ht="24" customHeight="1" x14ac:dyDescent="0.2">
      <c r="A2546" s="9" t="s">
        <v>19788</v>
      </c>
      <c r="B2546" s="9" t="s">
        <v>14</v>
      </c>
      <c r="C2546" s="9" t="s">
        <v>12177</v>
      </c>
      <c r="D2546" s="6" t="s">
        <v>12178</v>
      </c>
      <c r="E2546" s="22">
        <v>44721</v>
      </c>
      <c r="F2546" s="22">
        <v>46546</v>
      </c>
      <c r="G2546" s="6" t="s">
        <v>12179</v>
      </c>
      <c r="H2546" s="6" t="s">
        <v>62</v>
      </c>
      <c r="I2546" s="6" t="s">
        <v>551</v>
      </c>
      <c r="J2546" s="6" t="s">
        <v>12180</v>
      </c>
      <c r="K2546" s="9" t="s">
        <v>12181</v>
      </c>
      <c r="L2546" s="10" t="s">
        <v>22</v>
      </c>
      <c r="M2546" s="10" t="s">
        <v>22</v>
      </c>
      <c r="N2546" s="10" t="s">
        <v>22</v>
      </c>
      <c r="O2546" s="10" t="s">
        <v>22</v>
      </c>
      <c r="P2546" s="10" t="s">
        <v>22</v>
      </c>
      <c r="Q2546" s="10" t="s">
        <v>22</v>
      </c>
      <c r="R2546" s="10" t="s">
        <v>22</v>
      </c>
      <c r="S2546" s="10" t="s">
        <v>22</v>
      </c>
      <c r="T2546" s="10" t="s">
        <v>22</v>
      </c>
      <c r="U2546" s="10" t="s">
        <v>22</v>
      </c>
      <c r="V2546" s="10" t="s">
        <v>22</v>
      </c>
      <c r="W2546" s="10" t="s">
        <v>22</v>
      </c>
      <c r="X2546" s="10" t="s">
        <v>22</v>
      </c>
      <c r="Y2546" s="10" t="s">
        <v>22</v>
      </c>
      <c r="Z2546" s="10" t="s">
        <v>22</v>
      </c>
    </row>
    <row r="2547" spans="1:26" ht="24" customHeight="1" x14ac:dyDescent="0.2">
      <c r="A2547" s="9" t="s">
        <v>19789</v>
      </c>
      <c r="B2547" s="9" t="s">
        <v>14</v>
      </c>
      <c r="C2547" s="9" t="s">
        <v>12182</v>
      </c>
      <c r="D2547" s="6" t="s">
        <v>12183</v>
      </c>
      <c r="E2547" s="22">
        <v>44721</v>
      </c>
      <c r="F2547" s="22">
        <v>46546</v>
      </c>
      <c r="G2547" s="6" t="s">
        <v>12184</v>
      </c>
      <c r="H2547" s="6" t="s">
        <v>62</v>
      </c>
      <c r="I2547" s="6" t="s">
        <v>4879</v>
      </c>
      <c r="J2547" s="6" t="s">
        <v>12185</v>
      </c>
      <c r="K2547" s="9" t="s">
        <v>12186</v>
      </c>
      <c r="L2547" s="10" t="s">
        <v>22</v>
      </c>
      <c r="M2547" s="10" t="s">
        <v>22</v>
      </c>
      <c r="N2547" s="10" t="s">
        <v>22</v>
      </c>
      <c r="O2547" s="10" t="s">
        <v>22</v>
      </c>
      <c r="P2547" s="10" t="s">
        <v>22</v>
      </c>
      <c r="Q2547" s="10" t="s">
        <v>22</v>
      </c>
      <c r="R2547" s="10" t="s">
        <v>22</v>
      </c>
      <c r="S2547" s="10" t="s">
        <v>22</v>
      </c>
      <c r="T2547" s="10" t="s">
        <v>22</v>
      </c>
      <c r="U2547" s="10" t="s">
        <v>22</v>
      </c>
      <c r="V2547" s="10" t="s">
        <v>22</v>
      </c>
      <c r="W2547" s="10" t="s">
        <v>22</v>
      </c>
      <c r="X2547" s="10" t="s">
        <v>22</v>
      </c>
      <c r="Y2547" s="10" t="s">
        <v>22</v>
      </c>
      <c r="Z2547" s="10" t="s">
        <v>22</v>
      </c>
    </row>
    <row r="2548" spans="1:26" ht="24" customHeight="1" x14ac:dyDescent="0.2">
      <c r="A2548" s="9" t="s">
        <v>19790</v>
      </c>
      <c r="B2548" s="9" t="s">
        <v>14</v>
      </c>
      <c r="C2548" s="9" t="s">
        <v>12187</v>
      </c>
      <c r="D2548" s="6" t="s">
        <v>12188</v>
      </c>
      <c r="E2548" s="22">
        <v>44721</v>
      </c>
      <c r="F2548" s="22">
        <v>46546</v>
      </c>
      <c r="G2548" s="6" t="s">
        <v>12189</v>
      </c>
      <c r="H2548" s="6" t="s">
        <v>18</v>
      </c>
      <c r="I2548" s="6" t="s">
        <v>19</v>
      </c>
      <c r="J2548" s="6" t="s">
        <v>12190</v>
      </c>
      <c r="M2548" s="10" t="s">
        <v>22</v>
      </c>
      <c r="N2548" s="10" t="s">
        <v>22</v>
      </c>
      <c r="P2548" s="10" t="s">
        <v>22</v>
      </c>
      <c r="Q2548" s="10" t="s">
        <v>22</v>
      </c>
      <c r="V2548" s="10" t="s">
        <v>22</v>
      </c>
      <c r="W2548" s="10" t="s">
        <v>22</v>
      </c>
      <c r="Y2548" s="10" t="s">
        <v>22</v>
      </c>
      <c r="Z2548" s="10" t="s">
        <v>22</v>
      </c>
    </row>
    <row r="2549" spans="1:26" ht="24" customHeight="1" x14ac:dyDescent="0.2">
      <c r="A2549" s="9" t="s">
        <v>19791</v>
      </c>
      <c r="B2549" s="9" t="s">
        <v>14</v>
      </c>
      <c r="C2549" s="9" t="s">
        <v>12191</v>
      </c>
      <c r="D2549" s="6" t="s">
        <v>12192</v>
      </c>
      <c r="E2549" s="22">
        <v>44722</v>
      </c>
      <c r="F2549" s="22">
        <v>46547</v>
      </c>
      <c r="G2549" s="6" t="s">
        <v>12193</v>
      </c>
      <c r="H2549" s="6" t="s">
        <v>62</v>
      </c>
      <c r="I2549" s="6" t="s">
        <v>236</v>
      </c>
      <c r="J2549" s="6" t="s">
        <v>16292</v>
      </c>
      <c r="K2549" s="9" t="s">
        <v>16293</v>
      </c>
      <c r="L2549" s="10" t="s">
        <v>22</v>
      </c>
      <c r="M2549" s="10" t="s">
        <v>22</v>
      </c>
      <c r="N2549" s="10" t="s">
        <v>22</v>
      </c>
      <c r="O2549" s="10" t="s">
        <v>22</v>
      </c>
      <c r="P2549" s="10" t="s">
        <v>22</v>
      </c>
      <c r="Q2549" s="10" t="s">
        <v>22</v>
      </c>
      <c r="R2549" s="10" t="s">
        <v>22</v>
      </c>
      <c r="S2549" s="10" t="s">
        <v>22</v>
      </c>
      <c r="T2549" s="10" t="s">
        <v>22</v>
      </c>
      <c r="U2549" s="10" t="s">
        <v>22</v>
      </c>
      <c r="V2549" s="10" t="s">
        <v>22</v>
      </c>
      <c r="W2549" s="10" t="s">
        <v>22</v>
      </c>
      <c r="X2549" s="10" t="s">
        <v>22</v>
      </c>
      <c r="Y2549" s="10" t="s">
        <v>22</v>
      </c>
      <c r="Z2549" s="10" t="s">
        <v>22</v>
      </c>
    </row>
    <row r="2550" spans="1:26" ht="24" customHeight="1" x14ac:dyDescent="0.2">
      <c r="A2550" s="9" t="s">
        <v>19792</v>
      </c>
      <c r="B2550" s="9" t="s">
        <v>14</v>
      </c>
      <c r="C2550" s="9" t="s">
        <v>12194</v>
      </c>
      <c r="D2550" s="6" t="s">
        <v>12195</v>
      </c>
      <c r="E2550" s="22">
        <v>44722</v>
      </c>
      <c r="F2550" s="22">
        <v>46547</v>
      </c>
      <c r="G2550" s="6" t="s">
        <v>12196</v>
      </c>
      <c r="H2550" s="6" t="s">
        <v>202</v>
      </c>
      <c r="I2550" s="6" t="s">
        <v>1170</v>
      </c>
      <c r="J2550" s="6" t="s">
        <v>12197</v>
      </c>
      <c r="K2550" s="9" t="s">
        <v>12198</v>
      </c>
      <c r="L2550" s="10" t="s">
        <v>22</v>
      </c>
      <c r="M2550" s="10" t="s">
        <v>22</v>
      </c>
      <c r="N2550" s="10" t="s">
        <v>22</v>
      </c>
      <c r="O2550" s="10" t="s">
        <v>22</v>
      </c>
      <c r="P2550" s="10" t="s">
        <v>22</v>
      </c>
      <c r="Q2550" s="10" t="s">
        <v>22</v>
      </c>
      <c r="R2550" s="10" t="s">
        <v>22</v>
      </c>
      <c r="S2550" s="10" t="s">
        <v>22</v>
      </c>
      <c r="T2550" s="10" t="s">
        <v>22</v>
      </c>
      <c r="U2550" s="10" t="s">
        <v>22</v>
      </c>
      <c r="V2550" s="10" t="s">
        <v>22</v>
      </c>
      <c r="W2550" s="10" t="s">
        <v>22</v>
      </c>
      <c r="X2550" s="10" t="s">
        <v>22</v>
      </c>
      <c r="Y2550" s="10" t="s">
        <v>22</v>
      </c>
      <c r="Z2550" s="10" t="s">
        <v>22</v>
      </c>
    </row>
    <row r="2551" spans="1:26" ht="24" customHeight="1" x14ac:dyDescent="0.2">
      <c r="A2551" s="9" t="s">
        <v>19793</v>
      </c>
      <c r="B2551" s="9" t="s">
        <v>14</v>
      </c>
      <c r="C2551" s="9" t="s">
        <v>12199</v>
      </c>
      <c r="D2551" s="6" t="s">
        <v>12200</v>
      </c>
      <c r="E2551" s="22">
        <v>44722</v>
      </c>
      <c r="F2551" s="22">
        <v>46547</v>
      </c>
      <c r="G2551" s="6" t="s">
        <v>12201</v>
      </c>
      <c r="H2551" s="6" t="s">
        <v>62</v>
      </c>
      <c r="I2551" s="6" t="s">
        <v>1141</v>
      </c>
      <c r="J2551" s="6" t="s">
        <v>12202</v>
      </c>
      <c r="K2551" s="9" t="s">
        <v>12203</v>
      </c>
      <c r="M2551" s="10" t="s">
        <v>22</v>
      </c>
      <c r="N2551" s="10" t="s">
        <v>22</v>
      </c>
      <c r="V2551" s="10" t="s">
        <v>22</v>
      </c>
      <c r="W2551" s="10" t="s">
        <v>22</v>
      </c>
    </row>
    <row r="2552" spans="1:26" ht="24" customHeight="1" x14ac:dyDescent="0.2">
      <c r="A2552" s="9" t="s">
        <v>19794</v>
      </c>
      <c r="B2552" s="9" t="s">
        <v>14</v>
      </c>
      <c r="C2552" s="9" t="s">
        <v>12204</v>
      </c>
      <c r="D2552" s="6" t="s">
        <v>12205</v>
      </c>
      <c r="E2552" s="22">
        <v>44722</v>
      </c>
      <c r="F2552" s="22">
        <v>46547</v>
      </c>
      <c r="G2552" s="6" t="s">
        <v>12206</v>
      </c>
      <c r="H2552" s="6" t="s">
        <v>18</v>
      </c>
      <c r="I2552" s="6" t="s">
        <v>19</v>
      </c>
      <c r="J2552" s="6" t="s">
        <v>12207</v>
      </c>
      <c r="K2552" s="9" t="s">
        <v>12208</v>
      </c>
      <c r="M2552" s="10" t="s">
        <v>22</v>
      </c>
      <c r="N2552" s="10" t="s">
        <v>22</v>
      </c>
      <c r="V2552" s="10" t="s">
        <v>22</v>
      </c>
      <c r="W2552" s="10" t="s">
        <v>22</v>
      </c>
    </row>
    <row r="2553" spans="1:26" ht="24" customHeight="1" x14ac:dyDescent="0.2">
      <c r="A2553" s="9" t="s">
        <v>19795</v>
      </c>
      <c r="B2553" s="9" t="s">
        <v>14</v>
      </c>
      <c r="C2553" s="9" t="s">
        <v>12209</v>
      </c>
      <c r="D2553" s="6" t="s">
        <v>12210</v>
      </c>
      <c r="E2553" s="22">
        <v>44722</v>
      </c>
      <c r="F2553" s="22">
        <v>46547</v>
      </c>
      <c r="G2553" s="6" t="s">
        <v>12211</v>
      </c>
      <c r="H2553" s="6" t="s">
        <v>1625</v>
      </c>
      <c r="I2553" s="6" t="s">
        <v>3160</v>
      </c>
      <c r="J2553" s="6" t="s">
        <v>12212</v>
      </c>
      <c r="K2553" s="9" t="s">
        <v>12213</v>
      </c>
      <c r="L2553" s="10" t="s">
        <v>22</v>
      </c>
      <c r="M2553" s="10" t="s">
        <v>22</v>
      </c>
      <c r="N2553" s="10" t="s">
        <v>22</v>
      </c>
      <c r="O2553" s="10" t="s">
        <v>22</v>
      </c>
      <c r="P2553" s="10" t="s">
        <v>22</v>
      </c>
      <c r="Q2553" s="10" t="s">
        <v>22</v>
      </c>
      <c r="U2553" s="10" t="s">
        <v>22</v>
      </c>
      <c r="V2553" s="10" t="s">
        <v>22</v>
      </c>
      <c r="W2553" s="10" t="s">
        <v>22</v>
      </c>
      <c r="X2553" s="10" t="s">
        <v>22</v>
      </c>
      <c r="Y2553" s="10" t="s">
        <v>22</v>
      </c>
      <c r="Z2553" s="10" t="s">
        <v>22</v>
      </c>
    </row>
    <row r="2554" spans="1:26" ht="24" customHeight="1" x14ac:dyDescent="0.2">
      <c r="A2554" s="9" t="s">
        <v>19796</v>
      </c>
      <c r="B2554" s="9" t="s">
        <v>14</v>
      </c>
      <c r="C2554" s="9" t="s">
        <v>12214</v>
      </c>
      <c r="D2554" s="6" t="s">
        <v>12215</v>
      </c>
      <c r="E2554" s="22">
        <v>44736</v>
      </c>
      <c r="F2554" s="22">
        <v>46561</v>
      </c>
      <c r="G2554" s="6" t="s">
        <v>12216</v>
      </c>
      <c r="H2554" s="6" t="s">
        <v>202</v>
      </c>
      <c r="I2554" s="6" t="s">
        <v>863</v>
      </c>
      <c r="J2554" s="6" t="s">
        <v>12217</v>
      </c>
      <c r="L2554" s="10" t="s">
        <v>22</v>
      </c>
      <c r="M2554" s="10" t="s">
        <v>22</v>
      </c>
      <c r="N2554" s="10" t="s">
        <v>22</v>
      </c>
      <c r="O2554" s="10" t="s">
        <v>22</v>
      </c>
      <c r="P2554" s="10" t="s">
        <v>22</v>
      </c>
      <c r="Q2554" s="10" t="s">
        <v>22</v>
      </c>
      <c r="R2554" s="10" t="s">
        <v>22</v>
      </c>
      <c r="S2554" s="10" t="s">
        <v>22</v>
      </c>
      <c r="T2554" s="10" t="s">
        <v>22</v>
      </c>
    </row>
    <row r="2555" spans="1:26" ht="24" customHeight="1" x14ac:dyDescent="0.2">
      <c r="A2555" s="9" t="s">
        <v>19797</v>
      </c>
      <c r="B2555" s="9" t="s">
        <v>14</v>
      </c>
      <c r="C2555" s="9" t="s">
        <v>12218</v>
      </c>
      <c r="D2555" s="6" t="s">
        <v>12219</v>
      </c>
      <c r="E2555" s="22">
        <v>44736</v>
      </c>
      <c r="F2555" s="22">
        <v>46561</v>
      </c>
      <c r="G2555" s="6" t="s">
        <v>12220</v>
      </c>
      <c r="H2555" s="6" t="s">
        <v>2368</v>
      </c>
      <c r="I2555" s="6" t="s">
        <v>2369</v>
      </c>
      <c r="J2555" s="6" t="s">
        <v>12221</v>
      </c>
      <c r="K2555" s="9" t="s">
        <v>12222</v>
      </c>
      <c r="L2555" s="10" t="s">
        <v>22</v>
      </c>
      <c r="M2555" s="10" t="s">
        <v>22</v>
      </c>
      <c r="N2555" s="10" t="s">
        <v>22</v>
      </c>
      <c r="O2555" s="10" t="s">
        <v>22</v>
      </c>
      <c r="P2555" s="10" t="s">
        <v>22</v>
      </c>
      <c r="Q2555" s="10" t="s">
        <v>22</v>
      </c>
      <c r="R2555" s="10" t="s">
        <v>22</v>
      </c>
      <c r="S2555" s="10" t="s">
        <v>22</v>
      </c>
      <c r="T2555" s="10" t="s">
        <v>22</v>
      </c>
      <c r="U2555" s="10" t="s">
        <v>22</v>
      </c>
      <c r="V2555" s="10" t="s">
        <v>22</v>
      </c>
      <c r="W2555" s="10" t="s">
        <v>22</v>
      </c>
      <c r="X2555" s="10" t="s">
        <v>22</v>
      </c>
      <c r="Y2555" s="10" t="s">
        <v>22</v>
      </c>
      <c r="Z2555" s="10" t="s">
        <v>22</v>
      </c>
    </row>
    <row r="2556" spans="1:26" ht="24" customHeight="1" x14ac:dyDescent="0.2">
      <c r="A2556" s="9" t="s">
        <v>19798</v>
      </c>
      <c r="B2556" s="9" t="s">
        <v>14</v>
      </c>
      <c r="C2556" s="9" t="s">
        <v>12223</v>
      </c>
      <c r="D2556" s="6" t="s">
        <v>12224</v>
      </c>
      <c r="E2556" s="22">
        <v>44736</v>
      </c>
      <c r="F2556" s="22">
        <v>46561</v>
      </c>
      <c r="G2556" s="6" t="s">
        <v>12225</v>
      </c>
      <c r="H2556" s="6" t="s">
        <v>62</v>
      </c>
      <c r="I2556" s="6" t="s">
        <v>186</v>
      </c>
      <c r="J2556" s="6" t="s">
        <v>12226</v>
      </c>
      <c r="L2556" s="10" t="s">
        <v>22</v>
      </c>
      <c r="M2556" s="10" t="s">
        <v>22</v>
      </c>
      <c r="N2556" s="10" t="s">
        <v>22</v>
      </c>
      <c r="O2556" s="10" t="s">
        <v>22</v>
      </c>
      <c r="P2556" s="10" t="s">
        <v>22</v>
      </c>
      <c r="Q2556" s="10" t="s">
        <v>22</v>
      </c>
      <c r="R2556" s="10" t="s">
        <v>22</v>
      </c>
      <c r="S2556" s="10" t="s">
        <v>22</v>
      </c>
      <c r="T2556" s="10" t="s">
        <v>22</v>
      </c>
      <c r="U2556" s="10" t="s">
        <v>22</v>
      </c>
      <c r="V2556" s="10" t="s">
        <v>22</v>
      </c>
      <c r="W2556" s="10" t="s">
        <v>22</v>
      </c>
      <c r="X2556" s="10" t="s">
        <v>22</v>
      </c>
      <c r="Y2556" s="10" t="s">
        <v>22</v>
      </c>
      <c r="Z2556" s="10" t="s">
        <v>22</v>
      </c>
    </row>
    <row r="2557" spans="1:26" ht="24" customHeight="1" x14ac:dyDescent="0.2">
      <c r="A2557" s="9" t="s">
        <v>19799</v>
      </c>
      <c r="B2557" s="9" t="s">
        <v>14</v>
      </c>
      <c r="C2557" s="9" t="s">
        <v>12227</v>
      </c>
      <c r="D2557" s="6" t="s">
        <v>12228</v>
      </c>
      <c r="E2557" s="22">
        <v>44741</v>
      </c>
      <c r="F2557" s="22">
        <v>46566</v>
      </c>
      <c r="G2557" s="6" t="s">
        <v>12229</v>
      </c>
      <c r="H2557" s="6" t="s">
        <v>62</v>
      </c>
      <c r="I2557" s="6" t="s">
        <v>414</v>
      </c>
      <c r="J2557" s="6" t="s">
        <v>12230</v>
      </c>
      <c r="K2557" s="9" t="s">
        <v>12231</v>
      </c>
      <c r="L2557" s="10" t="s">
        <v>22</v>
      </c>
      <c r="M2557" s="10" t="s">
        <v>22</v>
      </c>
      <c r="N2557" s="10" t="s">
        <v>22</v>
      </c>
      <c r="O2557" s="10" t="s">
        <v>22</v>
      </c>
      <c r="P2557" s="10" t="s">
        <v>22</v>
      </c>
      <c r="Q2557" s="10" t="s">
        <v>22</v>
      </c>
      <c r="U2557" s="10" t="s">
        <v>22</v>
      </c>
      <c r="V2557" s="10" t="s">
        <v>22</v>
      </c>
      <c r="W2557" s="10" t="s">
        <v>22</v>
      </c>
      <c r="X2557" s="10" t="s">
        <v>22</v>
      </c>
      <c r="Y2557" s="10" t="s">
        <v>22</v>
      </c>
      <c r="Z2557" s="10" t="s">
        <v>22</v>
      </c>
    </row>
    <row r="2558" spans="1:26" ht="24" customHeight="1" x14ac:dyDescent="0.2">
      <c r="A2558" s="9" t="s">
        <v>19800</v>
      </c>
      <c r="B2558" s="9" t="s">
        <v>14</v>
      </c>
      <c r="C2558" s="9" t="s">
        <v>12232</v>
      </c>
      <c r="D2558" s="6" t="s">
        <v>12233</v>
      </c>
      <c r="E2558" s="22">
        <v>44749</v>
      </c>
      <c r="F2558" s="22">
        <v>46574</v>
      </c>
      <c r="G2558" s="6" t="s">
        <v>12234</v>
      </c>
      <c r="H2558" s="6" t="s">
        <v>3283</v>
      </c>
      <c r="I2558" s="6" t="s">
        <v>3284</v>
      </c>
      <c r="J2558" s="6" t="s">
        <v>12235</v>
      </c>
      <c r="K2558" s="9" t="s">
        <v>12236</v>
      </c>
      <c r="L2558" s="10" t="s">
        <v>22</v>
      </c>
      <c r="M2558" s="10" t="s">
        <v>22</v>
      </c>
      <c r="N2558" s="10" t="s">
        <v>22</v>
      </c>
      <c r="O2558" s="10" t="s">
        <v>22</v>
      </c>
      <c r="P2558" s="10" t="s">
        <v>22</v>
      </c>
      <c r="Q2558" s="10" t="s">
        <v>22</v>
      </c>
      <c r="R2558" s="10" t="s">
        <v>22</v>
      </c>
      <c r="S2558" s="10" t="s">
        <v>22</v>
      </c>
      <c r="T2558" s="10" t="s">
        <v>22</v>
      </c>
      <c r="U2558" s="10" t="s">
        <v>22</v>
      </c>
      <c r="V2558" s="10" t="s">
        <v>22</v>
      </c>
      <c r="W2558" s="10" t="s">
        <v>22</v>
      </c>
      <c r="X2558" s="10" t="s">
        <v>22</v>
      </c>
      <c r="Y2558" s="10" t="s">
        <v>22</v>
      </c>
      <c r="Z2558" s="10" t="s">
        <v>22</v>
      </c>
    </row>
    <row r="2559" spans="1:26" ht="24" customHeight="1" x14ac:dyDescent="0.2">
      <c r="A2559" s="9" t="s">
        <v>19801</v>
      </c>
      <c r="B2559" s="9" t="s">
        <v>14</v>
      </c>
      <c r="C2559" s="9" t="s">
        <v>12237</v>
      </c>
      <c r="D2559" s="6" t="s">
        <v>12238</v>
      </c>
      <c r="E2559" s="22">
        <v>44749</v>
      </c>
      <c r="F2559" s="22">
        <v>46574</v>
      </c>
      <c r="G2559" s="6" t="s">
        <v>12239</v>
      </c>
      <c r="H2559" s="6" t="s">
        <v>202</v>
      </c>
      <c r="I2559" s="6" t="s">
        <v>5223</v>
      </c>
      <c r="J2559" s="6" t="s">
        <v>12240</v>
      </c>
      <c r="K2559" s="9" t="s">
        <v>12241</v>
      </c>
      <c r="L2559" s="10" t="s">
        <v>22</v>
      </c>
      <c r="M2559" s="10" t="s">
        <v>22</v>
      </c>
      <c r="N2559" s="10" t="s">
        <v>22</v>
      </c>
      <c r="O2559" s="10" t="s">
        <v>22</v>
      </c>
      <c r="P2559" s="10" t="s">
        <v>22</v>
      </c>
      <c r="Q2559" s="10" t="s">
        <v>22</v>
      </c>
      <c r="R2559" s="10" t="s">
        <v>22</v>
      </c>
      <c r="S2559" s="10" t="s">
        <v>22</v>
      </c>
      <c r="T2559" s="10" t="s">
        <v>22</v>
      </c>
      <c r="U2559" s="10" t="s">
        <v>22</v>
      </c>
      <c r="V2559" s="10" t="s">
        <v>22</v>
      </c>
      <c r="W2559" s="10" t="s">
        <v>22</v>
      </c>
      <c r="X2559" s="10" t="s">
        <v>22</v>
      </c>
      <c r="Y2559" s="10" t="s">
        <v>22</v>
      </c>
      <c r="Z2559" s="10" t="s">
        <v>22</v>
      </c>
    </row>
    <row r="2560" spans="1:26" ht="24" customHeight="1" x14ac:dyDescent="0.2">
      <c r="A2560" s="9" t="s">
        <v>19802</v>
      </c>
      <c r="B2560" s="9" t="s">
        <v>14</v>
      </c>
      <c r="C2560" s="9" t="s">
        <v>12242</v>
      </c>
      <c r="D2560" s="6" t="s">
        <v>12243</v>
      </c>
      <c r="E2560" s="22">
        <v>44749</v>
      </c>
      <c r="F2560" s="22">
        <v>46574</v>
      </c>
      <c r="G2560" s="6" t="s">
        <v>12244</v>
      </c>
      <c r="H2560" s="6" t="s">
        <v>18</v>
      </c>
      <c r="I2560" s="6" t="s">
        <v>19</v>
      </c>
      <c r="J2560" s="6" t="s">
        <v>12245</v>
      </c>
      <c r="K2560" s="9" t="s">
        <v>12246</v>
      </c>
      <c r="L2560" s="10" t="s">
        <v>22</v>
      </c>
      <c r="M2560" s="10" t="s">
        <v>22</v>
      </c>
      <c r="N2560" s="10" t="s">
        <v>22</v>
      </c>
      <c r="O2560" s="10" t="s">
        <v>22</v>
      </c>
      <c r="P2560" s="10" t="s">
        <v>22</v>
      </c>
      <c r="Q2560" s="10" t="s">
        <v>22</v>
      </c>
      <c r="R2560" s="10" t="s">
        <v>22</v>
      </c>
      <c r="S2560" s="10" t="s">
        <v>22</v>
      </c>
      <c r="T2560" s="10" t="s">
        <v>22</v>
      </c>
      <c r="U2560" s="10" t="s">
        <v>22</v>
      </c>
      <c r="V2560" s="10" t="s">
        <v>22</v>
      </c>
      <c r="W2560" s="10" t="s">
        <v>22</v>
      </c>
      <c r="X2560" s="10" t="s">
        <v>22</v>
      </c>
      <c r="Y2560" s="10" t="s">
        <v>22</v>
      </c>
      <c r="Z2560" s="10" t="s">
        <v>22</v>
      </c>
    </row>
    <row r="2561" spans="1:26" ht="24" customHeight="1" x14ac:dyDescent="0.2">
      <c r="A2561" s="9" t="s">
        <v>19803</v>
      </c>
      <c r="B2561" s="9" t="s">
        <v>14</v>
      </c>
      <c r="C2561" s="9" t="s">
        <v>12247</v>
      </c>
      <c r="D2561" s="6" t="s">
        <v>12248</v>
      </c>
      <c r="E2561" s="22">
        <v>44749</v>
      </c>
      <c r="F2561" s="22">
        <v>46574</v>
      </c>
      <c r="G2561" s="6" t="s">
        <v>12249</v>
      </c>
      <c r="H2561" s="6" t="s">
        <v>2368</v>
      </c>
      <c r="I2561" s="6" t="s">
        <v>11314</v>
      </c>
      <c r="J2561" s="6" t="s">
        <v>12250</v>
      </c>
      <c r="K2561" s="9" t="s">
        <v>12251</v>
      </c>
      <c r="L2561" s="10" t="s">
        <v>22</v>
      </c>
      <c r="M2561" s="10" t="s">
        <v>22</v>
      </c>
      <c r="N2561" s="10" t="s">
        <v>22</v>
      </c>
      <c r="O2561" s="10" t="s">
        <v>22</v>
      </c>
      <c r="P2561" s="10" t="s">
        <v>22</v>
      </c>
      <c r="Q2561" s="10" t="s">
        <v>22</v>
      </c>
      <c r="R2561" s="10" t="s">
        <v>22</v>
      </c>
      <c r="S2561" s="10" t="s">
        <v>22</v>
      </c>
      <c r="T2561" s="10" t="s">
        <v>22</v>
      </c>
      <c r="U2561" s="10" t="s">
        <v>22</v>
      </c>
      <c r="V2561" s="10" t="s">
        <v>22</v>
      </c>
      <c r="W2561" s="10" t="s">
        <v>22</v>
      </c>
      <c r="X2561" s="10" t="s">
        <v>22</v>
      </c>
      <c r="Y2561" s="10" t="s">
        <v>22</v>
      </c>
      <c r="Z2561" s="10" t="s">
        <v>22</v>
      </c>
    </row>
    <row r="2562" spans="1:26" ht="24" customHeight="1" x14ac:dyDescent="0.2">
      <c r="A2562" s="9" t="s">
        <v>19804</v>
      </c>
      <c r="B2562" s="9" t="s">
        <v>14</v>
      </c>
      <c r="C2562" s="9" t="s">
        <v>12252</v>
      </c>
      <c r="D2562" s="6" t="s">
        <v>12253</v>
      </c>
      <c r="E2562" s="22">
        <v>44749</v>
      </c>
      <c r="F2562" s="22">
        <v>46574</v>
      </c>
      <c r="G2562" s="6" t="s">
        <v>12254</v>
      </c>
      <c r="H2562" s="6" t="s">
        <v>1047</v>
      </c>
      <c r="I2562" s="6" t="s">
        <v>1056</v>
      </c>
      <c r="J2562" s="6" t="s">
        <v>12255</v>
      </c>
      <c r="K2562" s="9" t="s">
        <v>12256</v>
      </c>
      <c r="L2562" s="10" t="s">
        <v>22</v>
      </c>
      <c r="M2562" s="10" t="s">
        <v>22</v>
      </c>
      <c r="N2562" s="10" t="s">
        <v>22</v>
      </c>
      <c r="O2562" s="10" t="s">
        <v>22</v>
      </c>
      <c r="P2562" s="10" t="s">
        <v>22</v>
      </c>
      <c r="Q2562" s="10" t="s">
        <v>22</v>
      </c>
      <c r="R2562" s="10" t="s">
        <v>22</v>
      </c>
      <c r="S2562" s="10" t="s">
        <v>22</v>
      </c>
      <c r="T2562" s="10" t="s">
        <v>22</v>
      </c>
    </row>
    <row r="2563" spans="1:26" ht="24" customHeight="1" x14ac:dyDescent="0.2">
      <c r="A2563" s="9" t="s">
        <v>19805</v>
      </c>
      <c r="B2563" s="9" t="s">
        <v>14</v>
      </c>
      <c r="C2563" s="9" t="s">
        <v>12257</v>
      </c>
      <c r="D2563" s="6" t="s">
        <v>12258</v>
      </c>
      <c r="E2563" s="22">
        <v>44749</v>
      </c>
      <c r="F2563" s="22">
        <v>46574</v>
      </c>
      <c r="G2563" s="6" t="s">
        <v>12259</v>
      </c>
      <c r="H2563" s="6" t="s">
        <v>18</v>
      </c>
      <c r="I2563" s="6" t="s">
        <v>26</v>
      </c>
      <c r="J2563" s="6" t="s">
        <v>12260</v>
      </c>
      <c r="K2563" s="9" t="s">
        <v>12261</v>
      </c>
      <c r="L2563" s="10" t="s">
        <v>22</v>
      </c>
      <c r="M2563" s="10" t="s">
        <v>22</v>
      </c>
      <c r="N2563" s="10" t="s">
        <v>22</v>
      </c>
      <c r="O2563" s="10" t="s">
        <v>22</v>
      </c>
      <c r="P2563" s="10" t="s">
        <v>22</v>
      </c>
      <c r="Q2563" s="10" t="s">
        <v>22</v>
      </c>
      <c r="R2563" s="10" t="s">
        <v>22</v>
      </c>
      <c r="S2563" s="10" t="s">
        <v>22</v>
      </c>
      <c r="T2563" s="10" t="s">
        <v>22</v>
      </c>
      <c r="U2563" s="10" t="s">
        <v>22</v>
      </c>
      <c r="V2563" s="10" t="s">
        <v>22</v>
      </c>
      <c r="W2563" s="10" t="s">
        <v>22</v>
      </c>
      <c r="X2563" s="10" t="s">
        <v>22</v>
      </c>
      <c r="Y2563" s="10" t="s">
        <v>22</v>
      </c>
      <c r="Z2563" s="10" t="s">
        <v>22</v>
      </c>
    </row>
    <row r="2564" spans="1:26" ht="24" customHeight="1" x14ac:dyDescent="0.2">
      <c r="A2564" s="9" t="s">
        <v>19806</v>
      </c>
      <c r="B2564" s="9" t="s">
        <v>14</v>
      </c>
      <c r="C2564" s="9" t="s">
        <v>12262</v>
      </c>
      <c r="D2564" s="6" t="s">
        <v>12263</v>
      </c>
      <c r="E2564" s="22">
        <v>44756</v>
      </c>
      <c r="F2564" s="22">
        <v>46581</v>
      </c>
      <c r="G2564" s="6" t="s">
        <v>12264</v>
      </c>
      <c r="H2564" s="6" t="s">
        <v>202</v>
      </c>
      <c r="I2564" s="6" t="s">
        <v>10993</v>
      </c>
      <c r="J2564" s="6" t="s">
        <v>12265</v>
      </c>
      <c r="L2564" s="10" t="s">
        <v>22</v>
      </c>
      <c r="M2564" s="10" t="s">
        <v>22</v>
      </c>
      <c r="N2564" s="10" t="s">
        <v>22</v>
      </c>
      <c r="O2564" s="10" t="s">
        <v>22</v>
      </c>
      <c r="P2564" s="10" t="s">
        <v>22</v>
      </c>
      <c r="Q2564" s="10" t="s">
        <v>22</v>
      </c>
      <c r="R2564" s="10" t="s">
        <v>22</v>
      </c>
      <c r="S2564" s="10" t="s">
        <v>22</v>
      </c>
      <c r="T2564" s="10" t="s">
        <v>22</v>
      </c>
      <c r="U2564" s="10" t="s">
        <v>22</v>
      </c>
      <c r="V2564" s="10" t="s">
        <v>22</v>
      </c>
      <c r="W2564" s="10" t="s">
        <v>22</v>
      </c>
      <c r="X2564" s="10" t="s">
        <v>22</v>
      </c>
      <c r="Y2564" s="10" t="s">
        <v>22</v>
      </c>
      <c r="Z2564" s="10" t="s">
        <v>22</v>
      </c>
    </row>
    <row r="2565" spans="1:26" ht="24" customHeight="1" x14ac:dyDescent="0.2">
      <c r="A2565" s="9" t="s">
        <v>19807</v>
      </c>
      <c r="B2565" s="9" t="s">
        <v>14</v>
      </c>
      <c r="C2565" s="9" t="s">
        <v>12266</v>
      </c>
      <c r="D2565" s="6" t="s">
        <v>12267</v>
      </c>
      <c r="E2565" s="22">
        <v>44756</v>
      </c>
      <c r="F2565" s="22">
        <v>46581</v>
      </c>
      <c r="G2565" s="6" t="s">
        <v>12268</v>
      </c>
      <c r="H2565" s="6" t="s">
        <v>62</v>
      </c>
      <c r="I2565" s="6" t="s">
        <v>1186</v>
      </c>
      <c r="J2565" s="6" t="s">
        <v>12269</v>
      </c>
      <c r="L2565" s="10" t="s">
        <v>22</v>
      </c>
      <c r="M2565" s="10" t="s">
        <v>22</v>
      </c>
      <c r="N2565" s="10" t="s">
        <v>22</v>
      </c>
      <c r="O2565" s="10" t="s">
        <v>22</v>
      </c>
      <c r="P2565" s="10" t="s">
        <v>22</v>
      </c>
      <c r="Q2565" s="10" t="s">
        <v>22</v>
      </c>
      <c r="R2565" s="10" t="s">
        <v>22</v>
      </c>
      <c r="S2565" s="10" t="s">
        <v>22</v>
      </c>
      <c r="T2565" s="10" t="s">
        <v>22</v>
      </c>
      <c r="U2565" s="10" t="s">
        <v>22</v>
      </c>
      <c r="V2565" s="10" t="s">
        <v>22</v>
      </c>
      <c r="W2565" s="10" t="s">
        <v>22</v>
      </c>
      <c r="X2565" s="10" t="s">
        <v>22</v>
      </c>
      <c r="Y2565" s="10" t="s">
        <v>22</v>
      </c>
      <c r="Z2565" s="10" t="s">
        <v>22</v>
      </c>
    </row>
    <row r="2566" spans="1:26" ht="24" customHeight="1" x14ac:dyDescent="0.2">
      <c r="A2566" s="9" t="s">
        <v>19808</v>
      </c>
      <c r="B2566" s="9" t="s">
        <v>14</v>
      </c>
      <c r="C2566" s="9" t="s">
        <v>12270</v>
      </c>
      <c r="D2566" s="6" t="s">
        <v>12271</v>
      </c>
      <c r="E2566" s="22">
        <v>44756</v>
      </c>
      <c r="F2566" s="22">
        <v>46581</v>
      </c>
      <c r="G2566" s="6" t="s">
        <v>12272</v>
      </c>
      <c r="H2566" s="6" t="s">
        <v>62</v>
      </c>
      <c r="I2566" s="6" t="s">
        <v>318</v>
      </c>
      <c r="J2566" s="6" t="s">
        <v>12273</v>
      </c>
      <c r="K2566" s="9" t="s">
        <v>12274</v>
      </c>
      <c r="L2566" s="10" t="s">
        <v>22</v>
      </c>
      <c r="M2566" s="10" t="s">
        <v>22</v>
      </c>
      <c r="N2566" s="10" t="s">
        <v>22</v>
      </c>
      <c r="O2566" s="10" t="s">
        <v>22</v>
      </c>
      <c r="P2566" s="10" t="s">
        <v>22</v>
      </c>
      <c r="Q2566" s="10" t="s">
        <v>22</v>
      </c>
      <c r="U2566" s="10" t="s">
        <v>22</v>
      </c>
      <c r="V2566" s="10" t="s">
        <v>22</v>
      </c>
      <c r="W2566" s="10" t="s">
        <v>22</v>
      </c>
      <c r="X2566" s="10" t="s">
        <v>22</v>
      </c>
      <c r="Y2566" s="10" t="s">
        <v>22</v>
      </c>
      <c r="Z2566" s="10" t="s">
        <v>22</v>
      </c>
    </row>
    <row r="2567" spans="1:26" ht="24" customHeight="1" x14ac:dyDescent="0.2">
      <c r="A2567" s="9" t="s">
        <v>19809</v>
      </c>
      <c r="B2567" s="9" t="s">
        <v>14</v>
      </c>
      <c r="C2567" s="9" t="s">
        <v>12275</v>
      </c>
      <c r="D2567" s="6" t="s">
        <v>12276</v>
      </c>
      <c r="E2567" s="22">
        <v>44756</v>
      </c>
      <c r="F2567" s="22">
        <v>46581</v>
      </c>
      <c r="G2567" s="6" t="s">
        <v>12277</v>
      </c>
      <c r="H2567" s="6" t="s">
        <v>202</v>
      </c>
      <c r="I2567" s="6" t="s">
        <v>6216</v>
      </c>
      <c r="J2567" s="6" t="s">
        <v>12278</v>
      </c>
      <c r="K2567" s="9" t="s">
        <v>12279</v>
      </c>
      <c r="L2567" s="10" t="s">
        <v>22</v>
      </c>
      <c r="M2567" s="10" t="s">
        <v>22</v>
      </c>
      <c r="N2567" s="10" t="s">
        <v>22</v>
      </c>
      <c r="O2567" s="10" t="s">
        <v>22</v>
      </c>
      <c r="P2567" s="10" t="s">
        <v>22</v>
      </c>
      <c r="Q2567" s="10" t="s">
        <v>22</v>
      </c>
      <c r="R2567" s="10" t="s">
        <v>22</v>
      </c>
      <c r="S2567" s="10" t="s">
        <v>22</v>
      </c>
      <c r="T2567" s="10" t="s">
        <v>22</v>
      </c>
      <c r="U2567" s="10" t="s">
        <v>22</v>
      </c>
      <c r="V2567" s="10" t="s">
        <v>22</v>
      </c>
      <c r="W2567" s="10" t="s">
        <v>22</v>
      </c>
      <c r="X2567" s="10" t="s">
        <v>22</v>
      </c>
      <c r="Y2567" s="10" t="s">
        <v>22</v>
      </c>
      <c r="Z2567" s="10" t="s">
        <v>22</v>
      </c>
    </row>
    <row r="2568" spans="1:26" ht="24" customHeight="1" x14ac:dyDescent="0.2">
      <c r="A2568" s="9" t="s">
        <v>19810</v>
      </c>
      <c r="B2568" s="9" t="s">
        <v>14</v>
      </c>
      <c r="C2568" s="9" t="s">
        <v>12280</v>
      </c>
      <c r="D2568" s="6" t="s">
        <v>12281</v>
      </c>
      <c r="E2568" s="22">
        <v>44756</v>
      </c>
      <c r="F2568" s="22">
        <v>46581</v>
      </c>
      <c r="G2568" s="6" t="s">
        <v>12282</v>
      </c>
      <c r="H2568" s="6" t="s">
        <v>6990</v>
      </c>
      <c r="I2568" s="6" t="s">
        <v>7833</v>
      </c>
      <c r="J2568" s="6" t="s">
        <v>12283</v>
      </c>
      <c r="K2568" s="9" t="s">
        <v>12284</v>
      </c>
      <c r="L2568" s="10" t="s">
        <v>22</v>
      </c>
      <c r="M2568" s="10" t="s">
        <v>22</v>
      </c>
      <c r="N2568" s="10" t="s">
        <v>22</v>
      </c>
      <c r="O2568" s="10" t="s">
        <v>22</v>
      </c>
      <c r="P2568" s="10" t="s">
        <v>22</v>
      </c>
      <c r="Q2568" s="10" t="s">
        <v>22</v>
      </c>
      <c r="R2568" s="10" t="s">
        <v>22</v>
      </c>
      <c r="S2568" s="10" t="s">
        <v>22</v>
      </c>
      <c r="T2568" s="10" t="s">
        <v>22</v>
      </c>
      <c r="U2568" s="10" t="s">
        <v>22</v>
      </c>
      <c r="V2568" s="10" t="s">
        <v>22</v>
      </c>
      <c r="W2568" s="10" t="s">
        <v>22</v>
      </c>
      <c r="X2568" s="10" t="s">
        <v>22</v>
      </c>
      <c r="Y2568" s="10" t="s">
        <v>22</v>
      </c>
      <c r="Z2568" s="10" t="s">
        <v>22</v>
      </c>
    </row>
    <row r="2569" spans="1:26" ht="24" customHeight="1" x14ac:dyDescent="0.2">
      <c r="A2569" s="9" t="s">
        <v>19811</v>
      </c>
      <c r="B2569" s="9" t="s">
        <v>14</v>
      </c>
      <c r="C2569" s="9" t="s">
        <v>12285</v>
      </c>
      <c r="D2569" s="6" t="s">
        <v>12286</v>
      </c>
      <c r="E2569" s="22">
        <v>44756</v>
      </c>
      <c r="F2569" s="22">
        <v>46581</v>
      </c>
      <c r="G2569" s="6" t="s">
        <v>12287</v>
      </c>
      <c r="H2569" s="6" t="s">
        <v>62</v>
      </c>
      <c r="I2569" s="6" t="s">
        <v>10662</v>
      </c>
      <c r="J2569" s="6" t="s">
        <v>12288</v>
      </c>
      <c r="K2569" s="9" t="s">
        <v>12289</v>
      </c>
      <c r="M2569" s="10" t="s">
        <v>22</v>
      </c>
      <c r="N2569" s="10" t="s">
        <v>22</v>
      </c>
      <c r="P2569" s="10" t="s">
        <v>22</v>
      </c>
      <c r="Q2569" s="10" t="s">
        <v>22</v>
      </c>
      <c r="S2569" s="10" t="s">
        <v>22</v>
      </c>
      <c r="T2569" s="10" t="s">
        <v>22</v>
      </c>
      <c r="V2569" s="10" t="s">
        <v>22</v>
      </c>
      <c r="W2569" s="10" t="s">
        <v>22</v>
      </c>
      <c r="Y2569" s="10" t="s">
        <v>22</v>
      </c>
      <c r="Z2569" s="10" t="s">
        <v>22</v>
      </c>
    </row>
    <row r="2570" spans="1:26" ht="24" customHeight="1" x14ac:dyDescent="0.2">
      <c r="A2570" s="9" t="s">
        <v>19812</v>
      </c>
      <c r="B2570" s="9" t="s">
        <v>14</v>
      </c>
      <c r="C2570" s="9" t="s">
        <v>12290</v>
      </c>
      <c r="D2570" s="6" t="s">
        <v>12291</v>
      </c>
      <c r="E2570" s="22">
        <v>44756</v>
      </c>
      <c r="F2570" s="22">
        <v>46581</v>
      </c>
      <c r="G2570" s="6" t="s">
        <v>12292</v>
      </c>
      <c r="H2570" s="6" t="s">
        <v>18</v>
      </c>
      <c r="I2570" s="6" t="s">
        <v>19</v>
      </c>
      <c r="J2570" s="6" t="s">
        <v>12293</v>
      </c>
      <c r="K2570" s="9" t="s">
        <v>12294</v>
      </c>
      <c r="M2570" s="10" t="s">
        <v>22</v>
      </c>
      <c r="N2570" s="10" t="s">
        <v>22</v>
      </c>
      <c r="V2570" s="10" t="s">
        <v>22</v>
      </c>
      <c r="W2570" s="10" t="s">
        <v>22</v>
      </c>
    </row>
    <row r="2571" spans="1:26" ht="24" customHeight="1" x14ac:dyDescent="0.2">
      <c r="A2571" s="9" t="s">
        <v>19813</v>
      </c>
      <c r="B2571" s="9" t="s">
        <v>14</v>
      </c>
      <c r="C2571" s="9" t="s">
        <v>12295</v>
      </c>
      <c r="D2571" s="6" t="s">
        <v>12296</v>
      </c>
      <c r="E2571" s="22">
        <v>44763</v>
      </c>
      <c r="F2571" s="22">
        <v>46588</v>
      </c>
      <c r="G2571" s="6" t="s">
        <v>12297</v>
      </c>
      <c r="H2571" s="6" t="s">
        <v>62</v>
      </c>
      <c r="I2571" s="6" t="s">
        <v>1955</v>
      </c>
      <c r="J2571" s="6" t="s">
        <v>12298</v>
      </c>
      <c r="L2571" s="10" t="s">
        <v>22</v>
      </c>
      <c r="M2571" s="10" t="s">
        <v>22</v>
      </c>
      <c r="N2571" s="10" t="s">
        <v>22</v>
      </c>
      <c r="O2571" s="10" t="s">
        <v>22</v>
      </c>
      <c r="P2571" s="10" t="s">
        <v>22</v>
      </c>
      <c r="Q2571" s="10" t="s">
        <v>22</v>
      </c>
      <c r="R2571" s="10" t="s">
        <v>22</v>
      </c>
      <c r="S2571" s="10" t="s">
        <v>22</v>
      </c>
      <c r="T2571" s="10" t="s">
        <v>22</v>
      </c>
      <c r="U2571" s="10" t="s">
        <v>22</v>
      </c>
      <c r="V2571" s="10" t="s">
        <v>22</v>
      </c>
      <c r="W2571" s="10" t="s">
        <v>22</v>
      </c>
      <c r="X2571" s="10" t="s">
        <v>22</v>
      </c>
      <c r="Y2571" s="10" t="s">
        <v>22</v>
      </c>
      <c r="Z2571" s="10" t="s">
        <v>22</v>
      </c>
    </row>
    <row r="2572" spans="1:26" ht="24" customHeight="1" x14ac:dyDescent="0.2">
      <c r="A2572" s="9" t="s">
        <v>19814</v>
      </c>
      <c r="B2572" s="9" t="s">
        <v>14</v>
      </c>
      <c r="C2572" s="9" t="s">
        <v>12299</v>
      </c>
      <c r="D2572" s="6" t="s">
        <v>12300</v>
      </c>
      <c r="E2572" s="22">
        <v>44767</v>
      </c>
      <c r="F2572" s="22">
        <v>46592</v>
      </c>
      <c r="G2572" s="6" t="s">
        <v>12300</v>
      </c>
      <c r="H2572" s="6" t="s">
        <v>229</v>
      </c>
      <c r="I2572" s="6" t="s">
        <v>3094</v>
      </c>
      <c r="J2572" s="6" t="s">
        <v>12301</v>
      </c>
      <c r="K2572" s="9" t="s">
        <v>12302</v>
      </c>
      <c r="L2572" s="10" t="s">
        <v>22</v>
      </c>
      <c r="M2572" s="10" t="s">
        <v>22</v>
      </c>
      <c r="N2572" s="10" t="s">
        <v>22</v>
      </c>
      <c r="O2572" s="10" t="s">
        <v>22</v>
      </c>
      <c r="P2572" s="10" t="s">
        <v>22</v>
      </c>
      <c r="Q2572" s="10" t="s">
        <v>22</v>
      </c>
      <c r="R2572" s="10" t="s">
        <v>22</v>
      </c>
      <c r="S2572" s="10" t="s">
        <v>22</v>
      </c>
      <c r="T2572" s="10" t="s">
        <v>22</v>
      </c>
      <c r="U2572" s="10" t="s">
        <v>22</v>
      </c>
      <c r="V2572" s="10" t="s">
        <v>22</v>
      </c>
      <c r="W2572" s="10" t="s">
        <v>22</v>
      </c>
      <c r="X2572" s="10" t="s">
        <v>22</v>
      </c>
      <c r="Y2572" s="10" t="s">
        <v>22</v>
      </c>
      <c r="Z2572" s="10" t="s">
        <v>22</v>
      </c>
    </row>
    <row r="2573" spans="1:26" ht="24" customHeight="1" x14ac:dyDescent="0.2">
      <c r="A2573" s="9" t="s">
        <v>19815</v>
      </c>
      <c r="B2573" s="9" t="s">
        <v>14</v>
      </c>
      <c r="C2573" s="9" t="s">
        <v>12303</v>
      </c>
      <c r="D2573" s="6" t="s">
        <v>12304</v>
      </c>
      <c r="E2573" s="22">
        <v>44767</v>
      </c>
      <c r="F2573" s="22">
        <v>46592</v>
      </c>
      <c r="G2573" s="6" t="s">
        <v>12305</v>
      </c>
      <c r="H2573" s="6" t="s">
        <v>18</v>
      </c>
      <c r="I2573" s="6" t="s">
        <v>19</v>
      </c>
      <c r="J2573" s="6" t="s">
        <v>12306</v>
      </c>
      <c r="L2573" s="10" t="s">
        <v>22</v>
      </c>
      <c r="M2573" s="10" t="s">
        <v>22</v>
      </c>
      <c r="N2573" s="10" t="s">
        <v>22</v>
      </c>
      <c r="O2573" s="10" t="s">
        <v>22</v>
      </c>
      <c r="P2573" s="10" t="s">
        <v>22</v>
      </c>
      <c r="Q2573" s="10" t="s">
        <v>22</v>
      </c>
      <c r="R2573" s="10" t="s">
        <v>22</v>
      </c>
      <c r="S2573" s="10" t="s">
        <v>22</v>
      </c>
      <c r="T2573" s="10" t="s">
        <v>22</v>
      </c>
      <c r="U2573" s="10" t="s">
        <v>22</v>
      </c>
      <c r="V2573" s="10" t="s">
        <v>22</v>
      </c>
      <c r="W2573" s="10" t="s">
        <v>22</v>
      </c>
      <c r="X2573" s="10" t="s">
        <v>22</v>
      </c>
      <c r="Y2573" s="10" t="s">
        <v>22</v>
      </c>
      <c r="Z2573" s="10" t="s">
        <v>22</v>
      </c>
    </row>
    <row r="2574" spans="1:26" ht="24" customHeight="1" x14ac:dyDescent="0.2">
      <c r="A2574" s="9" t="s">
        <v>19816</v>
      </c>
      <c r="B2574" s="9" t="s">
        <v>14</v>
      </c>
      <c r="C2574" s="9" t="s">
        <v>12307</v>
      </c>
      <c r="D2574" s="6" t="s">
        <v>12308</v>
      </c>
      <c r="E2574" s="22">
        <v>44767</v>
      </c>
      <c r="F2574" s="22">
        <v>46592</v>
      </c>
      <c r="G2574" s="6" t="s">
        <v>12309</v>
      </c>
      <c r="H2574" s="6" t="s">
        <v>229</v>
      </c>
      <c r="I2574" s="6" t="s">
        <v>12310</v>
      </c>
      <c r="J2574" s="6" t="s">
        <v>12311</v>
      </c>
      <c r="K2574" s="9" t="s">
        <v>12312</v>
      </c>
      <c r="L2574" s="10" t="s">
        <v>22</v>
      </c>
      <c r="M2574" s="10" t="s">
        <v>22</v>
      </c>
      <c r="N2574" s="10" t="s">
        <v>22</v>
      </c>
      <c r="O2574" s="10" t="s">
        <v>22</v>
      </c>
      <c r="P2574" s="10" t="s">
        <v>22</v>
      </c>
      <c r="Q2574" s="10" t="s">
        <v>22</v>
      </c>
      <c r="R2574" s="10" t="s">
        <v>22</v>
      </c>
      <c r="S2574" s="10" t="s">
        <v>22</v>
      </c>
      <c r="T2574" s="10" t="s">
        <v>22</v>
      </c>
      <c r="U2574" s="10" t="s">
        <v>22</v>
      </c>
      <c r="V2574" s="10" t="s">
        <v>22</v>
      </c>
      <c r="W2574" s="10" t="s">
        <v>22</v>
      </c>
      <c r="X2574" s="10" t="s">
        <v>22</v>
      </c>
      <c r="Y2574" s="10" t="s">
        <v>22</v>
      </c>
      <c r="Z2574" s="10" t="s">
        <v>22</v>
      </c>
    </row>
    <row r="2575" spans="1:26" ht="24" customHeight="1" x14ac:dyDescent="0.2">
      <c r="A2575" s="9" t="s">
        <v>19817</v>
      </c>
      <c r="B2575" s="9" t="s">
        <v>14</v>
      </c>
      <c r="C2575" s="9" t="s">
        <v>12313</v>
      </c>
      <c r="D2575" s="6" t="s">
        <v>12314</v>
      </c>
      <c r="E2575" s="22">
        <v>44770</v>
      </c>
      <c r="F2575" s="22">
        <v>46595</v>
      </c>
      <c r="G2575" s="6" t="s">
        <v>12315</v>
      </c>
      <c r="H2575" s="6" t="s">
        <v>18</v>
      </c>
      <c r="I2575" s="6" t="s">
        <v>26</v>
      </c>
      <c r="J2575" s="6" t="s">
        <v>12316</v>
      </c>
      <c r="K2575" s="9" t="s">
        <v>12317</v>
      </c>
      <c r="L2575" s="10" t="s">
        <v>22</v>
      </c>
      <c r="M2575" s="10" t="s">
        <v>22</v>
      </c>
      <c r="N2575" s="10" t="s">
        <v>22</v>
      </c>
      <c r="O2575" s="10" t="s">
        <v>22</v>
      </c>
      <c r="P2575" s="10" t="s">
        <v>22</v>
      </c>
      <c r="Q2575" s="10" t="s">
        <v>22</v>
      </c>
      <c r="R2575" s="10" t="s">
        <v>22</v>
      </c>
      <c r="S2575" s="10" t="s">
        <v>22</v>
      </c>
      <c r="T2575" s="10" t="s">
        <v>22</v>
      </c>
      <c r="U2575" s="10" t="s">
        <v>22</v>
      </c>
      <c r="V2575" s="10" t="s">
        <v>22</v>
      </c>
      <c r="W2575" s="10" t="s">
        <v>22</v>
      </c>
      <c r="X2575" s="10" t="s">
        <v>22</v>
      </c>
      <c r="Y2575" s="10" t="s">
        <v>22</v>
      </c>
      <c r="Z2575" s="10" t="s">
        <v>22</v>
      </c>
    </row>
    <row r="2576" spans="1:26" ht="24" customHeight="1" x14ac:dyDescent="0.2">
      <c r="A2576" s="9" t="s">
        <v>19818</v>
      </c>
      <c r="B2576" s="9" t="s">
        <v>14</v>
      </c>
      <c r="C2576" s="9" t="s">
        <v>12318</v>
      </c>
      <c r="D2576" s="6" t="s">
        <v>12319</v>
      </c>
      <c r="E2576" s="22">
        <v>44781</v>
      </c>
      <c r="F2576" s="22">
        <v>46606</v>
      </c>
      <c r="G2576" s="6" t="s">
        <v>12320</v>
      </c>
      <c r="H2576" s="6" t="s">
        <v>202</v>
      </c>
      <c r="I2576" s="6" t="s">
        <v>863</v>
      </c>
      <c r="J2576" s="6" t="s">
        <v>12321</v>
      </c>
      <c r="K2576" s="9" t="s">
        <v>12322</v>
      </c>
      <c r="L2576" s="10" t="s">
        <v>22</v>
      </c>
      <c r="M2576" s="10" t="s">
        <v>22</v>
      </c>
      <c r="N2576" s="10" t="s">
        <v>22</v>
      </c>
      <c r="U2576" s="10" t="s">
        <v>22</v>
      </c>
      <c r="V2576" s="10" t="s">
        <v>22</v>
      </c>
      <c r="W2576" s="10" t="s">
        <v>22</v>
      </c>
    </row>
    <row r="2577" spans="1:26" ht="24" customHeight="1" x14ac:dyDescent="0.2">
      <c r="A2577" s="9" t="s">
        <v>19819</v>
      </c>
      <c r="B2577" s="9" t="s">
        <v>14</v>
      </c>
      <c r="C2577" s="9" t="s">
        <v>12323</v>
      </c>
      <c r="D2577" s="6" t="s">
        <v>12324</v>
      </c>
      <c r="E2577" s="22">
        <v>44785</v>
      </c>
      <c r="F2577" s="22">
        <v>46610</v>
      </c>
      <c r="G2577" s="6" t="s">
        <v>12325</v>
      </c>
      <c r="H2577" s="6" t="s">
        <v>229</v>
      </c>
      <c r="I2577" s="6" t="s">
        <v>1885</v>
      </c>
      <c r="J2577" s="6" t="s">
        <v>12326</v>
      </c>
      <c r="K2577" s="9" t="s">
        <v>12327</v>
      </c>
      <c r="L2577" s="10" t="s">
        <v>22</v>
      </c>
      <c r="M2577" s="10" t="s">
        <v>22</v>
      </c>
      <c r="N2577" s="10" t="s">
        <v>22</v>
      </c>
      <c r="O2577" s="10" t="s">
        <v>22</v>
      </c>
      <c r="P2577" s="10" t="s">
        <v>22</v>
      </c>
      <c r="Q2577" s="10" t="s">
        <v>22</v>
      </c>
      <c r="U2577" s="10" t="s">
        <v>22</v>
      </c>
      <c r="V2577" s="10" t="s">
        <v>22</v>
      </c>
      <c r="W2577" s="10" t="s">
        <v>22</v>
      </c>
      <c r="X2577" s="10" t="s">
        <v>22</v>
      </c>
      <c r="Y2577" s="10" t="s">
        <v>22</v>
      </c>
      <c r="Z2577" s="10" t="s">
        <v>22</v>
      </c>
    </row>
    <row r="2578" spans="1:26" ht="24" customHeight="1" x14ac:dyDescent="0.2">
      <c r="A2578" s="9" t="s">
        <v>19820</v>
      </c>
      <c r="B2578" s="9" t="s">
        <v>14</v>
      </c>
      <c r="C2578" s="9" t="s">
        <v>12328</v>
      </c>
      <c r="D2578" s="6" t="s">
        <v>12329</v>
      </c>
      <c r="E2578" s="22">
        <v>44785</v>
      </c>
      <c r="F2578" s="22">
        <v>46610</v>
      </c>
      <c r="G2578" s="6" t="s">
        <v>12330</v>
      </c>
      <c r="H2578" s="6" t="s">
        <v>202</v>
      </c>
      <c r="I2578" s="6" t="s">
        <v>336</v>
      </c>
      <c r="J2578" s="6" t="s">
        <v>12331</v>
      </c>
      <c r="K2578" s="9" t="s">
        <v>12332</v>
      </c>
      <c r="L2578" s="10" t="s">
        <v>22</v>
      </c>
      <c r="M2578" s="10" t="s">
        <v>22</v>
      </c>
      <c r="N2578" s="10" t="s">
        <v>22</v>
      </c>
      <c r="O2578" s="10" t="s">
        <v>22</v>
      </c>
      <c r="P2578" s="10" t="s">
        <v>22</v>
      </c>
      <c r="Q2578" s="10" t="s">
        <v>22</v>
      </c>
      <c r="U2578" s="10" t="s">
        <v>22</v>
      </c>
      <c r="V2578" s="10" t="s">
        <v>22</v>
      </c>
      <c r="W2578" s="10" t="s">
        <v>22</v>
      </c>
      <c r="X2578" s="10" t="s">
        <v>22</v>
      </c>
      <c r="Y2578" s="10" t="s">
        <v>22</v>
      </c>
      <c r="Z2578" s="10" t="s">
        <v>22</v>
      </c>
    </row>
    <row r="2579" spans="1:26" ht="24" customHeight="1" x14ac:dyDescent="0.2">
      <c r="A2579" s="9" t="s">
        <v>19821</v>
      </c>
      <c r="B2579" s="9" t="s">
        <v>14</v>
      </c>
      <c r="C2579" s="9" t="s">
        <v>12333</v>
      </c>
      <c r="D2579" s="6" t="s">
        <v>12334</v>
      </c>
      <c r="E2579" s="22">
        <v>44785</v>
      </c>
      <c r="F2579" s="22">
        <v>46610</v>
      </c>
      <c r="G2579" s="6" t="s">
        <v>12335</v>
      </c>
      <c r="H2579" s="6" t="s">
        <v>62</v>
      </c>
      <c r="I2579" s="6" t="s">
        <v>430</v>
      </c>
      <c r="J2579" s="6" t="s">
        <v>12336</v>
      </c>
      <c r="K2579" s="9" t="s">
        <v>12337</v>
      </c>
      <c r="L2579" s="10" t="s">
        <v>22</v>
      </c>
      <c r="M2579" s="10" t="s">
        <v>22</v>
      </c>
      <c r="N2579" s="10" t="s">
        <v>22</v>
      </c>
      <c r="O2579" s="10" t="s">
        <v>22</v>
      </c>
      <c r="P2579" s="10" t="s">
        <v>22</v>
      </c>
      <c r="Q2579" s="10" t="s">
        <v>22</v>
      </c>
      <c r="R2579" s="10" t="s">
        <v>22</v>
      </c>
      <c r="S2579" s="10" t="s">
        <v>22</v>
      </c>
      <c r="T2579" s="10" t="s">
        <v>22</v>
      </c>
      <c r="U2579" s="10" t="s">
        <v>22</v>
      </c>
      <c r="V2579" s="10" t="s">
        <v>22</v>
      </c>
      <c r="W2579" s="10" t="s">
        <v>22</v>
      </c>
      <c r="X2579" s="10" t="s">
        <v>22</v>
      </c>
      <c r="Y2579" s="10" t="s">
        <v>22</v>
      </c>
      <c r="Z2579" s="10" t="s">
        <v>22</v>
      </c>
    </row>
    <row r="2580" spans="1:26" ht="24" customHeight="1" x14ac:dyDescent="0.2">
      <c r="A2580" s="9" t="s">
        <v>19822</v>
      </c>
      <c r="B2580" s="9" t="s">
        <v>14</v>
      </c>
      <c r="C2580" s="9" t="s">
        <v>12338</v>
      </c>
      <c r="D2580" s="6" t="s">
        <v>12339</v>
      </c>
      <c r="E2580" s="22">
        <v>44785</v>
      </c>
      <c r="F2580" s="22">
        <v>46610</v>
      </c>
      <c r="G2580" s="6" t="s">
        <v>12340</v>
      </c>
      <c r="H2580" s="6" t="s">
        <v>62</v>
      </c>
      <c r="I2580" s="6" t="s">
        <v>306</v>
      </c>
      <c r="J2580" s="6" t="s">
        <v>12341</v>
      </c>
      <c r="K2580" s="9" t="s">
        <v>12342</v>
      </c>
      <c r="L2580" s="10" t="s">
        <v>22</v>
      </c>
      <c r="M2580" s="10" t="s">
        <v>22</v>
      </c>
      <c r="N2580" s="10" t="s">
        <v>22</v>
      </c>
      <c r="O2580" s="10" t="s">
        <v>22</v>
      </c>
      <c r="P2580" s="10" t="s">
        <v>22</v>
      </c>
      <c r="Q2580" s="10" t="s">
        <v>22</v>
      </c>
      <c r="U2580" s="10" t="s">
        <v>22</v>
      </c>
      <c r="V2580" s="10" t="s">
        <v>22</v>
      </c>
      <c r="W2580" s="10" t="s">
        <v>22</v>
      </c>
    </row>
    <row r="2581" spans="1:26" ht="24" customHeight="1" x14ac:dyDescent="0.2">
      <c r="A2581" s="9" t="s">
        <v>19823</v>
      </c>
      <c r="B2581" s="9" t="s">
        <v>14</v>
      </c>
      <c r="C2581" s="9" t="s">
        <v>12343</v>
      </c>
      <c r="D2581" s="6" t="s">
        <v>12344</v>
      </c>
      <c r="E2581" s="22">
        <v>44789</v>
      </c>
      <c r="F2581" s="22">
        <v>46614</v>
      </c>
      <c r="G2581" s="6" t="s">
        <v>12345</v>
      </c>
      <c r="H2581" s="6" t="s">
        <v>62</v>
      </c>
      <c r="I2581" s="6" t="s">
        <v>1141</v>
      </c>
      <c r="J2581" s="6" t="s">
        <v>12346</v>
      </c>
      <c r="L2581" s="10" t="s">
        <v>22</v>
      </c>
      <c r="M2581" s="10" t="s">
        <v>22</v>
      </c>
      <c r="N2581" s="10" t="s">
        <v>22</v>
      </c>
      <c r="O2581" s="10" t="s">
        <v>22</v>
      </c>
      <c r="P2581" s="10" t="s">
        <v>22</v>
      </c>
      <c r="Q2581" s="10" t="s">
        <v>22</v>
      </c>
      <c r="U2581" s="10" t="s">
        <v>22</v>
      </c>
      <c r="V2581" s="10" t="s">
        <v>22</v>
      </c>
      <c r="W2581" s="10" t="s">
        <v>22</v>
      </c>
      <c r="X2581" s="10" t="s">
        <v>22</v>
      </c>
      <c r="Y2581" s="10" t="s">
        <v>22</v>
      </c>
      <c r="Z2581" s="10" t="s">
        <v>22</v>
      </c>
    </row>
    <row r="2582" spans="1:26" ht="24" customHeight="1" x14ac:dyDescent="0.2">
      <c r="A2582" s="9" t="s">
        <v>19824</v>
      </c>
      <c r="B2582" s="9" t="s">
        <v>14</v>
      </c>
      <c r="C2582" s="9" t="s">
        <v>12347</v>
      </c>
      <c r="D2582" s="6" t="s">
        <v>12348</v>
      </c>
      <c r="E2582" s="22">
        <v>44789</v>
      </c>
      <c r="F2582" s="22">
        <v>46614</v>
      </c>
      <c r="G2582" s="6" t="s">
        <v>12349</v>
      </c>
      <c r="H2582" s="6" t="s">
        <v>1625</v>
      </c>
      <c r="I2582" s="6" t="s">
        <v>4540</v>
      </c>
      <c r="J2582" s="6" t="s">
        <v>12350</v>
      </c>
      <c r="K2582" s="9" t="s">
        <v>12351</v>
      </c>
      <c r="L2582" s="10" t="s">
        <v>22</v>
      </c>
      <c r="M2582" s="10" t="s">
        <v>22</v>
      </c>
      <c r="N2582" s="10" t="s">
        <v>22</v>
      </c>
    </row>
    <row r="2583" spans="1:26" ht="24" customHeight="1" x14ac:dyDescent="0.2">
      <c r="A2583" s="9" t="s">
        <v>19825</v>
      </c>
      <c r="B2583" s="9" t="s">
        <v>14</v>
      </c>
      <c r="C2583" s="9" t="s">
        <v>12352</v>
      </c>
      <c r="D2583" s="6" t="s">
        <v>12353</v>
      </c>
      <c r="E2583" s="22">
        <v>44795</v>
      </c>
      <c r="F2583" s="22">
        <v>46620</v>
      </c>
      <c r="G2583" s="6" t="s">
        <v>12354</v>
      </c>
      <c r="H2583" s="6" t="s">
        <v>18</v>
      </c>
      <c r="I2583" s="6" t="s">
        <v>19</v>
      </c>
      <c r="J2583" s="6" t="s">
        <v>12355</v>
      </c>
      <c r="K2583" s="9" t="s">
        <v>12356</v>
      </c>
      <c r="M2583" s="10" t="s">
        <v>22</v>
      </c>
      <c r="N2583" s="10" t="s">
        <v>22</v>
      </c>
      <c r="P2583" s="10" t="s">
        <v>22</v>
      </c>
      <c r="Q2583" s="10" t="s">
        <v>22</v>
      </c>
      <c r="S2583" s="10" t="s">
        <v>22</v>
      </c>
      <c r="T2583" s="10" t="s">
        <v>22</v>
      </c>
      <c r="V2583" s="10" t="s">
        <v>22</v>
      </c>
      <c r="W2583" s="10" t="s">
        <v>22</v>
      </c>
      <c r="Y2583" s="10" t="s">
        <v>22</v>
      </c>
      <c r="Z2583" s="10" t="s">
        <v>22</v>
      </c>
    </row>
    <row r="2584" spans="1:26" ht="24" customHeight="1" x14ac:dyDescent="0.2">
      <c r="A2584" s="9" t="s">
        <v>19826</v>
      </c>
      <c r="B2584" s="9" t="s">
        <v>14</v>
      </c>
      <c r="C2584" s="9" t="s">
        <v>12357</v>
      </c>
      <c r="D2584" s="6" t="s">
        <v>12358</v>
      </c>
      <c r="E2584" s="22">
        <v>44795</v>
      </c>
      <c r="F2584" s="22">
        <v>46620</v>
      </c>
      <c r="G2584" s="6" t="s">
        <v>12359</v>
      </c>
      <c r="H2584" s="6" t="s">
        <v>18</v>
      </c>
      <c r="I2584" s="6" t="s">
        <v>26</v>
      </c>
      <c r="J2584" s="6" t="s">
        <v>12360</v>
      </c>
      <c r="L2584" s="10" t="s">
        <v>22</v>
      </c>
      <c r="M2584" s="10" t="s">
        <v>22</v>
      </c>
      <c r="N2584" s="10" t="s">
        <v>22</v>
      </c>
      <c r="O2584" s="10" t="s">
        <v>22</v>
      </c>
      <c r="P2584" s="10" t="s">
        <v>22</v>
      </c>
      <c r="Q2584" s="10" t="s">
        <v>22</v>
      </c>
      <c r="R2584" s="10" t="s">
        <v>22</v>
      </c>
      <c r="S2584" s="10" t="s">
        <v>22</v>
      </c>
      <c r="T2584" s="10" t="s">
        <v>22</v>
      </c>
      <c r="U2584" s="10" t="s">
        <v>22</v>
      </c>
      <c r="V2584" s="10" t="s">
        <v>22</v>
      </c>
      <c r="W2584" s="10" t="s">
        <v>22</v>
      </c>
      <c r="X2584" s="10" t="s">
        <v>22</v>
      </c>
      <c r="Y2584" s="10" t="s">
        <v>22</v>
      </c>
      <c r="Z2584" s="10" t="s">
        <v>22</v>
      </c>
    </row>
    <row r="2585" spans="1:26" ht="24" customHeight="1" x14ac:dyDescent="0.2">
      <c r="A2585" s="9" t="s">
        <v>19827</v>
      </c>
      <c r="B2585" s="9" t="s">
        <v>14</v>
      </c>
      <c r="C2585" s="9" t="s">
        <v>12361</v>
      </c>
      <c r="D2585" s="6" t="s">
        <v>12362</v>
      </c>
      <c r="E2585" s="22">
        <v>44799</v>
      </c>
      <c r="F2585" s="22">
        <v>46624</v>
      </c>
      <c r="G2585" s="6" t="s">
        <v>12363</v>
      </c>
      <c r="H2585" s="6" t="s">
        <v>62</v>
      </c>
      <c r="I2585" s="6" t="s">
        <v>186</v>
      </c>
      <c r="J2585" s="6" t="s">
        <v>12364</v>
      </c>
      <c r="L2585" s="10" t="s">
        <v>22</v>
      </c>
      <c r="M2585" s="10" t="s">
        <v>22</v>
      </c>
      <c r="N2585" s="10" t="s">
        <v>22</v>
      </c>
      <c r="O2585" s="10" t="s">
        <v>22</v>
      </c>
      <c r="P2585" s="10" t="s">
        <v>22</v>
      </c>
      <c r="Q2585" s="10" t="s">
        <v>22</v>
      </c>
    </row>
    <row r="2586" spans="1:26" ht="24" customHeight="1" x14ac:dyDescent="0.2">
      <c r="A2586" s="9" t="s">
        <v>19828</v>
      </c>
      <c r="B2586" s="9" t="s">
        <v>14</v>
      </c>
      <c r="C2586" s="9" t="s">
        <v>12365</v>
      </c>
      <c r="D2586" s="6" t="s">
        <v>12366</v>
      </c>
      <c r="E2586" s="22">
        <v>44799</v>
      </c>
      <c r="F2586" s="22">
        <v>46624</v>
      </c>
      <c r="G2586" s="6" t="s">
        <v>12367</v>
      </c>
      <c r="H2586" s="6" t="s">
        <v>62</v>
      </c>
      <c r="I2586" s="6" t="s">
        <v>379</v>
      </c>
      <c r="J2586" s="6" t="s">
        <v>12368</v>
      </c>
      <c r="K2586" s="9" t="s">
        <v>12369</v>
      </c>
      <c r="L2586" s="10" t="s">
        <v>22</v>
      </c>
      <c r="M2586" s="10" t="s">
        <v>22</v>
      </c>
      <c r="N2586" s="10" t="s">
        <v>22</v>
      </c>
      <c r="U2586" s="10" t="s">
        <v>22</v>
      </c>
      <c r="V2586" s="10" t="s">
        <v>22</v>
      </c>
      <c r="W2586" s="10" t="s">
        <v>22</v>
      </c>
    </row>
    <row r="2587" spans="1:26" ht="24" customHeight="1" x14ac:dyDescent="0.2">
      <c r="A2587" s="9" t="s">
        <v>19829</v>
      </c>
      <c r="B2587" s="9" t="s">
        <v>14</v>
      </c>
      <c r="C2587" s="9" t="s">
        <v>12370</v>
      </c>
      <c r="D2587" s="6" t="s">
        <v>12371</v>
      </c>
      <c r="E2587" s="22">
        <v>44799</v>
      </c>
      <c r="F2587" s="22">
        <v>46624</v>
      </c>
      <c r="G2587" s="6" t="s">
        <v>12372</v>
      </c>
      <c r="H2587" s="6" t="s">
        <v>62</v>
      </c>
      <c r="I2587" s="6" t="s">
        <v>264</v>
      </c>
      <c r="J2587" s="6" t="s">
        <v>12373</v>
      </c>
      <c r="K2587" s="9" t="s">
        <v>12374</v>
      </c>
      <c r="L2587" s="10" t="s">
        <v>22</v>
      </c>
      <c r="M2587" s="10" t="s">
        <v>22</v>
      </c>
      <c r="N2587" s="10" t="s">
        <v>22</v>
      </c>
      <c r="O2587" s="10" t="s">
        <v>22</v>
      </c>
      <c r="P2587" s="10" t="s">
        <v>22</v>
      </c>
      <c r="Q2587" s="10" t="s">
        <v>22</v>
      </c>
      <c r="R2587" s="10" t="s">
        <v>22</v>
      </c>
      <c r="S2587" s="10" t="s">
        <v>22</v>
      </c>
      <c r="T2587" s="10" t="s">
        <v>22</v>
      </c>
      <c r="U2587" s="10" t="s">
        <v>22</v>
      </c>
      <c r="V2587" s="10" t="s">
        <v>22</v>
      </c>
      <c r="W2587" s="10" t="s">
        <v>22</v>
      </c>
    </row>
    <row r="2588" spans="1:26" ht="24" customHeight="1" x14ac:dyDescent="0.2">
      <c r="A2588" s="9" t="s">
        <v>19830</v>
      </c>
      <c r="B2588" s="9" t="s">
        <v>14</v>
      </c>
      <c r="C2588" s="9" t="s">
        <v>12375</v>
      </c>
      <c r="D2588" s="6" t="s">
        <v>12376</v>
      </c>
      <c r="E2588" s="22">
        <v>44799</v>
      </c>
      <c r="F2588" s="22">
        <v>46624</v>
      </c>
      <c r="G2588" s="6" t="s">
        <v>12377</v>
      </c>
      <c r="H2588" s="6" t="s">
        <v>62</v>
      </c>
      <c r="I2588" s="6" t="s">
        <v>493</v>
      </c>
      <c r="J2588" s="6" t="s">
        <v>12378</v>
      </c>
      <c r="L2588" s="10" t="s">
        <v>22</v>
      </c>
      <c r="M2588" s="10" t="s">
        <v>22</v>
      </c>
      <c r="N2588" s="10" t="s">
        <v>22</v>
      </c>
      <c r="O2588" s="10" t="s">
        <v>22</v>
      </c>
      <c r="P2588" s="10" t="s">
        <v>22</v>
      </c>
      <c r="Q2588" s="10" t="s">
        <v>22</v>
      </c>
      <c r="R2588" s="10" t="s">
        <v>22</v>
      </c>
      <c r="S2588" s="10" t="s">
        <v>22</v>
      </c>
      <c r="T2588" s="10" t="s">
        <v>22</v>
      </c>
      <c r="U2588" s="10" t="s">
        <v>22</v>
      </c>
      <c r="V2588" s="10" t="s">
        <v>22</v>
      </c>
      <c r="W2588" s="10" t="s">
        <v>22</v>
      </c>
      <c r="X2588" s="10" t="s">
        <v>22</v>
      </c>
      <c r="Y2588" s="10" t="s">
        <v>22</v>
      </c>
      <c r="Z2588" s="10" t="s">
        <v>22</v>
      </c>
    </row>
    <row r="2589" spans="1:26" ht="24" customHeight="1" x14ac:dyDescent="0.2">
      <c r="A2589" s="9" t="s">
        <v>19831</v>
      </c>
      <c r="B2589" s="9" t="s">
        <v>14</v>
      </c>
      <c r="C2589" s="9" t="s">
        <v>12379</v>
      </c>
      <c r="D2589" s="6" t="s">
        <v>12380</v>
      </c>
      <c r="E2589" s="22">
        <v>44805</v>
      </c>
      <c r="F2589" s="22">
        <v>46630</v>
      </c>
      <c r="G2589" s="6" t="s">
        <v>12381</v>
      </c>
      <c r="H2589" s="6" t="s">
        <v>62</v>
      </c>
      <c r="I2589" s="6" t="s">
        <v>318</v>
      </c>
      <c r="J2589" s="6" t="s">
        <v>12382</v>
      </c>
      <c r="K2589" s="9" t="s">
        <v>12383</v>
      </c>
      <c r="L2589" s="10" t="s">
        <v>22</v>
      </c>
      <c r="M2589" s="10" t="s">
        <v>22</v>
      </c>
      <c r="N2589" s="10" t="s">
        <v>22</v>
      </c>
      <c r="O2589" s="10" t="s">
        <v>22</v>
      </c>
      <c r="P2589" s="10" t="s">
        <v>22</v>
      </c>
      <c r="Q2589" s="10" t="s">
        <v>22</v>
      </c>
      <c r="R2589" s="10" t="s">
        <v>22</v>
      </c>
      <c r="S2589" s="10" t="s">
        <v>22</v>
      </c>
      <c r="T2589" s="10" t="s">
        <v>22</v>
      </c>
      <c r="U2589" s="10" t="s">
        <v>22</v>
      </c>
      <c r="V2589" s="10" t="s">
        <v>22</v>
      </c>
      <c r="W2589" s="10" t="s">
        <v>22</v>
      </c>
      <c r="X2589" s="10" t="s">
        <v>22</v>
      </c>
      <c r="Y2589" s="10" t="s">
        <v>22</v>
      </c>
      <c r="Z2589" s="10" t="s">
        <v>22</v>
      </c>
    </row>
    <row r="2590" spans="1:26" ht="24" customHeight="1" x14ac:dyDescent="0.2">
      <c r="A2590" s="9" t="s">
        <v>19832</v>
      </c>
      <c r="B2590" s="9" t="s">
        <v>14</v>
      </c>
      <c r="C2590" s="9" t="s">
        <v>12384</v>
      </c>
      <c r="D2590" s="6" t="s">
        <v>12385</v>
      </c>
      <c r="E2590" s="22">
        <v>44805</v>
      </c>
      <c r="F2590" s="22">
        <v>46630</v>
      </c>
      <c r="G2590" s="6" t="s">
        <v>12386</v>
      </c>
      <c r="H2590" s="6" t="s">
        <v>62</v>
      </c>
      <c r="I2590" s="6" t="s">
        <v>842</v>
      </c>
      <c r="J2590" s="6" t="s">
        <v>12387</v>
      </c>
      <c r="K2590" s="9" t="s">
        <v>12388</v>
      </c>
      <c r="L2590" s="10" t="s">
        <v>22</v>
      </c>
      <c r="M2590" s="10" t="s">
        <v>22</v>
      </c>
      <c r="N2590" s="10" t="s">
        <v>22</v>
      </c>
      <c r="O2590" s="10" t="s">
        <v>22</v>
      </c>
      <c r="P2590" s="10" t="s">
        <v>22</v>
      </c>
      <c r="Q2590" s="10" t="s">
        <v>22</v>
      </c>
      <c r="R2590" s="10" t="s">
        <v>22</v>
      </c>
      <c r="S2590" s="10" t="s">
        <v>22</v>
      </c>
      <c r="T2590" s="10" t="s">
        <v>22</v>
      </c>
    </row>
    <row r="2591" spans="1:26" ht="24" customHeight="1" x14ac:dyDescent="0.2">
      <c r="A2591" s="9" t="s">
        <v>19833</v>
      </c>
      <c r="B2591" s="9" t="s">
        <v>14</v>
      </c>
      <c r="C2591" s="9" t="s">
        <v>12389</v>
      </c>
      <c r="D2591" s="6" t="s">
        <v>12390</v>
      </c>
      <c r="E2591" s="22">
        <v>44805</v>
      </c>
      <c r="F2591" s="22">
        <v>46630</v>
      </c>
      <c r="G2591" s="6" t="s">
        <v>12391</v>
      </c>
      <c r="H2591" s="6" t="s">
        <v>2368</v>
      </c>
      <c r="I2591" s="6" t="s">
        <v>2369</v>
      </c>
      <c r="J2591" s="6" t="s">
        <v>12392</v>
      </c>
      <c r="K2591" s="9" t="s">
        <v>12393</v>
      </c>
      <c r="L2591" s="10" t="s">
        <v>22</v>
      </c>
      <c r="M2591" s="10" t="s">
        <v>22</v>
      </c>
      <c r="N2591" s="10" t="s">
        <v>22</v>
      </c>
      <c r="O2591" s="10" t="s">
        <v>22</v>
      </c>
      <c r="P2591" s="10" t="s">
        <v>22</v>
      </c>
      <c r="Q2591" s="10" t="s">
        <v>22</v>
      </c>
      <c r="R2591" s="10" t="s">
        <v>22</v>
      </c>
      <c r="S2591" s="10" t="s">
        <v>22</v>
      </c>
      <c r="T2591" s="10" t="s">
        <v>22</v>
      </c>
      <c r="U2591" s="10" t="s">
        <v>22</v>
      </c>
      <c r="V2591" s="10" t="s">
        <v>22</v>
      </c>
      <c r="W2591" s="10" t="s">
        <v>22</v>
      </c>
      <c r="X2591" s="10" t="s">
        <v>22</v>
      </c>
      <c r="Y2591" s="10" t="s">
        <v>22</v>
      </c>
      <c r="Z2591" s="10" t="s">
        <v>22</v>
      </c>
    </row>
    <row r="2592" spans="1:26" ht="24" customHeight="1" x14ac:dyDescent="0.2">
      <c r="A2592" s="9" t="s">
        <v>19834</v>
      </c>
      <c r="B2592" s="9" t="s">
        <v>14</v>
      </c>
      <c r="C2592" s="9" t="s">
        <v>12394</v>
      </c>
      <c r="D2592" s="6" t="s">
        <v>12395</v>
      </c>
      <c r="E2592" s="22">
        <v>44805</v>
      </c>
      <c r="F2592" s="22">
        <v>46630</v>
      </c>
      <c r="G2592" s="6" t="s">
        <v>12396</v>
      </c>
      <c r="H2592" s="6" t="s">
        <v>363</v>
      </c>
      <c r="I2592" s="6" t="s">
        <v>466</v>
      </c>
      <c r="J2592" s="6" t="s">
        <v>12397</v>
      </c>
      <c r="K2592" s="9" t="s">
        <v>12398</v>
      </c>
      <c r="L2592" s="10" t="s">
        <v>22</v>
      </c>
      <c r="M2592" s="10" t="s">
        <v>22</v>
      </c>
      <c r="N2592" s="10" t="s">
        <v>22</v>
      </c>
      <c r="O2592" s="10" t="s">
        <v>22</v>
      </c>
      <c r="P2592" s="10" t="s">
        <v>22</v>
      </c>
      <c r="Q2592" s="10" t="s">
        <v>22</v>
      </c>
      <c r="R2592" s="10" t="s">
        <v>22</v>
      </c>
      <c r="S2592" s="10" t="s">
        <v>22</v>
      </c>
      <c r="T2592" s="10" t="s">
        <v>22</v>
      </c>
      <c r="U2592" s="10" t="s">
        <v>22</v>
      </c>
      <c r="V2592" s="10" t="s">
        <v>22</v>
      </c>
      <c r="W2592" s="10" t="s">
        <v>22</v>
      </c>
      <c r="X2592" s="10" t="s">
        <v>22</v>
      </c>
      <c r="Y2592" s="10" t="s">
        <v>22</v>
      </c>
      <c r="Z2592" s="10" t="s">
        <v>22</v>
      </c>
    </row>
    <row r="2593" spans="1:26" ht="24" customHeight="1" x14ac:dyDescent="0.2">
      <c r="A2593" s="9" t="s">
        <v>19835</v>
      </c>
      <c r="B2593" s="9" t="s">
        <v>14</v>
      </c>
      <c r="C2593" s="9" t="s">
        <v>12399</v>
      </c>
      <c r="D2593" s="6" t="s">
        <v>12400</v>
      </c>
      <c r="E2593" s="22">
        <v>44813</v>
      </c>
      <c r="F2593" s="22">
        <v>46638</v>
      </c>
      <c r="G2593" s="6" t="s">
        <v>12401</v>
      </c>
      <c r="H2593" s="6" t="s">
        <v>18</v>
      </c>
      <c r="I2593" s="6" t="s">
        <v>26</v>
      </c>
      <c r="J2593" s="6" t="s">
        <v>12402</v>
      </c>
      <c r="K2593" s="9" t="s">
        <v>12403</v>
      </c>
      <c r="L2593" s="10" t="s">
        <v>22</v>
      </c>
      <c r="M2593" s="10" t="s">
        <v>22</v>
      </c>
      <c r="N2593" s="10" t="s">
        <v>22</v>
      </c>
      <c r="O2593" s="10" t="s">
        <v>22</v>
      </c>
      <c r="P2593" s="10" t="s">
        <v>22</v>
      </c>
      <c r="Q2593" s="10" t="s">
        <v>22</v>
      </c>
      <c r="R2593" s="10" t="s">
        <v>22</v>
      </c>
      <c r="S2593" s="10" t="s">
        <v>22</v>
      </c>
      <c r="T2593" s="10" t="s">
        <v>22</v>
      </c>
      <c r="U2593" s="10" t="s">
        <v>22</v>
      </c>
      <c r="V2593" s="10" t="s">
        <v>22</v>
      </c>
      <c r="W2593" s="10" t="s">
        <v>22</v>
      </c>
      <c r="X2593" s="10" t="s">
        <v>22</v>
      </c>
      <c r="Y2593" s="10" t="s">
        <v>22</v>
      </c>
      <c r="Z2593" s="10" t="s">
        <v>22</v>
      </c>
    </row>
    <row r="2594" spans="1:26" ht="24" customHeight="1" x14ac:dyDescent="0.2">
      <c r="A2594" s="9" t="s">
        <v>19836</v>
      </c>
      <c r="B2594" s="9" t="s">
        <v>14</v>
      </c>
      <c r="C2594" s="9" t="s">
        <v>12404</v>
      </c>
      <c r="D2594" s="6" t="s">
        <v>12405</v>
      </c>
      <c r="E2594" s="22">
        <v>44813</v>
      </c>
      <c r="F2594" s="22">
        <v>46638</v>
      </c>
      <c r="G2594" s="6" t="s">
        <v>12406</v>
      </c>
      <c r="H2594" s="6" t="s">
        <v>2069</v>
      </c>
      <c r="I2594" s="6" t="s">
        <v>2070</v>
      </c>
      <c r="J2594" s="6" t="s">
        <v>12407</v>
      </c>
      <c r="K2594" s="9" t="s">
        <v>12408</v>
      </c>
      <c r="L2594" s="10" t="s">
        <v>22</v>
      </c>
      <c r="M2594" s="10" t="s">
        <v>22</v>
      </c>
      <c r="N2594" s="10" t="s">
        <v>22</v>
      </c>
      <c r="O2594" s="10" t="s">
        <v>22</v>
      </c>
      <c r="P2594" s="10" t="s">
        <v>22</v>
      </c>
      <c r="Q2594" s="10" t="s">
        <v>22</v>
      </c>
      <c r="R2594" s="10" t="s">
        <v>22</v>
      </c>
      <c r="S2594" s="10" t="s">
        <v>22</v>
      </c>
      <c r="T2594" s="10" t="s">
        <v>22</v>
      </c>
      <c r="U2594" s="10" t="s">
        <v>22</v>
      </c>
      <c r="V2594" s="10" t="s">
        <v>22</v>
      </c>
      <c r="W2594" s="10" t="s">
        <v>22</v>
      </c>
      <c r="X2594" s="10" t="s">
        <v>22</v>
      </c>
      <c r="Y2594" s="10" t="s">
        <v>22</v>
      </c>
      <c r="Z2594" s="10" t="s">
        <v>22</v>
      </c>
    </row>
    <row r="2595" spans="1:26" ht="24" customHeight="1" x14ac:dyDescent="0.2">
      <c r="A2595" s="9" t="s">
        <v>19837</v>
      </c>
      <c r="B2595" s="9" t="s">
        <v>14</v>
      </c>
      <c r="C2595" s="9" t="s">
        <v>12409</v>
      </c>
      <c r="D2595" s="6" t="s">
        <v>12410</v>
      </c>
      <c r="E2595" s="22">
        <v>44813</v>
      </c>
      <c r="F2595" s="22">
        <v>46638</v>
      </c>
      <c r="G2595" s="6" t="s">
        <v>12411</v>
      </c>
      <c r="H2595" s="6" t="s">
        <v>18</v>
      </c>
      <c r="I2595" s="6" t="s">
        <v>19</v>
      </c>
      <c r="J2595" s="6" t="s">
        <v>12412</v>
      </c>
      <c r="K2595" s="9" t="s">
        <v>12413</v>
      </c>
      <c r="L2595" s="10" t="s">
        <v>22</v>
      </c>
      <c r="M2595" s="10" t="s">
        <v>22</v>
      </c>
      <c r="N2595" s="10" t="s">
        <v>22</v>
      </c>
      <c r="O2595" s="10" t="s">
        <v>22</v>
      </c>
      <c r="P2595" s="10" t="s">
        <v>22</v>
      </c>
      <c r="Q2595" s="10" t="s">
        <v>22</v>
      </c>
      <c r="R2595" s="10" t="s">
        <v>22</v>
      </c>
      <c r="S2595" s="10" t="s">
        <v>22</v>
      </c>
      <c r="T2595" s="10" t="s">
        <v>22</v>
      </c>
    </row>
    <row r="2596" spans="1:26" ht="24" customHeight="1" x14ac:dyDescent="0.2">
      <c r="A2596" s="9" t="s">
        <v>19838</v>
      </c>
      <c r="B2596" s="9" t="s">
        <v>14</v>
      </c>
      <c r="C2596" s="9" t="s">
        <v>12414</v>
      </c>
      <c r="D2596" s="6" t="s">
        <v>12415</v>
      </c>
      <c r="E2596" s="22">
        <v>44813</v>
      </c>
      <c r="F2596" s="22">
        <v>46638</v>
      </c>
      <c r="G2596" s="6" t="s">
        <v>12416</v>
      </c>
      <c r="H2596" s="6" t="s">
        <v>62</v>
      </c>
      <c r="I2596" s="6" t="s">
        <v>10662</v>
      </c>
      <c r="J2596" s="6" t="s">
        <v>12417</v>
      </c>
      <c r="K2596" s="9" t="s">
        <v>12418</v>
      </c>
      <c r="L2596" s="10" t="s">
        <v>22</v>
      </c>
      <c r="M2596" s="10" t="s">
        <v>22</v>
      </c>
      <c r="N2596" s="10" t="s">
        <v>22</v>
      </c>
      <c r="O2596" s="10" t="s">
        <v>22</v>
      </c>
      <c r="P2596" s="10" t="s">
        <v>22</v>
      </c>
      <c r="Q2596" s="10" t="s">
        <v>22</v>
      </c>
      <c r="U2596" s="10" t="s">
        <v>22</v>
      </c>
      <c r="V2596" s="10" t="s">
        <v>22</v>
      </c>
      <c r="W2596" s="10" t="s">
        <v>22</v>
      </c>
      <c r="X2596" s="10" t="s">
        <v>22</v>
      </c>
      <c r="Y2596" s="10" t="s">
        <v>22</v>
      </c>
      <c r="Z2596" s="10" t="s">
        <v>22</v>
      </c>
    </row>
    <row r="2597" spans="1:26" ht="24" customHeight="1" x14ac:dyDescent="0.2">
      <c r="A2597" s="9" t="s">
        <v>19839</v>
      </c>
      <c r="B2597" s="9" t="s">
        <v>14</v>
      </c>
      <c r="C2597" s="9" t="s">
        <v>12419</v>
      </c>
      <c r="D2597" s="6" t="s">
        <v>12420</v>
      </c>
      <c r="E2597" s="22">
        <v>44813</v>
      </c>
      <c r="F2597" s="22">
        <v>46638</v>
      </c>
      <c r="G2597" s="6" t="s">
        <v>12421</v>
      </c>
      <c r="H2597" s="6" t="s">
        <v>18</v>
      </c>
      <c r="I2597" s="6" t="s">
        <v>19</v>
      </c>
      <c r="J2597" s="6" t="s">
        <v>12422</v>
      </c>
      <c r="K2597" s="9" t="s">
        <v>12423</v>
      </c>
      <c r="L2597" s="10" t="s">
        <v>22</v>
      </c>
      <c r="M2597" s="10" t="s">
        <v>22</v>
      </c>
      <c r="N2597" s="10" t="s">
        <v>22</v>
      </c>
      <c r="O2597" s="10" t="s">
        <v>22</v>
      </c>
      <c r="P2597" s="10" t="s">
        <v>22</v>
      </c>
      <c r="Q2597" s="10" t="s">
        <v>22</v>
      </c>
      <c r="R2597" s="10" t="s">
        <v>22</v>
      </c>
      <c r="S2597" s="10" t="s">
        <v>22</v>
      </c>
      <c r="T2597" s="10" t="s">
        <v>22</v>
      </c>
      <c r="U2597" s="10" t="s">
        <v>22</v>
      </c>
      <c r="V2597" s="10" t="s">
        <v>22</v>
      </c>
      <c r="W2597" s="10" t="s">
        <v>22</v>
      </c>
      <c r="X2597" s="10" t="s">
        <v>22</v>
      </c>
      <c r="Y2597" s="10" t="s">
        <v>22</v>
      </c>
      <c r="Z2597" s="10" t="s">
        <v>22</v>
      </c>
    </row>
    <row r="2598" spans="1:26" ht="24" customHeight="1" x14ac:dyDescent="0.2">
      <c r="A2598" s="9" t="s">
        <v>19840</v>
      </c>
      <c r="B2598" s="9" t="s">
        <v>14</v>
      </c>
      <c r="C2598" s="9" t="s">
        <v>12424</v>
      </c>
      <c r="D2598" s="6" t="s">
        <v>12425</v>
      </c>
      <c r="E2598" s="22">
        <v>44813</v>
      </c>
      <c r="F2598" s="22">
        <v>46638</v>
      </c>
      <c r="G2598" s="6" t="s">
        <v>12426</v>
      </c>
      <c r="H2598" s="6" t="s">
        <v>18</v>
      </c>
      <c r="I2598" s="6" t="s">
        <v>26</v>
      </c>
      <c r="J2598" s="6" t="s">
        <v>12427</v>
      </c>
      <c r="K2598" s="9" t="s">
        <v>12428</v>
      </c>
      <c r="L2598" s="10" t="s">
        <v>22</v>
      </c>
      <c r="M2598" s="10" t="s">
        <v>22</v>
      </c>
      <c r="N2598" s="10" t="s">
        <v>22</v>
      </c>
      <c r="U2598" s="10" t="s">
        <v>22</v>
      </c>
      <c r="V2598" s="10" t="s">
        <v>22</v>
      </c>
      <c r="W2598" s="10" t="s">
        <v>22</v>
      </c>
    </row>
    <row r="2599" spans="1:26" ht="24" customHeight="1" x14ac:dyDescent="0.2">
      <c r="A2599" s="9" t="s">
        <v>19841</v>
      </c>
      <c r="B2599" s="9" t="s">
        <v>14</v>
      </c>
      <c r="C2599" s="9" t="s">
        <v>12429</v>
      </c>
      <c r="D2599" s="6" t="s">
        <v>12430</v>
      </c>
      <c r="E2599" s="22">
        <v>44813</v>
      </c>
      <c r="F2599" s="22">
        <v>46638</v>
      </c>
      <c r="G2599" s="6" t="s">
        <v>12431</v>
      </c>
      <c r="H2599" s="6" t="s">
        <v>202</v>
      </c>
      <c r="I2599" s="6" t="s">
        <v>3799</v>
      </c>
      <c r="J2599" s="6" t="s">
        <v>12432</v>
      </c>
      <c r="L2599" s="10" t="s">
        <v>22</v>
      </c>
      <c r="M2599" s="10" t="s">
        <v>22</v>
      </c>
      <c r="N2599" s="10" t="s">
        <v>22</v>
      </c>
      <c r="R2599" s="10" t="s">
        <v>22</v>
      </c>
      <c r="S2599" s="10" t="s">
        <v>22</v>
      </c>
      <c r="T2599" s="10" t="s">
        <v>22</v>
      </c>
      <c r="U2599" s="10" t="s">
        <v>22</v>
      </c>
      <c r="V2599" s="10" t="s">
        <v>22</v>
      </c>
      <c r="W2599" s="10" t="s">
        <v>22</v>
      </c>
    </row>
    <row r="2600" spans="1:26" ht="24" customHeight="1" x14ac:dyDescent="0.2">
      <c r="A2600" s="9" t="s">
        <v>19842</v>
      </c>
      <c r="B2600" s="9" t="s">
        <v>14</v>
      </c>
      <c r="C2600" s="9" t="s">
        <v>12433</v>
      </c>
      <c r="D2600" s="6" t="s">
        <v>12434</v>
      </c>
      <c r="E2600" s="22">
        <v>44813</v>
      </c>
      <c r="F2600" s="22">
        <v>46638</v>
      </c>
      <c r="G2600" s="6" t="s">
        <v>12435</v>
      </c>
      <c r="H2600" s="6" t="s">
        <v>229</v>
      </c>
      <c r="I2600" s="6" t="s">
        <v>1885</v>
      </c>
      <c r="J2600" s="6" t="s">
        <v>12436</v>
      </c>
      <c r="K2600" s="9" t="s">
        <v>12437</v>
      </c>
      <c r="M2600" s="10" t="s">
        <v>22</v>
      </c>
      <c r="N2600" s="10" t="s">
        <v>22</v>
      </c>
      <c r="P2600" s="10" t="s">
        <v>22</v>
      </c>
      <c r="Q2600" s="10" t="s">
        <v>22</v>
      </c>
      <c r="V2600" s="10" t="s">
        <v>22</v>
      </c>
      <c r="W2600" s="10" t="s">
        <v>22</v>
      </c>
      <c r="Y2600" s="10" t="s">
        <v>22</v>
      </c>
      <c r="Z2600" s="10" t="s">
        <v>22</v>
      </c>
    </row>
    <row r="2601" spans="1:26" ht="24" customHeight="1" x14ac:dyDescent="0.2">
      <c r="A2601" s="9" t="s">
        <v>19843</v>
      </c>
      <c r="B2601" s="9" t="s">
        <v>14</v>
      </c>
      <c r="C2601" s="9" t="s">
        <v>12438</v>
      </c>
      <c r="D2601" s="6" t="s">
        <v>12439</v>
      </c>
      <c r="E2601" s="22">
        <v>44825</v>
      </c>
      <c r="F2601" s="22">
        <v>46650</v>
      </c>
      <c r="G2601" s="6" t="s">
        <v>12440</v>
      </c>
      <c r="H2601" s="6" t="s">
        <v>202</v>
      </c>
      <c r="I2601" s="6" t="s">
        <v>336</v>
      </c>
      <c r="J2601" s="6" t="s">
        <v>12441</v>
      </c>
      <c r="L2601" s="10" t="s">
        <v>22</v>
      </c>
      <c r="M2601" s="10" t="s">
        <v>22</v>
      </c>
      <c r="N2601" s="10" t="s">
        <v>22</v>
      </c>
      <c r="O2601" s="10" t="s">
        <v>22</v>
      </c>
      <c r="P2601" s="10" t="s">
        <v>22</v>
      </c>
      <c r="Q2601" s="10" t="s">
        <v>22</v>
      </c>
      <c r="R2601" s="10" t="s">
        <v>22</v>
      </c>
      <c r="S2601" s="10" t="s">
        <v>22</v>
      </c>
      <c r="T2601" s="10" t="s">
        <v>22</v>
      </c>
      <c r="U2601" s="10" t="s">
        <v>22</v>
      </c>
      <c r="V2601" s="10" t="s">
        <v>22</v>
      </c>
      <c r="W2601" s="10" t="s">
        <v>22</v>
      </c>
      <c r="X2601" s="10" t="s">
        <v>22</v>
      </c>
      <c r="Y2601" s="10" t="s">
        <v>22</v>
      </c>
      <c r="Z2601" s="10" t="s">
        <v>22</v>
      </c>
    </row>
    <row r="2602" spans="1:26" ht="24" customHeight="1" x14ac:dyDescent="0.2">
      <c r="A2602" s="9" t="s">
        <v>19844</v>
      </c>
      <c r="B2602" s="9" t="s">
        <v>14</v>
      </c>
      <c r="C2602" s="9" t="s">
        <v>12442</v>
      </c>
      <c r="D2602" s="6" t="s">
        <v>12443</v>
      </c>
      <c r="E2602" s="22">
        <v>44825</v>
      </c>
      <c r="F2602" s="22">
        <v>46650</v>
      </c>
      <c r="G2602" s="6" t="s">
        <v>12444</v>
      </c>
      <c r="H2602" s="6" t="s">
        <v>202</v>
      </c>
      <c r="I2602" s="6" t="s">
        <v>1707</v>
      </c>
      <c r="J2602" s="6" t="s">
        <v>12445</v>
      </c>
      <c r="L2602" s="10" t="s">
        <v>22</v>
      </c>
      <c r="M2602" s="10" t="s">
        <v>22</v>
      </c>
      <c r="N2602" s="10" t="s">
        <v>22</v>
      </c>
      <c r="O2602" s="10" t="s">
        <v>22</v>
      </c>
      <c r="P2602" s="10" t="s">
        <v>22</v>
      </c>
      <c r="Q2602" s="10" t="s">
        <v>22</v>
      </c>
      <c r="R2602" s="10" t="s">
        <v>22</v>
      </c>
      <c r="S2602" s="10" t="s">
        <v>22</v>
      </c>
      <c r="T2602" s="10" t="s">
        <v>22</v>
      </c>
      <c r="U2602" s="10" t="s">
        <v>22</v>
      </c>
      <c r="V2602" s="10" t="s">
        <v>22</v>
      </c>
      <c r="W2602" s="10" t="s">
        <v>22</v>
      </c>
      <c r="X2602" s="10" t="s">
        <v>22</v>
      </c>
      <c r="Y2602" s="10" t="s">
        <v>22</v>
      </c>
      <c r="Z2602" s="10" t="s">
        <v>22</v>
      </c>
    </row>
    <row r="2603" spans="1:26" ht="24" customHeight="1" x14ac:dyDescent="0.2">
      <c r="A2603" s="9" t="s">
        <v>19845</v>
      </c>
      <c r="B2603" s="9" t="s">
        <v>14</v>
      </c>
      <c r="C2603" s="9" t="s">
        <v>12446</v>
      </c>
      <c r="D2603" s="6" t="s">
        <v>12447</v>
      </c>
      <c r="E2603" s="22">
        <v>44825</v>
      </c>
      <c r="F2603" s="22">
        <v>46650</v>
      </c>
      <c r="G2603" s="6" t="s">
        <v>12448</v>
      </c>
      <c r="H2603" s="6" t="s">
        <v>18</v>
      </c>
      <c r="I2603" s="6" t="s">
        <v>19</v>
      </c>
      <c r="J2603" s="6" t="s">
        <v>12449</v>
      </c>
      <c r="L2603" s="10" t="s">
        <v>22</v>
      </c>
      <c r="M2603" s="10" t="s">
        <v>22</v>
      </c>
      <c r="N2603" s="10" t="s">
        <v>22</v>
      </c>
      <c r="O2603" s="10" t="s">
        <v>22</v>
      </c>
      <c r="P2603" s="10" t="s">
        <v>22</v>
      </c>
      <c r="Q2603" s="10" t="s">
        <v>22</v>
      </c>
      <c r="R2603" s="10" t="s">
        <v>22</v>
      </c>
      <c r="S2603" s="10" t="s">
        <v>22</v>
      </c>
      <c r="T2603" s="10" t="s">
        <v>22</v>
      </c>
    </row>
    <row r="2604" spans="1:26" ht="24" customHeight="1" x14ac:dyDescent="0.2">
      <c r="A2604" s="9" t="s">
        <v>19846</v>
      </c>
      <c r="B2604" s="9" t="s">
        <v>14</v>
      </c>
      <c r="C2604" s="9" t="s">
        <v>12450</v>
      </c>
      <c r="D2604" s="6" t="s">
        <v>12451</v>
      </c>
      <c r="E2604" s="22">
        <v>44825</v>
      </c>
      <c r="F2604" s="22">
        <v>46650</v>
      </c>
      <c r="G2604" s="6" t="s">
        <v>12452</v>
      </c>
      <c r="H2604" s="6" t="s">
        <v>18</v>
      </c>
      <c r="I2604" s="6" t="s">
        <v>19</v>
      </c>
      <c r="J2604" s="6" t="s">
        <v>12453</v>
      </c>
      <c r="L2604" s="10" t="s">
        <v>22</v>
      </c>
      <c r="M2604" s="10" t="s">
        <v>22</v>
      </c>
      <c r="N2604" s="10" t="s">
        <v>22</v>
      </c>
      <c r="O2604" s="10" t="s">
        <v>22</v>
      </c>
      <c r="P2604" s="10" t="s">
        <v>22</v>
      </c>
      <c r="Q2604" s="10" t="s">
        <v>22</v>
      </c>
      <c r="U2604" s="10" t="s">
        <v>22</v>
      </c>
      <c r="V2604" s="10" t="s">
        <v>22</v>
      </c>
      <c r="W2604" s="10" t="s">
        <v>22</v>
      </c>
      <c r="X2604" s="10" t="s">
        <v>22</v>
      </c>
      <c r="Y2604" s="10" t="s">
        <v>22</v>
      </c>
      <c r="Z2604" s="10" t="s">
        <v>22</v>
      </c>
    </row>
    <row r="2605" spans="1:26" ht="24" customHeight="1" x14ac:dyDescent="0.2">
      <c r="A2605" s="9" t="s">
        <v>19847</v>
      </c>
      <c r="B2605" s="9" t="s">
        <v>14</v>
      </c>
      <c r="C2605" s="9" t="s">
        <v>12454</v>
      </c>
      <c r="D2605" s="6" t="s">
        <v>12455</v>
      </c>
      <c r="E2605" s="22">
        <v>44826</v>
      </c>
      <c r="F2605" s="22">
        <v>46651</v>
      </c>
      <c r="G2605" s="6" t="s">
        <v>12456</v>
      </c>
      <c r="H2605" s="6" t="s">
        <v>18</v>
      </c>
      <c r="I2605" s="6" t="s">
        <v>19</v>
      </c>
      <c r="J2605" s="6" t="s">
        <v>12457</v>
      </c>
      <c r="L2605" s="10" t="s">
        <v>22</v>
      </c>
      <c r="M2605" s="10" t="s">
        <v>22</v>
      </c>
      <c r="N2605" s="10" t="s">
        <v>22</v>
      </c>
      <c r="O2605" s="10" t="s">
        <v>22</v>
      </c>
      <c r="P2605" s="10" t="s">
        <v>22</v>
      </c>
      <c r="Q2605" s="10" t="s">
        <v>22</v>
      </c>
      <c r="R2605" s="10" t="s">
        <v>22</v>
      </c>
      <c r="S2605" s="10" t="s">
        <v>22</v>
      </c>
      <c r="T2605" s="10" t="s">
        <v>22</v>
      </c>
      <c r="U2605" s="10" t="s">
        <v>22</v>
      </c>
      <c r="V2605" s="10" t="s">
        <v>22</v>
      </c>
      <c r="W2605" s="10" t="s">
        <v>22</v>
      </c>
      <c r="X2605" s="10" t="s">
        <v>22</v>
      </c>
      <c r="Y2605" s="10" t="s">
        <v>22</v>
      </c>
      <c r="Z2605" s="10" t="s">
        <v>22</v>
      </c>
    </row>
    <row r="2606" spans="1:26" ht="24" customHeight="1" x14ac:dyDescent="0.2">
      <c r="A2606" s="9" t="s">
        <v>19848</v>
      </c>
      <c r="B2606" s="9" t="s">
        <v>14</v>
      </c>
      <c r="C2606" s="9" t="s">
        <v>12458</v>
      </c>
      <c r="D2606" s="6" t="s">
        <v>12459</v>
      </c>
      <c r="E2606" s="22">
        <v>44826</v>
      </c>
      <c r="F2606" s="22">
        <v>46651</v>
      </c>
      <c r="G2606" s="6" t="s">
        <v>12460</v>
      </c>
      <c r="H2606" s="6" t="s">
        <v>18</v>
      </c>
      <c r="I2606" s="6" t="s">
        <v>19</v>
      </c>
      <c r="J2606" s="6" t="s">
        <v>12461</v>
      </c>
      <c r="L2606" s="10" t="s">
        <v>22</v>
      </c>
      <c r="M2606" s="10" t="s">
        <v>22</v>
      </c>
      <c r="N2606" s="10" t="s">
        <v>22</v>
      </c>
      <c r="O2606" s="10" t="s">
        <v>22</v>
      </c>
      <c r="P2606" s="10" t="s">
        <v>22</v>
      </c>
      <c r="Q2606" s="10" t="s">
        <v>22</v>
      </c>
      <c r="R2606" s="10" t="s">
        <v>22</v>
      </c>
      <c r="S2606" s="10" t="s">
        <v>22</v>
      </c>
      <c r="T2606" s="10" t="s">
        <v>22</v>
      </c>
      <c r="U2606" s="10" t="s">
        <v>22</v>
      </c>
      <c r="V2606" s="10" t="s">
        <v>22</v>
      </c>
      <c r="W2606" s="10" t="s">
        <v>22</v>
      </c>
      <c r="X2606" s="10" t="s">
        <v>22</v>
      </c>
      <c r="Y2606" s="10" t="s">
        <v>22</v>
      </c>
      <c r="Z2606" s="10" t="s">
        <v>22</v>
      </c>
    </row>
    <row r="2607" spans="1:26" ht="24" customHeight="1" x14ac:dyDescent="0.2">
      <c r="A2607" s="9" t="s">
        <v>19849</v>
      </c>
      <c r="B2607" s="9" t="s">
        <v>14</v>
      </c>
      <c r="C2607" s="9" t="s">
        <v>12462</v>
      </c>
      <c r="D2607" s="6" t="s">
        <v>12463</v>
      </c>
      <c r="E2607" s="22">
        <v>44826</v>
      </c>
      <c r="F2607" s="22">
        <v>46651</v>
      </c>
      <c r="G2607" s="6" t="s">
        <v>12464</v>
      </c>
      <c r="H2607" s="6" t="s">
        <v>2029</v>
      </c>
      <c r="I2607" s="6" t="s">
        <v>5332</v>
      </c>
      <c r="J2607" s="6" t="s">
        <v>12465</v>
      </c>
      <c r="K2607" s="9" t="s">
        <v>12466</v>
      </c>
      <c r="L2607" s="10" t="s">
        <v>22</v>
      </c>
      <c r="M2607" s="10" t="s">
        <v>22</v>
      </c>
      <c r="N2607" s="10" t="s">
        <v>22</v>
      </c>
      <c r="O2607" s="10" t="s">
        <v>22</v>
      </c>
      <c r="P2607" s="10" t="s">
        <v>22</v>
      </c>
      <c r="Q2607" s="10" t="s">
        <v>22</v>
      </c>
      <c r="U2607" s="10" t="s">
        <v>22</v>
      </c>
      <c r="V2607" s="10" t="s">
        <v>22</v>
      </c>
      <c r="W2607" s="10" t="s">
        <v>22</v>
      </c>
      <c r="X2607" s="10" t="s">
        <v>22</v>
      </c>
      <c r="Y2607" s="10" t="s">
        <v>22</v>
      </c>
      <c r="Z2607" s="10" t="s">
        <v>22</v>
      </c>
    </row>
    <row r="2608" spans="1:26" ht="24" customHeight="1" x14ac:dyDescent="0.2">
      <c r="A2608" s="9" t="s">
        <v>19850</v>
      </c>
      <c r="B2608" s="9" t="s">
        <v>14</v>
      </c>
      <c r="C2608" s="9" t="s">
        <v>12467</v>
      </c>
      <c r="D2608" s="6" t="s">
        <v>12468</v>
      </c>
      <c r="E2608" s="22">
        <v>44839</v>
      </c>
      <c r="F2608" s="22">
        <v>46664</v>
      </c>
      <c r="G2608" s="6" t="s">
        <v>12469</v>
      </c>
      <c r="H2608" s="6" t="s">
        <v>62</v>
      </c>
      <c r="I2608" s="6" t="s">
        <v>551</v>
      </c>
      <c r="J2608" s="6" t="s">
        <v>12470</v>
      </c>
      <c r="L2608" s="10" t="s">
        <v>22</v>
      </c>
      <c r="M2608" s="10" t="s">
        <v>22</v>
      </c>
      <c r="N2608" s="10" t="s">
        <v>22</v>
      </c>
      <c r="O2608" s="10" t="s">
        <v>22</v>
      </c>
      <c r="P2608" s="10" t="s">
        <v>22</v>
      </c>
      <c r="Q2608" s="10" t="s">
        <v>22</v>
      </c>
      <c r="U2608" s="10" t="s">
        <v>22</v>
      </c>
      <c r="V2608" s="10" t="s">
        <v>22</v>
      </c>
      <c r="W2608" s="10" t="s">
        <v>22</v>
      </c>
      <c r="X2608" s="10" t="s">
        <v>22</v>
      </c>
      <c r="Y2608" s="10" t="s">
        <v>22</v>
      </c>
      <c r="Z2608" s="10" t="s">
        <v>22</v>
      </c>
    </row>
    <row r="2609" spans="1:26" ht="24" customHeight="1" x14ac:dyDescent="0.2">
      <c r="A2609" s="9" t="s">
        <v>19851</v>
      </c>
      <c r="B2609" s="9" t="s">
        <v>14</v>
      </c>
      <c r="C2609" s="9" t="s">
        <v>12471</v>
      </c>
      <c r="D2609" s="6" t="s">
        <v>12472</v>
      </c>
      <c r="E2609" s="22">
        <v>44845</v>
      </c>
      <c r="F2609" s="22">
        <v>46670</v>
      </c>
      <c r="G2609" s="6" t="s">
        <v>12473</v>
      </c>
      <c r="H2609" s="6" t="s">
        <v>2368</v>
      </c>
      <c r="I2609" s="6" t="s">
        <v>2710</v>
      </c>
      <c r="J2609" s="6" t="s">
        <v>12474</v>
      </c>
      <c r="K2609" s="9" t="s">
        <v>12475</v>
      </c>
      <c r="L2609" s="10" t="s">
        <v>22</v>
      </c>
      <c r="M2609" s="10" t="s">
        <v>22</v>
      </c>
      <c r="N2609" s="10" t="s">
        <v>22</v>
      </c>
      <c r="O2609" s="10" t="s">
        <v>22</v>
      </c>
      <c r="P2609" s="10" t="s">
        <v>22</v>
      </c>
      <c r="Q2609" s="10" t="s">
        <v>22</v>
      </c>
      <c r="R2609" s="10" t="s">
        <v>22</v>
      </c>
      <c r="S2609" s="10" t="s">
        <v>22</v>
      </c>
      <c r="T2609" s="10" t="s">
        <v>22</v>
      </c>
      <c r="U2609" s="10" t="s">
        <v>22</v>
      </c>
      <c r="V2609" s="10" t="s">
        <v>22</v>
      </c>
      <c r="W2609" s="10" t="s">
        <v>22</v>
      </c>
      <c r="X2609" s="10" t="s">
        <v>22</v>
      </c>
      <c r="Y2609" s="10" t="s">
        <v>22</v>
      </c>
      <c r="Z2609" s="10" t="s">
        <v>22</v>
      </c>
    </row>
    <row r="2610" spans="1:26" ht="24" customHeight="1" x14ac:dyDescent="0.2">
      <c r="A2610" s="9" t="s">
        <v>19852</v>
      </c>
      <c r="B2610" s="9" t="s">
        <v>14</v>
      </c>
      <c r="C2610" s="9" t="s">
        <v>12476</v>
      </c>
      <c r="D2610" s="6" t="s">
        <v>12477</v>
      </c>
      <c r="E2610" s="22">
        <v>44845</v>
      </c>
      <c r="F2610" s="22">
        <v>46670</v>
      </c>
      <c r="G2610" s="6" t="s">
        <v>12478</v>
      </c>
      <c r="H2610" s="6" t="s">
        <v>202</v>
      </c>
      <c r="I2610" s="6" t="s">
        <v>954</v>
      </c>
      <c r="J2610" s="6" t="s">
        <v>12479</v>
      </c>
      <c r="L2610" s="10" t="s">
        <v>22</v>
      </c>
      <c r="M2610" s="10" t="s">
        <v>22</v>
      </c>
      <c r="N2610" s="10" t="s">
        <v>22</v>
      </c>
      <c r="O2610" s="10" t="s">
        <v>22</v>
      </c>
      <c r="P2610" s="10" t="s">
        <v>22</v>
      </c>
      <c r="Q2610" s="10" t="s">
        <v>22</v>
      </c>
      <c r="R2610" s="10" t="s">
        <v>22</v>
      </c>
      <c r="S2610" s="10" t="s">
        <v>22</v>
      </c>
      <c r="T2610" s="10" t="s">
        <v>22</v>
      </c>
      <c r="U2610" s="10" t="s">
        <v>22</v>
      </c>
      <c r="V2610" s="10" t="s">
        <v>22</v>
      </c>
      <c r="W2610" s="10" t="s">
        <v>22</v>
      </c>
      <c r="X2610" s="10" t="s">
        <v>22</v>
      </c>
      <c r="Y2610" s="10" t="s">
        <v>22</v>
      </c>
      <c r="Z2610" s="10" t="s">
        <v>22</v>
      </c>
    </row>
    <row r="2611" spans="1:26" ht="24" customHeight="1" x14ac:dyDescent="0.2">
      <c r="A2611" s="9" t="s">
        <v>19853</v>
      </c>
      <c r="B2611" s="9" t="s">
        <v>14</v>
      </c>
      <c r="C2611" s="9" t="s">
        <v>12480</v>
      </c>
      <c r="D2611" s="6" t="s">
        <v>12481</v>
      </c>
      <c r="E2611" s="22">
        <v>44845</v>
      </c>
      <c r="F2611" s="22">
        <v>46670</v>
      </c>
      <c r="G2611" s="6" t="s">
        <v>12482</v>
      </c>
      <c r="H2611" s="6" t="s">
        <v>202</v>
      </c>
      <c r="I2611" s="6" t="s">
        <v>336</v>
      </c>
      <c r="J2611" s="6" t="s">
        <v>12483</v>
      </c>
      <c r="K2611" s="9" t="s">
        <v>12484</v>
      </c>
      <c r="L2611" s="10" t="s">
        <v>22</v>
      </c>
      <c r="M2611" s="10" t="s">
        <v>22</v>
      </c>
      <c r="N2611" s="10" t="s">
        <v>22</v>
      </c>
      <c r="O2611" s="10" t="s">
        <v>22</v>
      </c>
      <c r="P2611" s="10" t="s">
        <v>22</v>
      </c>
      <c r="Q2611" s="10" t="s">
        <v>22</v>
      </c>
      <c r="R2611" s="10" t="s">
        <v>22</v>
      </c>
      <c r="S2611" s="10" t="s">
        <v>22</v>
      </c>
      <c r="T2611" s="10" t="s">
        <v>22</v>
      </c>
      <c r="U2611" s="10" t="s">
        <v>22</v>
      </c>
      <c r="V2611" s="10" t="s">
        <v>22</v>
      </c>
      <c r="W2611" s="10" t="s">
        <v>22</v>
      </c>
      <c r="X2611" s="10" t="s">
        <v>22</v>
      </c>
      <c r="Y2611" s="10" t="s">
        <v>22</v>
      </c>
      <c r="Z2611" s="10" t="s">
        <v>22</v>
      </c>
    </row>
    <row r="2612" spans="1:26" ht="24" customHeight="1" x14ac:dyDescent="0.2">
      <c r="A2612" s="9" t="s">
        <v>19854</v>
      </c>
      <c r="B2612" s="9" t="s">
        <v>14</v>
      </c>
      <c r="C2612" s="9" t="s">
        <v>12485</v>
      </c>
      <c r="D2612" s="6" t="s">
        <v>12486</v>
      </c>
      <c r="E2612" s="22">
        <v>44851</v>
      </c>
      <c r="F2612" s="22">
        <v>46676</v>
      </c>
      <c r="G2612" s="6" t="s">
        <v>12487</v>
      </c>
      <c r="H2612" s="6" t="s">
        <v>202</v>
      </c>
      <c r="I2612" s="6" t="s">
        <v>863</v>
      </c>
      <c r="J2612" s="6" t="s">
        <v>12488</v>
      </c>
      <c r="K2612" s="9" t="s">
        <v>12489</v>
      </c>
      <c r="L2612" s="10" t="s">
        <v>22</v>
      </c>
      <c r="M2612" s="10" t="s">
        <v>22</v>
      </c>
      <c r="N2612" s="10" t="s">
        <v>22</v>
      </c>
      <c r="O2612" s="10" t="s">
        <v>22</v>
      </c>
      <c r="P2612" s="10" t="s">
        <v>22</v>
      </c>
      <c r="Q2612" s="10" t="s">
        <v>22</v>
      </c>
      <c r="U2612" s="10" t="s">
        <v>22</v>
      </c>
      <c r="V2612" s="10" t="s">
        <v>22</v>
      </c>
      <c r="W2612" s="10" t="s">
        <v>22</v>
      </c>
      <c r="X2612" s="10" t="s">
        <v>22</v>
      </c>
      <c r="Y2612" s="10" t="s">
        <v>22</v>
      </c>
      <c r="Z2612" s="10" t="s">
        <v>22</v>
      </c>
    </row>
    <row r="2613" spans="1:26" ht="24" customHeight="1" x14ac:dyDescent="0.2">
      <c r="A2613" s="9" t="s">
        <v>19855</v>
      </c>
      <c r="B2613" s="9" t="s">
        <v>14</v>
      </c>
      <c r="C2613" s="9" t="s">
        <v>12490</v>
      </c>
      <c r="D2613" s="6" t="s">
        <v>12491</v>
      </c>
      <c r="E2613" s="22">
        <v>44853</v>
      </c>
      <c r="F2613" s="22">
        <v>46678</v>
      </c>
      <c r="G2613" s="6" t="s">
        <v>12492</v>
      </c>
      <c r="H2613" s="6" t="s">
        <v>62</v>
      </c>
      <c r="I2613" s="6" t="s">
        <v>186</v>
      </c>
      <c r="J2613" s="6" t="s">
        <v>12493</v>
      </c>
      <c r="K2613" s="9" t="s">
        <v>12494</v>
      </c>
      <c r="L2613" s="10" t="s">
        <v>22</v>
      </c>
      <c r="M2613" s="10" t="s">
        <v>22</v>
      </c>
      <c r="N2613" s="10" t="s">
        <v>22</v>
      </c>
      <c r="O2613" s="10" t="s">
        <v>22</v>
      </c>
      <c r="P2613" s="10" t="s">
        <v>22</v>
      </c>
      <c r="Q2613" s="10" t="s">
        <v>22</v>
      </c>
      <c r="R2613" s="10" t="s">
        <v>22</v>
      </c>
      <c r="S2613" s="10" t="s">
        <v>22</v>
      </c>
      <c r="T2613" s="10" t="s">
        <v>22</v>
      </c>
      <c r="U2613" s="10" t="s">
        <v>22</v>
      </c>
      <c r="V2613" s="10" t="s">
        <v>22</v>
      </c>
      <c r="W2613" s="10" t="s">
        <v>22</v>
      </c>
      <c r="X2613" s="10" t="s">
        <v>22</v>
      </c>
      <c r="Y2613" s="10" t="s">
        <v>22</v>
      </c>
      <c r="Z2613" s="10" t="s">
        <v>22</v>
      </c>
    </row>
    <row r="2614" spans="1:26" ht="24" customHeight="1" x14ac:dyDescent="0.2">
      <c r="A2614" s="9" t="s">
        <v>19856</v>
      </c>
      <c r="B2614" s="9" t="s">
        <v>14</v>
      </c>
      <c r="C2614" s="9" t="s">
        <v>12495</v>
      </c>
      <c r="D2614" s="6" t="s">
        <v>12496</v>
      </c>
      <c r="E2614" s="22">
        <v>44853</v>
      </c>
      <c r="F2614" s="22">
        <v>46678</v>
      </c>
      <c r="G2614" s="6" t="s">
        <v>12497</v>
      </c>
      <c r="H2614" s="6" t="s">
        <v>18</v>
      </c>
      <c r="I2614" s="6" t="s">
        <v>19</v>
      </c>
      <c r="J2614" s="6" t="s">
        <v>12498</v>
      </c>
      <c r="K2614" s="9" t="s">
        <v>12499</v>
      </c>
      <c r="L2614" s="10" t="s">
        <v>22</v>
      </c>
      <c r="M2614" s="10" t="s">
        <v>22</v>
      </c>
      <c r="N2614" s="10" t="s">
        <v>22</v>
      </c>
      <c r="U2614" s="10" t="s">
        <v>22</v>
      </c>
      <c r="V2614" s="10" t="s">
        <v>22</v>
      </c>
      <c r="W2614" s="10" t="s">
        <v>22</v>
      </c>
    </row>
    <row r="2615" spans="1:26" ht="24" customHeight="1" x14ac:dyDescent="0.2">
      <c r="A2615" s="9" t="s">
        <v>19857</v>
      </c>
      <c r="B2615" s="9" t="s">
        <v>14</v>
      </c>
      <c r="C2615" s="9" t="s">
        <v>12500</v>
      </c>
      <c r="D2615" s="6" t="s">
        <v>12501</v>
      </c>
      <c r="E2615" s="22">
        <v>44853</v>
      </c>
      <c r="F2615" s="22">
        <v>46678</v>
      </c>
      <c r="G2615" s="6" t="s">
        <v>12502</v>
      </c>
      <c r="H2615" s="6" t="s">
        <v>62</v>
      </c>
      <c r="I2615" s="6" t="s">
        <v>1186</v>
      </c>
      <c r="J2615" s="6" t="s">
        <v>12503</v>
      </c>
      <c r="K2615" s="9" t="s">
        <v>12504</v>
      </c>
      <c r="L2615" s="10" t="s">
        <v>22</v>
      </c>
      <c r="M2615" s="10" t="s">
        <v>22</v>
      </c>
      <c r="N2615" s="10" t="s">
        <v>22</v>
      </c>
      <c r="O2615" s="10" t="s">
        <v>22</v>
      </c>
      <c r="P2615" s="10" t="s">
        <v>22</v>
      </c>
      <c r="Q2615" s="10" t="s">
        <v>22</v>
      </c>
      <c r="R2615" s="10" t="s">
        <v>22</v>
      </c>
      <c r="S2615" s="10" t="s">
        <v>22</v>
      </c>
      <c r="T2615" s="10" t="s">
        <v>22</v>
      </c>
      <c r="U2615" s="10" t="s">
        <v>22</v>
      </c>
      <c r="V2615" s="10" t="s">
        <v>22</v>
      </c>
      <c r="W2615" s="10" t="s">
        <v>22</v>
      </c>
      <c r="X2615" s="10" t="s">
        <v>22</v>
      </c>
      <c r="Y2615" s="10" t="s">
        <v>22</v>
      </c>
      <c r="Z2615" s="10" t="s">
        <v>22</v>
      </c>
    </row>
    <row r="2616" spans="1:26" ht="24" customHeight="1" x14ac:dyDescent="0.2">
      <c r="A2616" s="9" t="s">
        <v>19858</v>
      </c>
      <c r="B2616" s="9" t="s">
        <v>14</v>
      </c>
      <c r="C2616" s="9" t="s">
        <v>12505</v>
      </c>
      <c r="D2616" s="6" t="s">
        <v>12506</v>
      </c>
      <c r="E2616" s="22">
        <v>44860</v>
      </c>
      <c r="F2616" s="22">
        <v>46685</v>
      </c>
      <c r="G2616" s="6" t="s">
        <v>12507</v>
      </c>
      <c r="H2616" s="6" t="s">
        <v>62</v>
      </c>
      <c r="I2616" s="6" t="s">
        <v>306</v>
      </c>
      <c r="J2616" s="6" t="s">
        <v>12508</v>
      </c>
      <c r="K2616" s="9" t="s">
        <v>12509</v>
      </c>
      <c r="M2616" s="10" t="s">
        <v>22</v>
      </c>
      <c r="N2616" s="10" t="s">
        <v>22</v>
      </c>
      <c r="S2616" s="10" t="s">
        <v>22</v>
      </c>
      <c r="T2616" s="10" t="s">
        <v>22</v>
      </c>
      <c r="V2616" s="10" t="s">
        <v>22</v>
      </c>
      <c r="W2616" s="10" t="s">
        <v>22</v>
      </c>
    </row>
    <row r="2617" spans="1:26" ht="24" customHeight="1" x14ac:dyDescent="0.2">
      <c r="A2617" s="9" t="s">
        <v>19859</v>
      </c>
      <c r="B2617" s="9" t="s">
        <v>14</v>
      </c>
      <c r="C2617" s="9" t="s">
        <v>12510</v>
      </c>
      <c r="D2617" s="6" t="s">
        <v>12511</v>
      </c>
      <c r="E2617" s="22">
        <v>44860</v>
      </c>
      <c r="F2617" s="22">
        <v>46685</v>
      </c>
      <c r="G2617" s="6" t="s">
        <v>12512</v>
      </c>
      <c r="H2617" s="6" t="s">
        <v>62</v>
      </c>
      <c r="I2617" s="6" t="s">
        <v>379</v>
      </c>
      <c r="J2617" s="6" t="s">
        <v>12513</v>
      </c>
      <c r="L2617" s="10" t="s">
        <v>22</v>
      </c>
      <c r="M2617" s="10" t="s">
        <v>22</v>
      </c>
      <c r="N2617" s="10" t="s">
        <v>22</v>
      </c>
      <c r="O2617" s="10" t="s">
        <v>22</v>
      </c>
      <c r="P2617" s="10" t="s">
        <v>22</v>
      </c>
      <c r="Q2617" s="10" t="s">
        <v>22</v>
      </c>
      <c r="U2617" s="10" t="s">
        <v>22</v>
      </c>
      <c r="V2617" s="10" t="s">
        <v>22</v>
      </c>
      <c r="W2617" s="10" t="s">
        <v>22</v>
      </c>
      <c r="X2617" s="10" t="s">
        <v>22</v>
      </c>
      <c r="Y2617" s="10" t="s">
        <v>22</v>
      </c>
      <c r="Z2617" s="10" t="s">
        <v>22</v>
      </c>
    </row>
    <row r="2618" spans="1:26" ht="24" customHeight="1" x14ac:dyDescent="0.2">
      <c r="A2618" s="9" t="s">
        <v>19860</v>
      </c>
      <c r="B2618" s="9" t="s">
        <v>14</v>
      </c>
      <c r="C2618" s="9" t="s">
        <v>12514</v>
      </c>
      <c r="D2618" s="6" t="s">
        <v>12515</v>
      </c>
      <c r="E2618" s="22">
        <v>44860</v>
      </c>
      <c r="F2618" s="22">
        <v>46685</v>
      </c>
      <c r="G2618" s="6" t="s">
        <v>12516</v>
      </c>
      <c r="H2618" s="6" t="s">
        <v>62</v>
      </c>
      <c r="I2618" s="6" t="s">
        <v>73</v>
      </c>
      <c r="J2618" s="6" t="s">
        <v>12517</v>
      </c>
      <c r="K2618" s="9" t="s">
        <v>12518</v>
      </c>
      <c r="L2618" s="10" t="s">
        <v>22</v>
      </c>
      <c r="M2618" s="10" t="s">
        <v>22</v>
      </c>
      <c r="N2618" s="10" t="s">
        <v>22</v>
      </c>
      <c r="O2618" s="10" t="s">
        <v>22</v>
      </c>
      <c r="P2618" s="10" t="s">
        <v>22</v>
      </c>
      <c r="Q2618" s="10" t="s">
        <v>22</v>
      </c>
      <c r="R2618" s="10" t="s">
        <v>22</v>
      </c>
      <c r="S2618" s="10" t="s">
        <v>22</v>
      </c>
      <c r="T2618" s="10" t="s">
        <v>22</v>
      </c>
      <c r="U2618" s="10" t="s">
        <v>22</v>
      </c>
      <c r="V2618" s="10" t="s">
        <v>22</v>
      </c>
      <c r="W2618" s="10" t="s">
        <v>22</v>
      </c>
      <c r="X2618" s="10" t="s">
        <v>22</v>
      </c>
      <c r="Y2618" s="10" t="s">
        <v>22</v>
      </c>
      <c r="Z2618" s="10" t="s">
        <v>22</v>
      </c>
    </row>
    <row r="2619" spans="1:26" ht="24" customHeight="1" x14ac:dyDescent="0.2">
      <c r="A2619" s="9" t="s">
        <v>19861</v>
      </c>
      <c r="B2619" s="9" t="s">
        <v>14</v>
      </c>
      <c r="C2619" s="9" t="s">
        <v>12519</v>
      </c>
      <c r="D2619" s="6" t="s">
        <v>12520</v>
      </c>
      <c r="E2619" s="22">
        <v>44862</v>
      </c>
      <c r="F2619" s="22">
        <v>46687</v>
      </c>
      <c r="G2619" s="6" t="s">
        <v>12520</v>
      </c>
      <c r="H2619" s="6" t="s">
        <v>18</v>
      </c>
      <c r="I2619" s="6" t="s">
        <v>19</v>
      </c>
      <c r="J2619" s="6" t="s">
        <v>12521</v>
      </c>
      <c r="K2619" s="9" t="s">
        <v>12522</v>
      </c>
      <c r="M2619" s="10" t="s">
        <v>22</v>
      </c>
      <c r="N2619" s="10" t="s">
        <v>22</v>
      </c>
      <c r="S2619" s="10" t="s">
        <v>22</v>
      </c>
      <c r="T2619" s="10" t="s">
        <v>22</v>
      </c>
      <c r="V2619" s="10" t="s">
        <v>22</v>
      </c>
      <c r="W2619" s="10" t="s">
        <v>22</v>
      </c>
    </row>
    <row r="2620" spans="1:26" ht="24" customHeight="1" x14ac:dyDescent="0.2">
      <c r="A2620" s="9" t="s">
        <v>19862</v>
      </c>
      <c r="B2620" s="9" t="s">
        <v>14</v>
      </c>
      <c r="C2620" s="9" t="s">
        <v>12523</v>
      </c>
      <c r="D2620" s="6" t="s">
        <v>12524</v>
      </c>
      <c r="E2620" s="22">
        <v>44862</v>
      </c>
      <c r="F2620" s="22">
        <v>46687</v>
      </c>
      <c r="G2620" s="6" t="s">
        <v>12525</v>
      </c>
      <c r="H2620" s="6" t="s">
        <v>62</v>
      </c>
      <c r="I2620" s="6" t="s">
        <v>318</v>
      </c>
      <c r="J2620" s="6" t="s">
        <v>12526</v>
      </c>
      <c r="K2620" s="9" t="s">
        <v>12527</v>
      </c>
      <c r="L2620" s="10" t="s">
        <v>22</v>
      </c>
      <c r="M2620" s="10" t="s">
        <v>22</v>
      </c>
      <c r="N2620" s="10" t="s">
        <v>22</v>
      </c>
      <c r="O2620" s="10" t="s">
        <v>22</v>
      </c>
      <c r="P2620" s="10" t="s">
        <v>22</v>
      </c>
      <c r="Q2620" s="10" t="s">
        <v>22</v>
      </c>
      <c r="R2620" s="10" t="s">
        <v>22</v>
      </c>
      <c r="S2620" s="10" t="s">
        <v>22</v>
      </c>
      <c r="T2620" s="10" t="s">
        <v>22</v>
      </c>
      <c r="V2620" s="10" t="s">
        <v>22</v>
      </c>
      <c r="W2620" s="10" t="s">
        <v>22</v>
      </c>
      <c r="Y2620" s="10" t="s">
        <v>22</v>
      </c>
      <c r="Z2620" s="10" t="s">
        <v>22</v>
      </c>
    </row>
    <row r="2621" spans="1:26" ht="24" customHeight="1" x14ac:dyDescent="0.2">
      <c r="A2621" s="9" t="s">
        <v>19863</v>
      </c>
      <c r="B2621" s="9" t="s">
        <v>14</v>
      </c>
      <c r="C2621" s="9" t="s">
        <v>12528</v>
      </c>
      <c r="D2621" s="6" t="s">
        <v>12529</v>
      </c>
      <c r="E2621" s="22">
        <v>44874</v>
      </c>
      <c r="F2621" s="22">
        <v>46699</v>
      </c>
      <c r="G2621" s="6" t="s">
        <v>12530</v>
      </c>
      <c r="H2621" s="6" t="s">
        <v>62</v>
      </c>
      <c r="I2621" s="6" t="s">
        <v>73</v>
      </c>
      <c r="J2621" s="6" t="s">
        <v>12531</v>
      </c>
      <c r="K2621" s="9" t="s">
        <v>12532</v>
      </c>
      <c r="L2621" s="10" t="s">
        <v>22</v>
      </c>
      <c r="M2621" s="10" t="s">
        <v>22</v>
      </c>
      <c r="N2621" s="10" t="s">
        <v>22</v>
      </c>
      <c r="U2621" s="10" t="s">
        <v>22</v>
      </c>
      <c r="V2621" s="10" t="s">
        <v>22</v>
      </c>
      <c r="W2621" s="10" t="s">
        <v>22</v>
      </c>
    </row>
    <row r="2622" spans="1:26" ht="24" customHeight="1" x14ac:dyDescent="0.2">
      <c r="A2622" s="9" t="s">
        <v>19864</v>
      </c>
      <c r="B2622" s="9" t="s">
        <v>14</v>
      </c>
      <c r="C2622" s="9" t="s">
        <v>12533</v>
      </c>
      <c r="D2622" s="6" t="s">
        <v>12534</v>
      </c>
      <c r="E2622" s="22">
        <v>44881</v>
      </c>
      <c r="F2622" s="22">
        <v>46706</v>
      </c>
      <c r="G2622" s="6" t="s">
        <v>12535</v>
      </c>
      <c r="H2622" s="6" t="s">
        <v>18</v>
      </c>
      <c r="I2622" s="6" t="s">
        <v>19</v>
      </c>
      <c r="J2622" s="6" t="s">
        <v>12536</v>
      </c>
      <c r="K2622" s="9" t="s">
        <v>12537</v>
      </c>
      <c r="L2622" s="10" t="s">
        <v>22</v>
      </c>
      <c r="M2622" s="10" t="s">
        <v>22</v>
      </c>
      <c r="N2622" s="10" t="s">
        <v>22</v>
      </c>
      <c r="O2622" s="10" t="s">
        <v>22</v>
      </c>
      <c r="P2622" s="10" t="s">
        <v>22</v>
      </c>
      <c r="Q2622" s="10" t="s">
        <v>22</v>
      </c>
      <c r="U2622" s="10" t="s">
        <v>22</v>
      </c>
      <c r="V2622" s="10" t="s">
        <v>22</v>
      </c>
      <c r="W2622" s="10" t="s">
        <v>22</v>
      </c>
      <c r="X2622" s="10" t="s">
        <v>22</v>
      </c>
      <c r="Y2622" s="10" t="s">
        <v>22</v>
      </c>
      <c r="Z2622" s="10" t="s">
        <v>22</v>
      </c>
    </row>
    <row r="2623" spans="1:26" ht="24" customHeight="1" x14ac:dyDescent="0.2">
      <c r="A2623" s="9" t="s">
        <v>19865</v>
      </c>
      <c r="B2623" s="9" t="s">
        <v>14</v>
      </c>
      <c r="C2623" s="9" t="s">
        <v>12538</v>
      </c>
      <c r="D2623" s="6" t="s">
        <v>12539</v>
      </c>
      <c r="E2623" s="22">
        <v>44881</v>
      </c>
      <c r="F2623" s="22">
        <v>46706</v>
      </c>
      <c r="G2623" s="6" t="s">
        <v>12540</v>
      </c>
      <c r="H2623" s="6" t="s">
        <v>202</v>
      </c>
      <c r="I2623" s="6" t="s">
        <v>3154</v>
      </c>
      <c r="J2623" s="6" t="s">
        <v>12541</v>
      </c>
      <c r="K2623" s="9" t="s">
        <v>12542</v>
      </c>
      <c r="L2623" s="10" t="s">
        <v>22</v>
      </c>
      <c r="M2623" s="10" t="s">
        <v>22</v>
      </c>
      <c r="N2623" s="10" t="s">
        <v>22</v>
      </c>
      <c r="O2623" s="10" t="s">
        <v>22</v>
      </c>
      <c r="P2623" s="10" t="s">
        <v>22</v>
      </c>
      <c r="Q2623" s="10" t="s">
        <v>22</v>
      </c>
      <c r="R2623" s="10" t="s">
        <v>22</v>
      </c>
      <c r="S2623" s="10" t="s">
        <v>22</v>
      </c>
      <c r="T2623" s="10" t="s">
        <v>22</v>
      </c>
      <c r="U2623" s="10" t="s">
        <v>22</v>
      </c>
      <c r="V2623" s="10" t="s">
        <v>22</v>
      </c>
      <c r="W2623" s="10" t="s">
        <v>22</v>
      </c>
      <c r="X2623" s="10" t="s">
        <v>22</v>
      </c>
      <c r="Y2623" s="10" t="s">
        <v>22</v>
      </c>
      <c r="Z2623" s="10" t="s">
        <v>22</v>
      </c>
    </row>
    <row r="2624" spans="1:26" ht="24" customHeight="1" x14ac:dyDescent="0.2">
      <c r="A2624" s="9" t="s">
        <v>19866</v>
      </c>
      <c r="B2624" s="9" t="s">
        <v>14</v>
      </c>
      <c r="C2624" s="9" t="s">
        <v>12543</v>
      </c>
      <c r="D2624" s="6" t="s">
        <v>12544</v>
      </c>
      <c r="E2624" s="22">
        <v>44881</v>
      </c>
      <c r="F2624" s="22">
        <v>46706</v>
      </c>
      <c r="G2624" s="6" t="s">
        <v>12545</v>
      </c>
      <c r="H2624" s="6" t="s">
        <v>2368</v>
      </c>
      <c r="I2624" s="6" t="s">
        <v>2369</v>
      </c>
      <c r="J2624" s="6" t="s">
        <v>12546</v>
      </c>
      <c r="K2624" s="9" t="s">
        <v>12547</v>
      </c>
      <c r="L2624" s="10" t="s">
        <v>22</v>
      </c>
      <c r="M2624" s="10" t="s">
        <v>22</v>
      </c>
      <c r="N2624" s="10" t="s">
        <v>22</v>
      </c>
      <c r="O2624" s="10" t="s">
        <v>22</v>
      </c>
      <c r="P2624" s="10" t="s">
        <v>22</v>
      </c>
      <c r="Q2624" s="10" t="s">
        <v>22</v>
      </c>
      <c r="R2624" s="10" t="s">
        <v>22</v>
      </c>
      <c r="S2624" s="10" t="s">
        <v>22</v>
      </c>
      <c r="T2624" s="10" t="s">
        <v>22</v>
      </c>
      <c r="U2624" s="10" t="s">
        <v>22</v>
      </c>
      <c r="V2624" s="10" t="s">
        <v>22</v>
      </c>
      <c r="W2624" s="10" t="s">
        <v>22</v>
      </c>
      <c r="X2624" s="10" t="s">
        <v>22</v>
      </c>
      <c r="Y2624" s="10" t="s">
        <v>22</v>
      </c>
      <c r="Z2624" s="10" t="s">
        <v>22</v>
      </c>
    </row>
    <row r="2625" spans="1:26" ht="24" customHeight="1" x14ac:dyDescent="0.2">
      <c r="A2625" s="9" t="s">
        <v>19867</v>
      </c>
      <c r="B2625" s="9" t="s">
        <v>14</v>
      </c>
      <c r="C2625" s="9" t="s">
        <v>12548</v>
      </c>
      <c r="D2625" s="6" t="s">
        <v>12549</v>
      </c>
      <c r="E2625" s="22">
        <v>44881</v>
      </c>
      <c r="F2625" s="22">
        <v>46706</v>
      </c>
      <c r="G2625" s="6" t="s">
        <v>12550</v>
      </c>
      <c r="H2625" s="6" t="s">
        <v>2368</v>
      </c>
      <c r="I2625" s="6" t="s">
        <v>2369</v>
      </c>
      <c r="J2625" s="6" t="s">
        <v>12551</v>
      </c>
      <c r="K2625" s="9" t="s">
        <v>12552</v>
      </c>
      <c r="L2625" s="10" t="s">
        <v>22</v>
      </c>
      <c r="M2625" s="10" t="s">
        <v>22</v>
      </c>
      <c r="N2625" s="10" t="s">
        <v>22</v>
      </c>
      <c r="O2625" s="10" t="s">
        <v>22</v>
      </c>
      <c r="P2625" s="10" t="s">
        <v>22</v>
      </c>
      <c r="Q2625" s="10" t="s">
        <v>22</v>
      </c>
      <c r="R2625" s="10" t="s">
        <v>22</v>
      </c>
      <c r="S2625" s="10" t="s">
        <v>22</v>
      </c>
      <c r="T2625" s="10" t="s">
        <v>22</v>
      </c>
      <c r="U2625" s="10" t="s">
        <v>22</v>
      </c>
      <c r="V2625" s="10" t="s">
        <v>22</v>
      </c>
      <c r="W2625" s="10" t="s">
        <v>22</v>
      </c>
      <c r="X2625" s="10" t="s">
        <v>22</v>
      </c>
      <c r="Y2625" s="10" t="s">
        <v>22</v>
      </c>
      <c r="Z2625" s="10" t="s">
        <v>22</v>
      </c>
    </row>
    <row r="2626" spans="1:26" ht="34" customHeight="1" x14ac:dyDescent="0.2">
      <c r="A2626" s="9" t="s">
        <v>19868</v>
      </c>
      <c r="B2626" s="9" t="s">
        <v>14</v>
      </c>
      <c r="C2626" s="9" t="s">
        <v>12553</v>
      </c>
      <c r="D2626" s="6" t="s">
        <v>12554</v>
      </c>
      <c r="E2626" s="22">
        <v>44875</v>
      </c>
      <c r="F2626" s="22">
        <v>46700</v>
      </c>
      <c r="G2626" s="6" t="s">
        <v>12555</v>
      </c>
      <c r="H2626" s="6" t="s">
        <v>202</v>
      </c>
      <c r="I2626" s="6" t="s">
        <v>5138</v>
      </c>
      <c r="J2626" s="6" t="s">
        <v>12556</v>
      </c>
      <c r="K2626" s="9" t="s">
        <v>12557</v>
      </c>
      <c r="L2626" s="10" t="s">
        <v>22</v>
      </c>
      <c r="M2626" s="10" t="s">
        <v>22</v>
      </c>
      <c r="N2626" s="10" t="s">
        <v>22</v>
      </c>
      <c r="O2626" s="10" t="s">
        <v>22</v>
      </c>
      <c r="P2626" s="10" t="s">
        <v>22</v>
      </c>
      <c r="Q2626" s="10" t="s">
        <v>22</v>
      </c>
      <c r="R2626" s="10" t="s">
        <v>22</v>
      </c>
      <c r="S2626" s="10" t="s">
        <v>22</v>
      </c>
      <c r="T2626" s="10" t="s">
        <v>22</v>
      </c>
      <c r="U2626" s="10" t="s">
        <v>22</v>
      </c>
      <c r="V2626" s="10" t="s">
        <v>22</v>
      </c>
      <c r="W2626" s="10" t="s">
        <v>22</v>
      </c>
      <c r="X2626" s="10" t="s">
        <v>22</v>
      </c>
      <c r="Y2626" s="10" t="s">
        <v>22</v>
      </c>
      <c r="Z2626" s="10" t="s">
        <v>22</v>
      </c>
    </row>
    <row r="2627" spans="1:26" ht="24" customHeight="1" x14ac:dyDescent="0.2">
      <c r="A2627" s="9" t="s">
        <v>19869</v>
      </c>
      <c r="B2627" s="9" t="s">
        <v>14</v>
      </c>
      <c r="C2627" s="9" t="s">
        <v>12558</v>
      </c>
      <c r="D2627" s="6" t="s">
        <v>12559</v>
      </c>
      <c r="E2627" s="22">
        <v>44883</v>
      </c>
      <c r="F2627" s="22">
        <v>46708</v>
      </c>
      <c r="G2627" s="6" t="s">
        <v>12560</v>
      </c>
      <c r="H2627" s="6" t="s">
        <v>62</v>
      </c>
      <c r="I2627" s="6" t="s">
        <v>551</v>
      </c>
      <c r="J2627" s="6" t="s">
        <v>12561</v>
      </c>
      <c r="L2627" s="10" t="s">
        <v>22</v>
      </c>
      <c r="M2627" s="10" t="s">
        <v>22</v>
      </c>
      <c r="N2627" s="10" t="s">
        <v>22</v>
      </c>
      <c r="R2627" s="10" t="s">
        <v>22</v>
      </c>
      <c r="S2627" s="10" t="s">
        <v>22</v>
      </c>
      <c r="T2627" s="10" t="s">
        <v>22</v>
      </c>
      <c r="U2627" s="10" t="s">
        <v>22</v>
      </c>
      <c r="V2627" s="10" t="s">
        <v>22</v>
      </c>
      <c r="W2627" s="10" t="s">
        <v>22</v>
      </c>
    </row>
    <row r="2628" spans="1:26" ht="24" customHeight="1" x14ac:dyDescent="0.2">
      <c r="A2628" s="9" t="s">
        <v>19870</v>
      </c>
      <c r="B2628" s="9" t="s">
        <v>14</v>
      </c>
      <c r="C2628" s="9" t="s">
        <v>12562</v>
      </c>
      <c r="D2628" s="6" t="s">
        <v>12563</v>
      </c>
      <c r="E2628" s="22">
        <v>44883</v>
      </c>
      <c r="F2628" s="22">
        <v>46708</v>
      </c>
      <c r="G2628" s="6" t="s">
        <v>12564</v>
      </c>
      <c r="H2628" s="6" t="s">
        <v>202</v>
      </c>
      <c r="I2628" s="6" t="s">
        <v>863</v>
      </c>
      <c r="J2628" s="6" t="s">
        <v>12565</v>
      </c>
      <c r="K2628" s="9" t="s">
        <v>12566</v>
      </c>
      <c r="L2628" s="10" t="s">
        <v>22</v>
      </c>
      <c r="M2628" s="10" t="s">
        <v>22</v>
      </c>
      <c r="N2628" s="10" t="s">
        <v>22</v>
      </c>
      <c r="O2628" s="10" t="s">
        <v>22</v>
      </c>
      <c r="P2628" s="10" t="s">
        <v>22</v>
      </c>
      <c r="Q2628" s="10" t="s">
        <v>22</v>
      </c>
      <c r="R2628" s="10" t="s">
        <v>22</v>
      </c>
      <c r="S2628" s="10" t="s">
        <v>22</v>
      </c>
      <c r="T2628" s="10" t="s">
        <v>22</v>
      </c>
      <c r="U2628" s="10" t="s">
        <v>22</v>
      </c>
      <c r="V2628" s="10" t="s">
        <v>22</v>
      </c>
      <c r="W2628" s="10" t="s">
        <v>22</v>
      </c>
      <c r="X2628" s="10" t="s">
        <v>22</v>
      </c>
      <c r="Y2628" s="10" t="s">
        <v>22</v>
      </c>
      <c r="Z2628" s="10" t="s">
        <v>22</v>
      </c>
    </row>
    <row r="2629" spans="1:26" ht="24" customHeight="1" x14ac:dyDescent="0.2">
      <c r="A2629" s="9" t="s">
        <v>19871</v>
      </c>
      <c r="B2629" s="9" t="s">
        <v>14</v>
      </c>
      <c r="C2629" s="9" t="s">
        <v>12567</v>
      </c>
      <c r="D2629" s="6" t="s">
        <v>12568</v>
      </c>
      <c r="E2629" s="22">
        <v>44883</v>
      </c>
      <c r="F2629" s="22">
        <v>46708</v>
      </c>
      <c r="G2629" s="6" t="s">
        <v>12569</v>
      </c>
      <c r="H2629" s="6" t="s">
        <v>62</v>
      </c>
      <c r="I2629" s="6" t="s">
        <v>1141</v>
      </c>
      <c r="J2629" s="6" t="s">
        <v>12570</v>
      </c>
      <c r="K2629" s="9" t="s">
        <v>12571</v>
      </c>
      <c r="L2629" s="10" t="s">
        <v>22</v>
      </c>
      <c r="M2629" s="10" t="s">
        <v>22</v>
      </c>
      <c r="N2629" s="10" t="s">
        <v>22</v>
      </c>
      <c r="O2629" s="10" t="s">
        <v>22</v>
      </c>
      <c r="P2629" s="10" t="s">
        <v>22</v>
      </c>
      <c r="Q2629" s="10" t="s">
        <v>22</v>
      </c>
      <c r="R2629" s="10" t="s">
        <v>22</v>
      </c>
      <c r="S2629" s="10" t="s">
        <v>22</v>
      </c>
      <c r="T2629" s="10" t="s">
        <v>22</v>
      </c>
      <c r="U2629" s="10" t="s">
        <v>22</v>
      </c>
      <c r="V2629" s="10" t="s">
        <v>22</v>
      </c>
      <c r="W2629" s="10" t="s">
        <v>22</v>
      </c>
      <c r="X2629" s="10" t="s">
        <v>22</v>
      </c>
      <c r="Y2629" s="10" t="s">
        <v>22</v>
      </c>
      <c r="Z2629" s="10" t="s">
        <v>22</v>
      </c>
    </row>
    <row r="2630" spans="1:26" ht="24" customHeight="1" x14ac:dyDescent="0.2">
      <c r="A2630" s="9" t="s">
        <v>19872</v>
      </c>
      <c r="B2630" s="9" t="s">
        <v>14</v>
      </c>
      <c r="C2630" s="9" t="s">
        <v>12572</v>
      </c>
      <c r="D2630" s="6" t="s">
        <v>12573</v>
      </c>
      <c r="E2630" s="22">
        <v>44883</v>
      </c>
      <c r="F2630" s="22">
        <v>46708</v>
      </c>
      <c r="G2630" s="6" t="s">
        <v>12574</v>
      </c>
      <c r="H2630" s="6" t="s">
        <v>18</v>
      </c>
      <c r="I2630" s="6" t="s">
        <v>26</v>
      </c>
      <c r="J2630" s="6" t="s">
        <v>12575</v>
      </c>
      <c r="K2630" s="9" t="s">
        <v>12576</v>
      </c>
      <c r="L2630" s="10" t="s">
        <v>22</v>
      </c>
      <c r="M2630" s="10" t="s">
        <v>22</v>
      </c>
      <c r="N2630" s="10" t="s">
        <v>22</v>
      </c>
      <c r="O2630" s="10" t="s">
        <v>22</v>
      </c>
      <c r="P2630" s="10" t="s">
        <v>22</v>
      </c>
      <c r="Q2630" s="10" t="s">
        <v>22</v>
      </c>
      <c r="R2630" s="10" t="s">
        <v>22</v>
      </c>
      <c r="S2630" s="10" t="s">
        <v>22</v>
      </c>
      <c r="T2630" s="10" t="s">
        <v>22</v>
      </c>
      <c r="U2630" s="10" t="s">
        <v>22</v>
      </c>
      <c r="V2630" s="10" t="s">
        <v>22</v>
      </c>
      <c r="W2630" s="10" t="s">
        <v>22</v>
      </c>
      <c r="X2630" s="10" t="s">
        <v>22</v>
      </c>
      <c r="Y2630" s="10" t="s">
        <v>22</v>
      </c>
      <c r="Z2630" s="10" t="s">
        <v>22</v>
      </c>
    </row>
    <row r="2631" spans="1:26" ht="24" customHeight="1" x14ac:dyDescent="0.2">
      <c r="A2631" s="9" t="s">
        <v>19873</v>
      </c>
      <c r="B2631" s="9" t="s">
        <v>14</v>
      </c>
      <c r="C2631" s="9" t="s">
        <v>12577</v>
      </c>
      <c r="D2631" s="6" t="s">
        <v>12578</v>
      </c>
      <c r="E2631" s="22">
        <v>44883</v>
      </c>
      <c r="F2631" s="22">
        <v>46708</v>
      </c>
      <c r="G2631" s="6" t="s">
        <v>12579</v>
      </c>
      <c r="H2631" s="6" t="s">
        <v>62</v>
      </c>
      <c r="I2631" s="6" t="s">
        <v>430</v>
      </c>
      <c r="J2631" s="6" t="s">
        <v>12580</v>
      </c>
      <c r="L2631" s="10" t="s">
        <v>22</v>
      </c>
      <c r="M2631" s="10" t="s">
        <v>22</v>
      </c>
      <c r="N2631" s="10" t="s">
        <v>22</v>
      </c>
      <c r="O2631" s="10" t="s">
        <v>22</v>
      </c>
      <c r="P2631" s="10" t="s">
        <v>22</v>
      </c>
      <c r="Q2631" s="10" t="s">
        <v>22</v>
      </c>
      <c r="R2631" s="10" t="s">
        <v>22</v>
      </c>
      <c r="S2631" s="10" t="s">
        <v>22</v>
      </c>
      <c r="T2631" s="10" t="s">
        <v>22</v>
      </c>
    </row>
    <row r="2632" spans="1:26" ht="24" customHeight="1" x14ac:dyDescent="0.2">
      <c r="A2632" s="9" t="s">
        <v>19874</v>
      </c>
      <c r="B2632" s="9" t="s">
        <v>14</v>
      </c>
      <c r="C2632" s="9" t="s">
        <v>12577</v>
      </c>
      <c r="D2632" s="6" t="s">
        <v>12578</v>
      </c>
      <c r="E2632" s="22">
        <v>44883</v>
      </c>
      <c r="F2632" s="22">
        <v>46708</v>
      </c>
      <c r="G2632" s="6" t="s">
        <v>12581</v>
      </c>
      <c r="H2632" s="6" t="s">
        <v>18</v>
      </c>
      <c r="I2632" s="6" t="s">
        <v>26</v>
      </c>
      <c r="J2632" s="6" t="s">
        <v>12582</v>
      </c>
      <c r="L2632" s="10" t="s">
        <v>22</v>
      </c>
      <c r="M2632" s="10" t="s">
        <v>22</v>
      </c>
      <c r="N2632" s="10" t="s">
        <v>22</v>
      </c>
      <c r="O2632" s="10" t="s">
        <v>22</v>
      </c>
      <c r="P2632" s="10" t="s">
        <v>22</v>
      </c>
      <c r="Q2632" s="10" t="s">
        <v>22</v>
      </c>
      <c r="R2632" s="10" t="s">
        <v>22</v>
      </c>
      <c r="S2632" s="10" t="s">
        <v>22</v>
      </c>
      <c r="T2632" s="10" t="s">
        <v>22</v>
      </c>
    </row>
    <row r="2633" spans="1:26" ht="24" customHeight="1" x14ac:dyDescent="0.2">
      <c r="A2633" s="9" t="s">
        <v>19875</v>
      </c>
      <c r="B2633" s="9" t="s">
        <v>14</v>
      </c>
      <c r="C2633" s="9" t="s">
        <v>12583</v>
      </c>
      <c r="D2633" s="6" t="s">
        <v>12584</v>
      </c>
      <c r="E2633" s="22">
        <v>44883</v>
      </c>
      <c r="F2633" s="22">
        <v>46708</v>
      </c>
      <c r="G2633" s="6" t="s">
        <v>12584</v>
      </c>
      <c r="H2633" s="6" t="s">
        <v>18</v>
      </c>
      <c r="I2633" s="6" t="s">
        <v>19</v>
      </c>
      <c r="J2633" s="6" t="s">
        <v>12585</v>
      </c>
      <c r="L2633" s="10" t="s">
        <v>22</v>
      </c>
      <c r="M2633" s="10" t="s">
        <v>22</v>
      </c>
      <c r="N2633" s="10" t="s">
        <v>22</v>
      </c>
      <c r="O2633" s="10" t="s">
        <v>22</v>
      </c>
      <c r="P2633" s="10" t="s">
        <v>22</v>
      </c>
      <c r="Q2633" s="10" t="s">
        <v>22</v>
      </c>
      <c r="R2633" s="10" t="s">
        <v>22</v>
      </c>
      <c r="S2633" s="10" t="s">
        <v>22</v>
      </c>
      <c r="T2633" s="10" t="s">
        <v>22</v>
      </c>
      <c r="U2633" s="10" t="s">
        <v>22</v>
      </c>
      <c r="V2633" s="10" t="s">
        <v>22</v>
      </c>
      <c r="W2633" s="10" t="s">
        <v>22</v>
      </c>
      <c r="X2633" s="10" t="s">
        <v>22</v>
      </c>
      <c r="Y2633" s="10" t="s">
        <v>22</v>
      </c>
      <c r="Z2633" s="10" t="s">
        <v>22</v>
      </c>
    </row>
    <row r="2634" spans="1:26" ht="24" customHeight="1" x14ac:dyDescent="0.2">
      <c r="A2634" s="9" t="s">
        <v>19876</v>
      </c>
      <c r="B2634" s="9" t="s">
        <v>14</v>
      </c>
      <c r="C2634" s="9" t="s">
        <v>12586</v>
      </c>
      <c r="D2634" s="6" t="s">
        <v>12587</v>
      </c>
      <c r="E2634" s="22">
        <v>44897</v>
      </c>
      <c r="F2634" s="22">
        <v>46722</v>
      </c>
      <c r="G2634" s="6" t="s">
        <v>12588</v>
      </c>
      <c r="H2634" s="6" t="s">
        <v>1625</v>
      </c>
      <c r="I2634" s="6" t="s">
        <v>4540</v>
      </c>
      <c r="J2634" s="6" t="s">
        <v>12589</v>
      </c>
      <c r="K2634" s="9" t="s">
        <v>12590</v>
      </c>
      <c r="L2634" s="10" t="s">
        <v>22</v>
      </c>
      <c r="M2634" s="10" t="s">
        <v>22</v>
      </c>
      <c r="N2634" s="10" t="s">
        <v>22</v>
      </c>
      <c r="O2634" s="10" t="s">
        <v>22</v>
      </c>
      <c r="P2634" s="10" t="s">
        <v>22</v>
      </c>
      <c r="Q2634" s="10" t="s">
        <v>22</v>
      </c>
      <c r="R2634" s="10" t="s">
        <v>22</v>
      </c>
      <c r="S2634" s="10" t="s">
        <v>22</v>
      </c>
      <c r="T2634" s="10" t="s">
        <v>22</v>
      </c>
      <c r="U2634" s="10" t="s">
        <v>22</v>
      </c>
      <c r="V2634" s="10" t="s">
        <v>22</v>
      </c>
      <c r="W2634" s="10" t="s">
        <v>22</v>
      </c>
      <c r="X2634" s="10" t="s">
        <v>22</v>
      </c>
      <c r="Y2634" s="10" t="s">
        <v>22</v>
      </c>
      <c r="Z2634" s="10" t="s">
        <v>22</v>
      </c>
    </row>
    <row r="2635" spans="1:26" ht="24" customHeight="1" x14ac:dyDescent="0.2">
      <c r="A2635" s="9" t="s">
        <v>19877</v>
      </c>
      <c r="B2635" s="9" t="s">
        <v>14</v>
      </c>
      <c r="C2635" s="9" t="s">
        <v>12591</v>
      </c>
      <c r="D2635" s="6" t="s">
        <v>12592</v>
      </c>
      <c r="E2635" s="22">
        <v>44897</v>
      </c>
      <c r="F2635" s="22">
        <v>46722</v>
      </c>
      <c r="G2635" s="6" t="s">
        <v>12593</v>
      </c>
      <c r="H2635" s="6" t="s">
        <v>18</v>
      </c>
      <c r="I2635" s="6" t="s">
        <v>19</v>
      </c>
      <c r="J2635" s="6" t="s">
        <v>12594</v>
      </c>
      <c r="L2635" s="10" t="s">
        <v>22</v>
      </c>
      <c r="M2635" s="10" t="s">
        <v>22</v>
      </c>
      <c r="N2635" s="10" t="s">
        <v>22</v>
      </c>
      <c r="O2635" s="10" t="s">
        <v>22</v>
      </c>
      <c r="P2635" s="10" t="s">
        <v>22</v>
      </c>
      <c r="Q2635" s="10" t="s">
        <v>22</v>
      </c>
      <c r="R2635" s="10" t="s">
        <v>22</v>
      </c>
      <c r="S2635" s="10" t="s">
        <v>22</v>
      </c>
      <c r="T2635" s="10" t="s">
        <v>22</v>
      </c>
    </row>
    <row r="2636" spans="1:26" ht="24" customHeight="1" x14ac:dyDescent="0.2">
      <c r="A2636" s="9" t="s">
        <v>19878</v>
      </c>
      <c r="B2636" s="9" t="s">
        <v>14</v>
      </c>
      <c r="C2636" s="9" t="s">
        <v>12595</v>
      </c>
      <c r="D2636" s="6" t="s">
        <v>12596</v>
      </c>
      <c r="E2636" s="22">
        <v>44903</v>
      </c>
      <c r="F2636" s="22">
        <v>46728</v>
      </c>
      <c r="G2636" s="6" t="s">
        <v>12597</v>
      </c>
      <c r="H2636" s="6" t="s">
        <v>62</v>
      </c>
      <c r="I2636" s="6" t="s">
        <v>842</v>
      </c>
      <c r="J2636" s="6" t="s">
        <v>12598</v>
      </c>
      <c r="L2636" s="10" t="s">
        <v>22</v>
      </c>
      <c r="M2636" s="10" t="s">
        <v>22</v>
      </c>
      <c r="N2636" s="10" t="s">
        <v>22</v>
      </c>
      <c r="U2636" s="10" t="s">
        <v>22</v>
      </c>
      <c r="V2636" s="10" t="s">
        <v>22</v>
      </c>
      <c r="W2636" s="10" t="s">
        <v>22</v>
      </c>
    </row>
    <row r="2637" spans="1:26" ht="24" customHeight="1" x14ac:dyDescent="0.2">
      <c r="A2637" s="9" t="s">
        <v>19879</v>
      </c>
      <c r="B2637" s="9" t="s">
        <v>14</v>
      </c>
      <c r="C2637" s="9" t="s">
        <v>12599</v>
      </c>
      <c r="D2637" s="6" t="s">
        <v>12600</v>
      </c>
      <c r="E2637" s="22">
        <v>44903</v>
      </c>
      <c r="F2637" s="22">
        <v>46728</v>
      </c>
      <c r="G2637" s="6" t="s">
        <v>12601</v>
      </c>
      <c r="H2637" s="6" t="s">
        <v>62</v>
      </c>
      <c r="I2637" s="6" t="s">
        <v>551</v>
      </c>
      <c r="J2637" s="6" t="s">
        <v>12602</v>
      </c>
      <c r="K2637" s="9" t="s">
        <v>12603</v>
      </c>
      <c r="L2637" s="10" t="s">
        <v>22</v>
      </c>
      <c r="M2637" s="10" t="s">
        <v>22</v>
      </c>
      <c r="N2637" s="10" t="s">
        <v>22</v>
      </c>
      <c r="O2637" s="10" t="s">
        <v>22</v>
      </c>
      <c r="P2637" s="10" t="s">
        <v>22</v>
      </c>
      <c r="Q2637" s="10" t="s">
        <v>22</v>
      </c>
      <c r="R2637" s="10" t="s">
        <v>22</v>
      </c>
      <c r="S2637" s="10" t="s">
        <v>22</v>
      </c>
      <c r="T2637" s="10" t="s">
        <v>22</v>
      </c>
    </row>
    <row r="2638" spans="1:26" ht="24" customHeight="1" x14ac:dyDescent="0.2">
      <c r="A2638" s="9" t="s">
        <v>19880</v>
      </c>
      <c r="B2638" s="9" t="s">
        <v>14</v>
      </c>
      <c r="C2638" s="9" t="s">
        <v>12604</v>
      </c>
      <c r="D2638" s="6" t="s">
        <v>12605</v>
      </c>
      <c r="E2638" s="22">
        <v>44904</v>
      </c>
      <c r="F2638" s="22">
        <v>46729</v>
      </c>
      <c r="G2638" s="6" t="s">
        <v>12606</v>
      </c>
      <c r="H2638" s="6" t="s">
        <v>2368</v>
      </c>
      <c r="I2638" s="6" t="s">
        <v>2369</v>
      </c>
      <c r="J2638" s="6" t="s">
        <v>12607</v>
      </c>
      <c r="K2638" s="9" t="s">
        <v>12608</v>
      </c>
      <c r="L2638" s="10" t="s">
        <v>22</v>
      </c>
      <c r="M2638" s="10" t="s">
        <v>22</v>
      </c>
      <c r="N2638" s="10" t="s">
        <v>22</v>
      </c>
      <c r="O2638" s="10" t="s">
        <v>22</v>
      </c>
      <c r="P2638" s="10" t="s">
        <v>22</v>
      </c>
      <c r="Q2638" s="10" t="s">
        <v>22</v>
      </c>
      <c r="U2638" s="10" t="s">
        <v>22</v>
      </c>
      <c r="V2638" s="10" t="s">
        <v>22</v>
      </c>
      <c r="W2638" s="10" t="s">
        <v>22</v>
      </c>
      <c r="X2638" s="10" t="s">
        <v>22</v>
      </c>
      <c r="Y2638" s="10" t="s">
        <v>22</v>
      </c>
      <c r="Z2638" s="10" t="s">
        <v>22</v>
      </c>
    </row>
    <row r="2639" spans="1:26" ht="24" customHeight="1" x14ac:dyDescent="0.2">
      <c r="A2639" s="9" t="s">
        <v>19881</v>
      </c>
      <c r="B2639" s="9" t="s">
        <v>14</v>
      </c>
      <c r="C2639" s="9" t="s">
        <v>12609</v>
      </c>
      <c r="D2639" s="6" t="s">
        <v>12610</v>
      </c>
      <c r="E2639" s="22">
        <v>44904</v>
      </c>
      <c r="F2639" s="22">
        <v>46729</v>
      </c>
      <c r="G2639" s="6" t="s">
        <v>12611</v>
      </c>
      <c r="H2639" s="6" t="s">
        <v>1047</v>
      </c>
      <c r="I2639" s="6" t="s">
        <v>8585</v>
      </c>
      <c r="J2639" s="6" t="s">
        <v>12612</v>
      </c>
      <c r="K2639" s="9" t="s">
        <v>12613</v>
      </c>
      <c r="L2639" s="10" t="s">
        <v>22</v>
      </c>
      <c r="M2639" s="10" t="s">
        <v>22</v>
      </c>
      <c r="N2639" s="10" t="s">
        <v>22</v>
      </c>
      <c r="O2639" s="10" t="s">
        <v>22</v>
      </c>
      <c r="P2639" s="10" t="s">
        <v>22</v>
      </c>
      <c r="Q2639" s="10" t="s">
        <v>22</v>
      </c>
      <c r="R2639" s="10" t="s">
        <v>22</v>
      </c>
      <c r="S2639" s="10" t="s">
        <v>22</v>
      </c>
      <c r="T2639" s="10" t="s">
        <v>22</v>
      </c>
      <c r="U2639" s="10" t="s">
        <v>22</v>
      </c>
      <c r="V2639" s="10" t="s">
        <v>22</v>
      </c>
      <c r="W2639" s="10" t="s">
        <v>22</v>
      </c>
      <c r="X2639" s="10" t="s">
        <v>22</v>
      </c>
      <c r="Y2639" s="10" t="s">
        <v>22</v>
      </c>
      <c r="Z2639" s="10" t="s">
        <v>22</v>
      </c>
    </row>
    <row r="2640" spans="1:26" ht="24" customHeight="1" x14ac:dyDescent="0.2">
      <c r="A2640" s="9" t="s">
        <v>19882</v>
      </c>
      <c r="B2640" s="9" t="s">
        <v>14</v>
      </c>
      <c r="C2640" s="9" t="s">
        <v>12614</v>
      </c>
      <c r="D2640" s="6" t="s">
        <v>12615</v>
      </c>
      <c r="E2640" s="22">
        <v>44908</v>
      </c>
      <c r="F2640" s="22">
        <v>46733</v>
      </c>
      <c r="G2640" s="6" t="s">
        <v>12616</v>
      </c>
      <c r="H2640" s="6" t="s">
        <v>18</v>
      </c>
      <c r="I2640" s="6" t="s">
        <v>19</v>
      </c>
      <c r="J2640" s="6" t="s">
        <v>12617</v>
      </c>
      <c r="K2640" s="9" t="s">
        <v>12618</v>
      </c>
      <c r="L2640" s="10" t="s">
        <v>22</v>
      </c>
      <c r="M2640" s="10" t="s">
        <v>22</v>
      </c>
      <c r="N2640" s="10" t="s">
        <v>22</v>
      </c>
      <c r="O2640" s="10" t="s">
        <v>22</v>
      </c>
      <c r="P2640" s="10" t="s">
        <v>22</v>
      </c>
      <c r="Q2640" s="10" t="s">
        <v>22</v>
      </c>
      <c r="U2640" s="10" t="s">
        <v>22</v>
      </c>
      <c r="V2640" s="10" t="s">
        <v>22</v>
      </c>
      <c r="W2640" s="10" t="s">
        <v>22</v>
      </c>
      <c r="X2640" s="10" t="s">
        <v>22</v>
      </c>
      <c r="Y2640" s="10" t="s">
        <v>22</v>
      </c>
      <c r="Z2640" s="10" t="s">
        <v>22</v>
      </c>
    </row>
    <row r="2641" spans="1:26" ht="24" customHeight="1" x14ac:dyDescent="0.2">
      <c r="A2641" s="9" t="s">
        <v>19883</v>
      </c>
      <c r="B2641" s="9" t="s">
        <v>14</v>
      </c>
      <c r="C2641" s="9" t="s">
        <v>12619</v>
      </c>
      <c r="D2641" s="6" t="s">
        <v>12620</v>
      </c>
      <c r="E2641" s="22">
        <v>44908</v>
      </c>
      <c r="F2641" s="22">
        <v>46733</v>
      </c>
      <c r="G2641" s="6" t="s">
        <v>12621</v>
      </c>
      <c r="H2641" s="6" t="s">
        <v>202</v>
      </c>
      <c r="I2641" s="6" t="s">
        <v>336</v>
      </c>
      <c r="J2641" s="6" t="s">
        <v>12622</v>
      </c>
      <c r="K2641" s="9" t="s">
        <v>12623</v>
      </c>
      <c r="L2641" s="10" t="s">
        <v>22</v>
      </c>
      <c r="M2641" s="10" t="s">
        <v>22</v>
      </c>
      <c r="N2641" s="10" t="s">
        <v>22</v>
      </c>
      <c r="O2641" s="10" t="s">
        <v>22</v>
      </c>
      <c r="P2641" s="10" t="s">
        <v>22</v>
      </c>
      <c r="Q2641" s="10" t="s">
        <v>22</v>
      </c>
      <c r="U2641" s="10" t="s">
        <v>22</v>
      </c>
      <c r="V2641" s="10" t="s">
        <v>22</v>
      </c>
      <c r="W2641" s="10" t="s">
        <v>22</v>
      </c>
      <c r="X2641" s="10" t="s">
        <v>22</v>
      </c>
      <c r="Y2641" s="10" t="s">
        <v>22</v>
      </c>
      <c r="Z2641" s="10" t="s">
        <v>22</v>
      </c>
    </row>
    <row r="2642" spans="1:26" ht="24" customHeight="1" x14ac:dyDescent="0.2">
      <c r="A2642" s="9" t="s">
        <v>19884</v>
      </c>
      <c r="B2642" s="9" t="s">
        <v>14</v>
      </c>
      <c r="C2642" s="9" t="s">
        <v>12624</v>
      </c>
      <c r="D2642" s="6" t="s">
        <v>12625</v>
      </c>
      <c r="E2642" s="22">
        <v>44915</v>
      </c>
      <c r="F2642" s="22">
        <v>46740</v>
      </c>
      <c r="G2642" s="6" t="s">
        <v>12626</v>
      </c>
      <c r="H2642" s="6" t="s">
        <v>202</v>
      </c>
      <c r="I2642" s="6" t="s">
        <v>954</v>
      </c>
      <c r="J2642" s="6" t="s">
        <v>12627</v>
      </c>
      <c r="K2642" s="9" t="s">
        <v>12628</v>
      </c>
      <c r="M2642" s="10" t="s">
        <v>22</v>
      </c>
      <c r="N2642" s="10" t="s">
        <v>22</v>
      </c>
      <c r="P2642" s="10" t="s">
        <v>22</v>
      </c>
      <c r="Q2642" s="10" t="s">
        <v>22</v>
      </c>
      <c r="V2642" s="10" t="s">
        <v>22</v>
      </c>
      <c r="W2642" s="10" t="s">
        <v>22</v>
      </c>
      <c r="Y2642" s="10" t="s">
        <v>22</v>
      </c>
      <c r="Z2642" s="10" t="s">
        <v>22</v>
      </c>
    </row>
    <row r="2643" spans="1:26" ht="24" customHeight="1" x14ac:dyDescent="0.2">
      <c r="A2643" s="9" t="s">
        <v>19885</v>
      </c>
      <c r="B2643" s="9" t="s">
        <v>14</v>
      </c>
      <c r="C2643" s="9" t="s">
        <v>12629</v>
      </c>
      <c r="D2643" s="6" t="s">
        <v>12630</v>
      </c>
      <c r="E2643" s="22">
        <v>44915</v>
      </c>
      <c r="F2643" s="22">
        <v>46740</v>
      </c>
      <c r="G2643" s="6" t="s">
        <v>12631</v>
      </c>
      <c r="H2643" s="6" t="s">
        <v>62</v>
      </c>
      <c r="I2643" s="6" t="s">
        <v>493</v>
      </c>
      <c r="J2643" s="6" t="s">
        <v>12632</v>
      </c>
      <c r="L2643" s="10" t="s">
        <v>22</v>
      </c>
      <c r="M2643" s="10" t="s">
        <v>22</v>
      </c>
      <c r="N2643" s="10" t="s">
        <v>22</v>
      </c>
      <c r="O2643" s="10" t="s">
        <v>22</v>
      </c>
      <c r="P2643" s="10" t="s">
        <v>22</v>
      </c>
      <c r="Q2643" s="10" t="s">
        <v>22</v>
      </c>
      <c r="U2643" s="10" t="s">
        <v>22</v>
      </c>
      <c r="V2643" s="10" t="s">
        <v>22</v>
      </c>
      <c r="W2643" s="10" t="s">
        <v>22</v>
      </c>
      <c r="X2643" s="10" t="s">
        <v>22</v>
      </c>
      <c r="Y2643" s="10" t="s">
        <v>22</v>
      </c>
      <c r="Z2643" s="10" t="s">
        <v>22</v>
      </c>
    </row>
    <row r="2644" spans="1:26" ht="24" customHeight="1" x14ac:dyDescent="0.2">
      <c r="A2644" s="9" t="s">
        <v>19886</v>
      </c>
      <c r="B2644" s="9" t="s">
        <v>14</v>
      </c>
      <c r="C2644" s="9" t="s">
        <v>12633</v>
      </c>
      <c r="D2644" s="6" t="s">
        <v>12634</v>
      </c>
      <c r="E2644" s="22">
        <v>44915</v>
      </c>
      <c r="F2644" s="22">
        <v>46740</v>
      </c>
      <c r="G2644" s="6" t="s">
        <v>12635</v>
      </c>
      <c r="H2644" s="6" t="s">
        <v>62</v>
      </c>
      <c r="I2644" s="6" t="s">
        <v>4879</v>
      </c>
      <c r="J2644" s="6" t="s">
        <v>12636</v>
      </c>
      <c r="K2644" s="9" t="s">
        <v>12637</v>
      </c>
      <c r="L2644" s="10" t="s">
        <v>22</v>
      </c>
      <c r="M2644" s="10" t="s">
        <v>22</v>
      </c>
      <c r="N2644" s="10" t="s">
        <v>22</v>
      </c>
      <c r="O2644" s="10" t="s">
        <v>22</v>
      </c>
      <c r="P2644" s="10" t="s">
        <v>22</v>
      </c>
      <c r="Q2644" s="10" t="s">
        <v>22</v>
      </c>
      <c r="R2644" s="10" t="s">
        <v>22</v>
      </c>
      <c r="S2644" s="10" t="s">
        <v>22</v>
      </c>
      <c r="T2644" s="10" t="s">
        <v>22</v>
      </c>
      <c r="U2644" s="10" t="s">
        <v>22</v>
      </c>
      <c r="V2644" s="10" t="s">
        <v>22</v>
      </c>
      <c r="W2644" s="10" t="s">
        <v>22</v>
      </c>
      <c r="X2644" s="10" t="s">
        <v>22</v>
      </c>
      <c r="Y2644" s="10" t="s">
        <v>22</v>
      </c>
      <c r="Z2644" s="10" t="s">
        <v>22</v>
      </c>
    </row>
    <row r="2645" spans="1:26" ht="24" customHeight="1" x14ac:dyDescent="0.2">
      <c r="A2645" s="9" t="s">
        <v>19887</v>
      </c>
      <c r="B2645" s="9" t="s">
        <v>14</v>
      </c>
      <c r="C2645" s="9" t="s">
        <v>12638</v>
      </c>
      <c r="D2645" s="6" t="s">
        <v>12639</v>
      </c>
      <c r="E2645" s="22">
        <v>44921</v>
      </c>
      <c r="F2645" s="22">
        <v>46746</v>
      </c>
      <c r="G2645" s="6" t="s">
        <v>12640</v>
      </c>
      <c r="H2645" s="6" t="s">
        <v>202</v>
      </c>
      <c r="I2645" s="6" t="s">
        <v>863</v>
      </c>
      <c r="J2645" s="6" t="s">
        <v>12641</v>
      </c>
      <c r="L2645" s="10" t="s">
        <v>22</v>
      </c>
      <c r="M2645" s="10" t="s">
        <v>22</v>
      </c>
      <c r="N2645" s="10" t="s">
        <v>22</v>
      </c>
      <c r="O2645" s="10" t="s">
        <v>22</v>
      </c>
      <c r="P2645" s="10" t="s">
        <v>22</v>
      </c>
      <c r="Q2645" s="10" t="s">
        <v>22</v>
      </c>
      <c r="R2645" s="10" t="s">
        <v>22</v>
      </c>
      <c r="S2645" s="10" t="s">
        <v>22</v>
      </c>
      <c r="T2645" s="10" t="s">
        <v>22</v>
      </c>
      <c r="U2645" s="10" t="s">
        <v>22</v>
      </c>
      <c r="V2645" s="10" t="s">
        <v>22</v>
      </c>
      <c r="W2645" s="10" t="s">
        <v>22</v>
      </c>
      <c r="X2645" s="10" t="s">
        <v>22</v>
      </c>
      <c r="Y2645" s="10" t="s">
        <v>22</v>
      </c>
      <c r="Z2645" s="10" t="s">
        <v>22</v>
      </c>
    </row>
    <row r="2646" spans="1:26" ht="24" customHeight="1" x14ac:dyDescent="0.2">
      <c r="A2646" s="9" t="s">
        <v>19888</v>
      </c>
      <c r="B2646" s="9" t="s">
        <v>14</v>
      </c>
      <c r="C2646" s="9" t="s">
        <v>12642</v>
      </c>
      <c r="D2646" s="6" t="s">
        <v>12643</v>
      </c>
      <c r="E2646" s="22">
        <v>44921</v>
      </c>
      <c r="F2646" s="22">
        <v>46746</v>
      </c>
      <c r="G2646" s="6" t="s">
        <v>12644</v>
      </c>
      <c r="H2646" s="6" t="s">
        <v>2069</v>
      </c>
      <c r="I2646" s="6" t="s">
        <v>12645</v>
      </c>
      <c r="J2646" s="6" t="s">
        <v>12646</v>
      </c>
      <c r="K2646" s="9" t="s">
        <v>12647</v>
      </c>
      <c r="L2646" s="10" t="s">
        <v>22</v>
      </c>
      <c r="M2646" s="10" t="s">
        <v>22</v>
      </c>
      <c r="N2646" s="10" t="s">
        <v>22</v>
      </c>
      <c r="O2646" s="10" t="s">
        <v>22</v>
      </c>
      <c r="P2646" s="10" t="s">
        <v>22</v>
      </c>
      <c r="Q2646" s="10" t="s">
        <v>22</v>
      </c>
      <c r="R2646" s="10" t="s">
        <v>22</v>
      </c>
      <c r="S2646" s="10" t="s">
        <v>22</v>
      </c>
      <c r="T2646" s="10" t="s">
        <v>22</v>
      </c>
      <c r="U2646" s="10" t="s">
        <v>22</v>
      </c>
      <c r="V2646" s="10" t="s">
        <v>22</v>
      </c>
      <c r="W2646" s="10" t="s">
        <v>22</v>
      </c>
      <c r="X2646" s="10" t="s">
        <v>22</v>
      </c>
      <c r="Y2646" s="10" t="s">
        <v>22</v>
      </c>
      <c r="Z2646" s="10" t="s">
        <v>22</v>
      </c>
    </row>
    <row r="2647" spans="1:26" ht="24" customHeight="1" x14ac:dyDescent="0.2">
      <c r="A2647" s="9" t="s">
        <v>19889</v>
      </c>
      <c r="B2647" s="9" t="s">
        <v>14</v>
      </c>
      <c r="C2647" s="9" t="s">
        <v>12648</v>
      </c>
      <c r="D2647" s="6" t="s">
        <v>12649</v>
      </c>
      <c r="E2647" s="22">
        <v>44937</v>
      </c>
      <c r="F2647" s="22">
        <v>46762</v>
      </c>
      <c r="G2647" s="6" t="s">
        <v>12650</v>
      </c>
      <c r="H2647" s="6" t="s">
        <v>62</v>
      </c>
      <c r="I2647" s="6" t="s">
        <v>258</v>
      </c>
      <c r="J2647" s="6" t="s">
        <v>12651</v>
      </c>
      <c r="K2647" s="9" t="s">
        <v>12652</v>
      </c>
      <c r="L2647" s="10" t="s">
        <v>22</v>
      </c>
      <c r="M2647" s="10" t="s">
        <v>22</v>
      </c>
      <c r="N2647" s="10" t="s">
        <v>22</v>
      </c>
      <c r="U2647" s="10" t="s">
        <v>22</v>
      </c>
      <c r="V2647" s="10" t="s">
        <v>22</v>
      </c>
      <c r="W2647" s="10" t="s">
        <v>22</v>
      </c>
    </row>
    <row r="2648" spans="1:26" ht="24" customHeight="1" x14ac:dyDescent="0.2">
      <c r="A2648" s="9" t="s">
        <v>19890</v>
      </c>
      <c r="B2648" s="9" t="s">
        <v>14</v>
      </c>
      <c r="C2648" s="9" t="s">
        <v>12653</v>
      </c>
      <c r="D2648" s="6" t="s">
        <v>12654</v>
      </c>
      <c r="E2648" s="22">
        <v>44937</v>
      </c>
      <c r="F2648" s="22">
        <v>46762</v>
      </c>
      <c r="G2648" s="6" t="s">
        <v>12655</v>
      </c>
      <c r="H2648" s="6" t="s">
        <v>18</v>
      </c>
      <c r="I2648" s="6" t="s">
        <v>26</v>
      </c>
      <c r="J2648" s="6" t="s">
        <v>12656</v>
      </c>
      <c r="K2648" s="9" t="s">
        <v>12657</v>
      </c>
      <c r="M2648" s="10" t="s">
        <v>22</v>
      </c>
      <c r="N2648" s="10" t="s">
        <v>22</v>
      </c>
      <c r="P2648" s="10" t="s">
        <v>22</v>
      </c>
      <c r="Q2648" s="10" t="s">
        <v>22</v>
      </c>
      <c r="W2648" s="10" t="s">
        <v>22</v>
      </c>
      <c r="Z2648" s="10" t="s">
        <v>22</v>
      </c>
    </row>
    <row r="2649" spans="1:26" ht="24" customHeight="1" x14ac:dyDescent="0.2">
      <c r="A2649" s="9" t="s">
        <v>19891</v>
      </c>
      <c r="B2649" s="9" t="s">
        <v>14</v>
      </c>
      <c r="C2649" s="9" t="s">
        <v>12658</v>
      </c>
      <c r="D2649" s="6" t="s">
        <v>12659</v>
      </c>
      <c r="E2649" s="22">
        <v>44939</v>
      </c>
      <c r="F2649" s="22">
        <v>46764</v>
      </c>
      <c r="G2649" s="6" t="s">
        <v>12660</v>
      </c>
      <c r="H2649" s="6" t="s">
        <v>62</v>
      </c>
      <c r="I2649" s="6" t="s">
        <v>312</v>
      </c>
      <c r="J2649" s="6" t="s">
        <v>12661</v>
      </c>
      <c r="L2649" s="10" t="s">
        <v>22</v>
      </c>
      <c r="M2649" s="10" t="s">
        <v>22</v>
      </c>
      <c r="N2649" s="10" t="s">
        <v>22</v>
      </c>
      <c r="O2649" s="10" t="s">
        <v>22</v>
      </c>
      <c r="P2649" s="10" t="s">
        <v>22</v>
      </c>
      <c r="Q2649" s="10" t="s">
        <v>22</v>
      </c>
      <c r="R2649" s="10" t="s">
        <v>22</v>
      </c>
      <c r="S2649" s="10" t="s">
        <v>22</v>
      </c>
      <c r="T2649" s="10" t="s">
        <v>22</v>
      </c>
      <c r="U2649" s="10" t="s">
        <v>22</v>
      </c>
      <c r="V2649" s="10" t="s">
        <v>22</v>
      </c>
      <c r="W2649" s="10" t="s">
        <v>22</v>
      </c>
      <c r="X2649" s="10" t="s">
        <v>22</v>
      </c>
      <c r="Y2649" s="10" t="s">
        <v>22</v>
      </c>
      <c r="Z2649" s="10" t="s">
        <v>22</v>
      </c>
    </row>
    <row r="2650" spans="1:26" ht="24" customHeight="1" x14ac:dyDescent="0.2">
      <c r="A2650" s="9" t="s">
        <v>19892</v>
      </c>
      <c r="B2650" s="9" t="s">
        <v>14</v>
      </c>
      <c r="C2650" s="9" t="s">
        <v>12662</v>
      </c>
      <c r="D2650" s="6" t="s">
        <v>12663</v>
      </c>
      <c r="E2650" s="22">
        <v>44939</v>
      </c>
      <c r="F2650" s="22">
        <v>46764</v>
      </c>
      <c r="G2650" s="6" t="s">
        <v>12664</v>
      </c>
      <c r="H2650" s="6" t="s">
        <v>2069</v>
      </c>
      <c r="I2650" s="6" t="s">
        <v>12665</v>
      </c>
      <c r="J2650" s="6" t="s">
        <v>12666</v>
      </c>
      <c r="L2650" s="10" t="s">
        <v>22</v>
      </c>
      <c r="M2650" s="10" t="s">
        <v>22</v>
      </c>
      <c r="N2650" s="10" t="s">
        <v>22</v>
      </c>
      <c r="O2650" s="10" t="s">
        <v>22</v>
      </c>
      <c r="P2650" s="10" t="s">
        <v>22</v>
      </c>
      <c r="Q2650" s="10" t="s">
        <v>22</v>
      </c>
      <c r="R2650" s="10" t="s">
        <v>22</v>
      </c>
      <c r="S2650" s="10" t="s">
        <v>22</v>
      </c>
      <c r="T2650" s="10" t="s">
        <v>22</v>
      </c>
      <c r="U2650" s="10" t="s">
        <v>22</v>
      </c>
      <c r="V2650" s="10" t="s">
        <v>22</v>
      </c>
      <c r="W2650" s="10" t="s">
        <v>22</v>
      </c>
      <c r="X2650" s="10" t="s">
        <v>22</v>
      </c>
      <c r="Y2650" s="10" t="s">
        <v>22</v>
      </c>
      <c r="Z2650" s="10" t="s">
        <v>22</v>
      </c>
    </row>
    <row r="2651" spans="1:26" ht="24" customHeight="1" x14ac:dyDescent="0.2">
      <c r="A2651" s="9" t="s">
        <v>19893</v>
      </c>
      <c r="B2651" s="9" t="s">
        <v>14</v>
      </c>
      <c r="C2651" s="9" t="s">
        <v>12667</v>
      </c>
      <c r="D2651" s="6" t="s">
        <v>12668</v>
      </c>
      <c r="E2651" s="22">
        <v>44939</v>
      </c>
      <c r="F2651" s="22">
        <v>46764</v>
      </c>
      <c r="G2651" s="6" t="s">
        <v>12669</v>
      </c>
      <c r="H2651" s="6" t="s">
        <v>62</v>
      </c>
      <c r="I2651" s="6" t="s">
        <v>1186</v>
      </c>
      <c r="J2651" s="6" t="s">
        <v>12670</v>
      </c>
      <c r="K2651" s="9" t="s">
        <v>12671</v>
      </c>
      <c r="L2651" s="10" t="s">
        <v>22</v>
      </c>
      <c r="M2651" s="10" t="s">
        <v>22</v>
      </c>
      <c r="N2651" s="10" t="s">
        <v>22</v>
      </c>
      <c r="O2651" s="10" t="s">
        <v>22</v>
      </c>
      <c r="P2651" s="10" t="s">
        <v>22</v>
      </c>
      <c r="Q2651" s="10" t="s">
        <v>22</v>
      </c>
      <c r="R2651" s="10" t="s">
        <v>22</v>
      </c>
      <c r="S2651" s="10" t="s">
        <v>22</v>
      </c>
      <c r="T2651" s="10" t="s">
        <v>22</v>
      </c>
      <c r="U2651" s="10" t="s">
        <v>22</v>
      </c>
      <c r="V2651" s="10" t="s">
        <v>22</v>
      </c>
      <c r="W2651" s="10" t="s">
        <v>22</v>
      </c>
      <c r="X2651" s="10" t="s">
        <v>22</v>
      </c>
      <c r="Y2651" s="10" t="s">
        <v>22</v>
      </c>
      <c r="Z2651" s="10" t="s">
        <v>22</v>
      </c>
    </row>
    <row r="2652" spans="1:26" ht="24" customHeight="1" x14ac:dyDescent="0.2">
      <c r="A2652" s="9" t="s">
        <v>19894</v>
      </c>
      <c r="B2652" s="9" t="s">
        <v>14</v>
      </c>
      <c r="C2652" s="9" t="s">
        <v>12672</v>
      </c>
      <c r="D2652" s="6" t="s">
        <v>12673</v>
      </c>
      <c r="E2652" s="22">
        <v>44942</v>
      </c>
      <c r="F2652" s="22">
        <v>46767</v>
      </c>
      <c r="G2652" s="6" t="s">
        <v>12674</v>
      </c>
      <c r="H2652" s="6" t="s">
        <v>62</v>
      </c>
      <c r="I2652" s="6" t="s">
        <v>414</v>
      </c>
      <c r="J2652" s="6" t="s">
        <v>12675</v>
      </c>
      <c r="L2652" s="10" t="s">
        <v>22</v>
      </c>
      <c r="M2652" s="10" t="s">
        <v>22</v>
      </c>
      <c r="N2652" s="10" t="s">
        <v>22</v>
      </c>
      <c r="O2652" s="10" t="s">
        <v>22</v>
      </c>
      <c r="P2652" s="10" t="s">
        <v>22</v>
      </c>
      <c r="Q2652" s="10" t="s">
        <v>22</v>
      </c>
      <c r="U2652" s="10" t="s">
        <v>22</v>
      </c>
      <c r="V2652" s="10" t="s">
        <v>22</v>
      </c>
      <c r="W2652" s="10" t="s">
        <v>22</v>
      </c>
      <c r="X2652" s="10" t="s">
        <v>22</v>
      </c>
      <c r="Y2652" s="10" t="s">
        <v>22</v>
      </c>
      <c r="Z2652" s="10" t="s">
        <v>22</v>
      </c>
    </row>
    <row r="2653" spans="1:26" ht="24" customHeight="1" x14ac:dyDescent="0.2">
      <c r="A2653" s="9" t="s">
        <v>19895</v>
      </c>
      <c r="B2653" s="9" t="s">
        <v>14</v>
      </c>
      <c r="C2653" s="9" t="s">
        <v>12676</v>
      </c>
      <c r="D2653" s="6" t="s">
        <v>12677</v>
      </c>
      <c r="E2653" s="22">
        <v>44942</v>
      </c>
      <c r="F2653" s="22">
        <v>46767</v>
      </c>
      <c r="G2653" s="6" t="s">
        <v>12678</v>
      </c>
      <c r="H2653" s="6" t="s">
        <v>62</v>
      </c>
      <c r="I2653" s="6" t="s">
        <v>186</v>
      </c>
      <c r="J2653" s="6" t="s">
        <v>12679</v>
      </c>
      <c r="L2653" s="10" t="s">
        <v>22</v>
      </c>
      <c r="M2653" s="10" t="s">
        <v>22</v>
      </c>
      <c r="N2653" s="10" t="s">
        <v>22</v>
      </c>
      <c r="O2653" s="10" t="s">
        <v>22</v>
      </c>
      <c r="P2653" s="10" t="s">
        <v>22</v>
      </c>
      <c r="Q2653" s="10" t="s">
        <v>22</v>
      </c>
      <c r="R2653" s="10" t="s">
        <v>22</v>
      </c>
      <c r="S2653" s="10" t="s">
        <v>22</v>
      </c>
      <c r="T2653" s="10" t="s">
        <v>22</v>
      </c>
      <c r="U2653" s="10" t="s">
        <v>22</v>
      </c>
      <c r="V2653" s="10" t="s">
        <v>22</v>
      </c>
      <c r="W2653" s="10" t="s">
        <v>22</v>
      </c>
      <c r="X2653" s="10" t="s">
        <v>22</v>
      </c>
      <c r="Y2653" s="10" t="s">
        <v>22</v>
      </c>
      <c r="Z2653" s="10" t="s">
        <v>22</v>
      </c>
    </row>
    <row r="2654" spans="1:26" ht="24" customHeight="1" x14ac:dyDescent="0.2">
      <c r="A2654" s="9" t="s">
        <v>19896</v>
      </c>
      <c r="B2654" s="9" t="s">
        <v>14</v>
      </c>
      <c r="C2654" s="9" t="s">
        <v>12680</v>
      </c>
      <c r="D2654" s="6" t="s">
        <v>12681</v>
      </c>
      <c r="E2654" s="22">
        <v>44942</v>
      </c>
      <c r="F2654" s="22">
        <v>46767</v>
      </c>
      <c r="G2654" s="6" t="s">
        <v>12682</v>
      </c>
      <c r="H2654" s="6" t="s">
        <v>18</v>
      </c>
      <c r="I2654" s="6" t="s">
        <v>19</v>
      </c>
      <c r="J2654" s="6" t="s">
        <v>12683</v>
      </c>
      <c r="K2654" s="9" t="s">
        <v>12684</v>
      </c>
      <c r="L2654" s="10" t="s">
        <v>22</v>
      </c>
      <c r="M2654" s="10" t="s">
        <v>22</v>
      </c>
      <c r="N2654" s="10" t="s">
        <v>22</v>
      </c>
      <c r="O2654" s="10" t="s">
        <v>22</v>
      </c>
      <c r="P2654" s="10" t="s">
        <v>22</v>
      </c>
      <c r="Q2654" s="10" t="s">
        <v>22</v>
      </c>
      <c r="R2654" s="10" t="s">
        <v>22</v>
      </c>
      <c r="S2654" s="10" t="s">
        <v>22</v>
      </c>
      <c r="T2654" s="10" t="s">
        <v>22</v>
      </c>
      <c r="U2654" s="10" t="s">
        <v>22</v>
      </c>
      <c r="V2654" s="10" t="s">
        <v>22</v>
      </c>
      <c r="W2654" s="10" t="s">
        <v>22</v>
      </c>
      <c r="X2654" s="10" t="s">
        <v>22</v>
      </c>
      <c r="Y2654" s="10" t="s">
        <v>22</v>
      </c>
      <c r="Z2654" s="10" t="s">
        <v>22</v>
      </c>
    </row>
    <row r="2655" spans="1:26" ht="24" customHeight="1" x14ac:dyDescent="0.2">
      <c r="A2655" s="9" t="s">
        <v>19897</v>
      </c>
      <c r="B2655" s="9" t="s">
        <v>14</v>
      </c>
      <c r="C2655" s="9" t="s">
        <v>12685</v>
      </c>
      <c r="D2655" s="6" t="s">
        <v>12686</v>
      </c>
      <c r="E2655" s="22">
        <v>44950</v>
      </c>
      <c r="F2655" s="22">
        <v>46775</v>
      </c>
      <c r="G2655" s="6" t="s">
        <v>12687</v>
      </c>
      <c r="H2655" s="6" t="s">
        <v>202</v>
      </c>
      <c r="I2655" s="6" t="s">
        <v>8742</v>
      </c>
      <c r="J2655" s="6" t="s">
        <v>12688</v>
      </c>
      <c r="K2655" s="9" t="s">
        <v>12689</v>
      </c>
      <c r="L2655" s="10" t="s">
        <v>22</v>
      </c>
      <c r="M2655" s="10" t="s">
        <v>22</v>
      </c>
      <c r="N2655" s="10" t="s">
        <v>22</v>
      </c>
      <c r="O2655" s="10" t="s">
        <v>22</v>
      </c>
      <c r="P2655" s="10" t="s">
        <v>22</v>
      </c>
      <c r="Q2655" s="10" t="s">
        <v>22</v>
      </c>
      <c r="R2655" s="10" t="s">
        <v>22</v>
      </c>
      <c r="S2655" s="10" t="s">
        <v>22</v>
      </c>
      <c r="T2655" s="10" t="s">
        <v>22</v>
      </c>
      <c r="U2655" s="10" t="s">
        <v>22</v>
      </c>
      <c r="V2655" s="10" t="s">
        <v>22</v>
      </c>
      <c r="W2655" s="10" t="s">
        <v>22</v>
      </c>
      <c r="X2655" s="10" t="s">
        <v>22</v>
      </c>
      <c r="Y2655" s="10" t="s">
        <v>22</v>
      </c>
      <c r="Z2655" s="10" t="s">
        <v>22</v>
      </c>
    </row>
    <row r="2656" spans="1:26" ht="24" customHeight="1" x14ac:dyDescent="0.2">
      <c r="A2656" s="9" t="s">
        <v>19898</v>
      </c>
      <c r="B2656" s="9" t="s">
        <v>14</v>
      </c>
      <c r="C2656" s="9" t="s">
        <v>12690</v>
      </c>
      <c r="D2656" s="6" t="s">
        <v>12691</v>
      </c>
      <c r="E2656" s="22">
        <v>44950</v>
      </c>
      <c r="F2656" s="22">
        <v>46775</v>
      </c>
      <c r="G2656" s="6" t="s">
        <v>12692</v>
      </c>
      <c r="H2656" s="6" t="s">
        <v>229</v>
      </c>
      <c r="I2656" s="6" t="s">
        <v>825</v>
      </c>
      <c r="J2656" s="6" t="s">
        <v>12693</v>
      </c>
      <c r="K2656" s="9" t="s">
        <v>12694</v>
      </c>
      <c r="L2656" s="10" t="s">
        <v>22</v>
      </c>
      <c r="M2656" s="10" t="s">
        <v>22</v>
      </c>
      <c r="N2656" s="10" t="s">
        <v>22</v>
      </c>
      <c r="O2656" s="10" t="s">
        <v>22</v>
      </c>
      <c r="P2656" s="10" t="s">
        <v>22</v>
      </c>
      <c r="Q2656" s="10" t="s">
        <v>22</v>
      </c>
      <c r="R2656" s="10" t="s">
        <v>22</v>
      </c>
      <c r="S2656" s="10" t="s">
        <v>22</v>
      </c>
      <c r="T2656" s="10" t="s">
        <v>22</v>
      </c>
      <c r="U2656" s="10" t="s">
        <v>22</v>
      </c>
      <c r="V2656" s="10" t="s">
        <v>22</v>
      </c>
      <c r="W2656" s="10" t="s">
        <v>22</v>
      </c>
      <c r="X2656" s="10" t="s">
        <v>22</v>
      </c>
      <c r="Y2656" s="10" t="s">
        <v>22</v>
      </c>
      <c r="Z2656" s="10" t="s">
        <v>22</v>
      </c>
    </row>
    <row r="2657" spans="1:26" ht="24" customHeight="1" x14ac:dyDescent="0.2">
      <c r="A2657" s="9" t="s">
        <v>19899</v>
      </c>
      <c r="B2657" s="9" t="s">
        <v>14</v>
      </c>
      <c r="C2657" s="9" t="s">
        <v>12695</v>
      </c>
      <c r="D2657" s="6" t="s">
        <v>12696</v>
      </c>
      <c r="E2657" s="22">
        <v>44950</v>
      </c>
      <c r="F2657" s="22">
        <v>46775</v>
      </c>
      <c r="G2657" s="6" t="s">
        <v>12697</v>
      </c>
      <c r="H2657" s="6" t="s">
        <v>18</v>
      </c>
      <c r="I2657" s="6" t="s">
        <v>19</v>
      </c>
      <c r="J2657" s="6" t="s">
        <v>12698</v>
      </c>
      <c r="K2657" s="9" t="s">
        <v>12699</v>
      </c>
      <c r="L2657" s="10" t="s">
        <v>22</v>
      </c>
      <c r="M2657" s="10" t="s">
        <v>22</v>
      </c>
      <c r="N2657" s="10" t="s">
        <v>22</v>
      </c>
    </row>
    <row r="2658" spans="1:26" ht="24" customHeight="1" x14ac:dyDescent="0.2">
      <c r="A2658" s="9" t="s">
        <v>19900</v>
      </c>
      <c r="B2658" s="9" t="s">
        <v>14</v>
      </c>
      <c r="C2658" s="9" t="s">
        <v>12700</v>
      </c>
      <c r="D2658" s="6" t="s">
        <v>12701</v>
      </c>
      <c r="E2658" s="22">
        <v>44956</v>
      </c>
      <c r="F2658" s="22">
        <v>46781</v>
      </c>
      <c r="G2658" s="6" t="s">
        <v>12702</v>
      </c>
      <c r="H2658" s="6" t="s">
        <v>62</v>
      </c>
      <c r="I2658" s="6" t="s">
        <v>63</v>
      </c>
      <c r="J2658" s="6" t="s">
        <v>12703</v>
      </c>
      <c r="K2658" s="9" t="s">
        <v>12704</v>
      </c>
      <c r="L2658" s="10" t="s">
        <v>22</v>
      </c>
      <c r="M2658" s="10" t="s">
        <v>22</v>
      </c>
      <c r="N2658" s="10" t="s">
        <v>22</v>
      </c>
      <c r="O2658" s="10" t="s">
        <v>22</v>
      </c>
      <c r="P2658" s="10" t="s">
        <v>22</v>
      </c>
      <c r="Q2658" s="10" t="s">
        <v>22</v>
      </c>
      <c r="U2658" s="10" t="s">
        <v>22</v>
      </c>
      <c r="V2658" s="10" t="s">
        <v>22</v>
      </c>
      <c r="W2658" s="10" t="s">
        <v>22</v>
      </c>
      <c r="X2658" s="10" t="s">
        <v>22</v>
      </c>
      <c r="Y2658" s="10" t="s">
        <v>22</v>
      </c>
      <c r="Z2658" s="10" t="s">
        <v>22</v>
      </c>
    </row>
    <row r="2659" spans="1:26" ht="24" customHeight="1" x14ac:dyDescent="0.2">
      <c r="A2659" s="9" t="s">
        <v>19901</v>
      </c>
      <c r="B2659" s="9" t="s">
        <v>14</v>
      </c>
      <c r="C2659" s="9" t="s">
        <v>12705</v>
      </c>
      <c r="D2659" s="6" t="s">
        <v>12706</v>
      </c>
      <c r="E2659" s="22">
        <v>44956</v>
      </c>
      <c r="F2659" s="22">
        <v>46781</v>
      </c>
      <c r="G2659" s="6" t="s">
        <v>12707</v>
      </c>
      <c r="H2659" s="6" t="s">
        <v>62</v>
      </c>
      <c r="I2659" s="6" t="s">
        <v>414</v>
      </c>
      <c r="J2659" s="6" t="s">
        <v>12708</v>
      </c>
      <c r="K2659" s="9" t="s">
        <v>12709</v>
      </c>
      <c r="L2659" s="10" t="s">
        <v>22</v>
      </c>
      <c r="M2659" s="10" t="s">
        <v>22</v>
      </c>
      <c r="N2659" s="10" t="s">
        <v>22</v>
      </c>
      <c r="O2659" s="10" t="s">
        <v>22</v>
      </c>
      <c r="P2659" s="10" t="s">
        <v>22</v>
      </c>
      <c r="Q2659" s="10" t="s">
        <v>22</v>
      </c>
      <c r="R2659" s="10" t="s">
        <v>22</v>
      </c>
      <c r="S2659" s="10" t="s">
        <v>22</v>
      </c>
      <c r="T2659" s="10" t="s">
        <v>22</v>
      </c>
      <c r="U2659" s="10" t="s">
        <v>22</v>
      </c>
      <c r="V2659" s="10" t="s">
        <v>22</v>
      </c>
      <c r="W2659" s="10" t="s">
        <v>22</v>
      </c>
      <c r="X2659" s="10" t="s">
        <v>22</v>
      </c>
      <c r="Y2659" s="10" t="s">
        <v>22</v>
      </c>
      <c r="Z2659" s="10" t="s">
        <v>22</v>
      </c>
    </row>
    <row r="2660" spans="1:26" ht="24" customHeight="1" x14ac:dyDescent="0.2">
      <c r="A2660" s="9" t="s">
        <v>19902</v>
      </c>
      <c r="B2660" s="9" t="s">
        <v>14</v>
      </c>
      <c r="C2660" s="9" t="s">
        <v>12710</v>
      </c>
      <c r="D2660" s="6" t="s">
        <v>12711</v>
      </c>
      <c r="E2660" s="22">
        <v>44956</v>
      </c>
      <c r="F2660" s="22">
        <v>46781</v>
      </c>
      <c r="G2660" s="6" t="s">
        <v>12712</v>
      </c>
      <c r="H2660" s="6" t="s">
        <v>202</v>
      </c>
      <c r="I2660" s="6" t="s">
        <v>336</v>
      </c>
      <c r="J2660" s="6" t="s">
        <v>12713</v>
      </c>
      <c r="L2660" s="10" t="s">
        <v>22</v>
      </c>
      <c r="M2660" s="10" t="s">
        <v>22</v>
      </c>
      <c r="N2660" s="10" t="s">
        <v>22</v>
      </c>
      <c r="O2660" s="10" t="s">
        <v>22</v>
      </c>
      <c r="P2660" s="10" t="s">
        <v>22</v>
      </c>
      <c r="Q2660" s="10" t="s">
        <v>22</v>
      </c>
      <c r="U2660" s="10" t="s">
        <v>22</v>
      </c>
      <c r="V2660" s="10" t="s">
        <v>22</v>
      </c>
      <c r="W2660" s="10" t="s">
        <v>22</v>
      </c>
      <c r="X2660" s="10" t="s">
        <v>22</v>
      </c>
      <c r="Y2660" s="10" t="s">
        <v>22</v>
      </c>
      <c r="Z2660" s="10" t="s">
        <v>22</v>
      </c>
    </row>
    <row r="2661" spans="1:26" ht="24" customHeight="1" x14ac:dyDescent="0.2">
      <c r="A2661" s="9" t="s">
        <v>19903</v>
      </c>
      <c r="B2661" s="9" t="s">
        <v>14</v>
      </c>
      <c r="C2661" s="9" t="s">
        <v>12714</v>
      </c>
      <c r="D2661" s="6" t="s">
        <v>12715</v>
      </c>
      <c r="E2661" s="22">
        <v>44956</v>
      </c>
      <c r="F2661" s="22">
        <v>46781</v>
      </c>
      <c r="G2661" s="6" t="s">
        <v>12716</v>
      </c>
      <c r="H2661" s="6" t="s">
        <v>62</v>
      </c>
      <c r="I2661" s="6" t="s">
        <v>186</v>
      </c>
      <c r="J2661" s="6" t="s">
        <v>12717</v>
      </c>
      <c r="K2661" s="9" t="s">
        <v>12718</v>
      </c>
      <c r="L2661" s="10" t="s">
        <v>22</v>
      </c>
      <c r="M2661" s="10" t="s">
        <v>22</v>
      </c>
      <c r="N2661" s="10" t="s">
        <v>22</v>
      </c>
      <c r="O2661" s="10" t="s">
        <v>22</v>
      </c>
      <c r="P2661" s="10" t="s">
        <v>22</v>
      </c>
      <c r="Q2661" s="10" t="s">
        <v>22</v>
      </c>
      <c r="R2661" s="10" t="s">
        <v>22</v>
      </c>
      <c r="S2661" s="10" t="s">
        <v>22</v>
      </c>
      <c r="T2661" s="10" t="s">
        <v>22</v>
      </c>
    </row>
    <row r="2662" spans="1:26" ht="24" customHeight="1" x14ac:dyDescent="0.2">
      <c r="A2662" s="9" t="s">
        <v>19904</v>
      </c>
      <c r="B2662" s="9" t="s">
        <v>14</v>
      </c>
      <c r="C2662" s="9" t="s">
        <v>12719</v>
      </c>
      <c r="D2662" s="6" t="s">
        <v>12720</v>
      </c>
      <c r="E2662" s="22">
        <v>44959</v>
      </c>
      <c r="F2662" s="22">
        <v>46784</v>
      </c>
      <c r="G2662" s="6" t="s">
        <v>12721</v>
      </c>
      <c r="H2662" s="6" t="s">
        <v>363</v>
      </c>
      <c r="I2662" s="6" t="s">
        <v>466</v>
      </c>
      <c r="J2662" s="6" t="s">
        <v>12722</v>
      </c>
      <c r="K2662" s="9" t="s">
        <v>12723</v>
      </c>
      <c r="M2662" s="10" t="s">
        <v>22</v>
      </c>
      <c r="N2662" s="10" t="s">
        <v>22</v>
      </c>
      <c r="P2662" s="10" t="s">
        <v>22</v>
      </c>
      <c r="Q2662" s="10" t="s">
        <v>22</v>
      </c>
      <c r="S2662" s="10" t="s">
        <v>22</v>
      </c>
      <c r="T2662" s="10" t="s">
        <v>22</v>
      </c>
      <c r="V2662" s="10" t="s">
        <v>22</v>
      </c>
      <c r="W2662" s="10" t="s">
        <v>22</v>
      </c>
      <c r="Y2662" s="10" t="s">
        <v>22</v>
      </c>
      <c r="Z2662" s="10" t="s">
        <v>22</v>
      </c>
    </row>
    <row r="2663" spans="1:26" ht="24" customHeight="1" x14ac:dyDescent="0.2">
      <c r="A2663" s="9" t="s">
        <v>19905</v>
      </c>
      <c r="B2663" s="9" t="s">
        <v>14</v>
      </c>
      <c r="C2663" s="9" t="s">
        <v>12724</v>
      </c>
      <c r="D2663" s="6" t="s">
        <v>12725</v>
      </c>
      <c r="E2663" s="22">
        <v>44959</v>
      </c>
      <c r="F2663" s="22">
        <v>46784</v>
      </c>
      <c r="G2663" s="6" t="s">
        <v>12726</v>
      </c>
      <c r="H2663" s="6" t="s">
        <v>18</v>
      </c>
      <c r="I2663" s="6" t="s">
        <v>19</v>
      </c>
      <c r="J2663" s="6" t="s">
        <v>12727</v>
      </c>
      <c r="L2663" s="10" t="s">
        <v>22</v>
      </c>
      <c r="M2663" s="10" t="s">
        <v>22</v>
      </c>
      <c r="N2663" s="10" t="s">
        <v>22</v>
      </c>
      <c r="O2663" s="10" t="s">
        <v>22</v>
      </c>
      <c r="P2663" s="10" t="s">
        <v>22</v>
      </c>
      <c r="Q2663" s="10" t="s">
        <v>22</v>
      </c>
      <c r="R2663" s="10" t="s">
        <v>22</v>
      </c>
      <c r="S2663" s="10" t="s">
        <v>22</v>
      </c>
      <c r="T2663" s="10" t="s">
        <v>22</v>
      </c>
      <c r="U2663" s="10" t="s">
        <v>22</v>
      </c>
      <c r="V2663" s="10" t="s">
        <v>22</v>
      </c>
      <c r="W2663" s="10" t="s">
        <v>22</v>
      </c>
      <c r="X2663" s="10" t="s">
        <v>22</v>
      </c>
      <c r="Y2663" s="10" t="s">
        <v>22</v>
      </c>
      <c r="Z2663" s="10" t="s">
        <v>22</v>
      </c>
    </row>
    <row r="2664" spans="1:26" ht="24" customHeight="1" x14ac:dyDescent="0.2">
      <c r="A2664" s="9" t="s">
        <v>19906</v>
      </c>
      <c r="B2664" s="9" t="s">
        <v>14</v>
      </c>
      <c r="C2664" s="9" t="s">
        <v>12728</v>
      </c>
      <c r="D2664" s="6" t="s">
        <v>12729</v>
      </c>
      <c r="E2664" s="22">
        <v>44963</v>
      </c>
      <c r="F2664" s="22">
        <v>46788</v>
      </c>
      <c r="G2664" s="6" t="s">
        <v>12730</v>
      </c>
      <c r="H2664" s="6" t="s">
        <v>18</v>
      </c>
      <c r="I2664" s="6" t="s">
        <v>19</v>
      </c>
      <c r="J2664" s="6" t="s">
        <v>12731</v>
      </c>
      <c r="L2664" s="10" t="s">
        <v>22</v>
      </c>
      <c r="M2664" s="10" t="s">
        <v>22</v>
      </c>
      <c r="N2664" s="10" t="s">
        <v>22</v>
      </c>
      <c r="O2664" s="10" t="s">
        <v>22</v>
      </c>
      <c r="P2664" s="10" t="s">
        <v>22</v>
      </c>
      <c r="Q2664" s="10" t="s">
        <v>22</v>
      </c>
      <c r="R2664" s="10" t="s">
        <v>22</v>
      </c>
      <c r="S2664" s="10" t="s">
        <v>22</v>
      </c>
      <c r="T2664" s="10" t="s">
        <v>22</v>
      </c>
      <c r="U2664" s="10" t="s">
        <v>22</v>
      </c>
      <c r="V2664" s="10" t="s">
        <v>22</v>
      </c>
      <c r="W2664" s="10" t="s">
        <v>22</v>
      </c>
      <c r="X2664" s="10" t="s">
        <v>22</v>
      </c>
      <c r="Y2664" s="10" t="s">
        <v>22</v>
      </c>
      <c r="Z2664" s="10" t="s">
        <v>22</v>
      </c>
    </row>
    <row r="2665" spans="1:26" ht="24" customHeight="1" x14ac:dyDescent="0.2">
      <c r="A2665" s="9" t="s">
        <v>19907</v>
      </c>
      <c r="B2665" s="9" t="s">
        <v>14</v>
      </c>
      <c r="C2665" s="9" t="s">
        <v>12732</v>
      </c>
      <c r="D2665" s="6" t="s">
        <v>12733</v>
      </c>
      <c r="E2665" s="22">
        <v>44963</v>
      </c>
      <c r="F2665" s="22">
        <v>46788</v>
      </c>
      <c r="G2665" s="6" t="s">
        <v>12734</v>
      </c>
      <c r="H2665" s="6" t="s">
        <v>229</v>
      </c>
      <c r="I2665" s="6" t="s">
        <v>1885</v>
      </c>
      <c r="J2665" s="6" t="s">
        <v>12735</v>
      </c>
      <c r="K2665" s="9" t="s">
        <v>12736</v>
      </c>
      <c r="L2665" s="10" t="s">
        <v>22</v>
      </c>
      <c r="M2665" s="10" t="s">
        <v>22</v>
      </c>
      <c r="N2665" s="10" t="s">
        <v>22</v>
      </c>
      <c r="O2665" s="10" t="s">
        <v>22</v>
      </c>
      <c r="P2665" s="10" t="s">
        <v>22</v>
      </c>
      <c r="Q2665" s="10" t="s">
        <v>22</v>
      </c>
      <c r="R2665" s="10" t="s">
        <v>22</v>
      </c>
      <c r="S2665" s="10" t="s">
        <v>22</v>
      </c>
      <c r="T2665" s="10" t="s">
        <v>22</v>
      </c>
      <c r="U2665" s="10" t="s">
        <v>22</v>
      </c>
      <c r="V2665" s="10" t="s">
        <v>22</v>
      </c>
      <c r="W2665" s="10" t="s">
        <v>22</v>
      </c>
      <c r="X2665" s="10" t="s">
        <v>22</v>
      </c>
      <c r="Y2665" s="10" t="s">
        <v>22</v>
      </c>
      <c r="Z2665" s="10" t="s">
        <v>22</v>
      </c>
    </row>
    <row r="2666" spans="1:26" ht="24" customHeight="1" x14ac:dyDescent="0.2">
      <c r="A2666" s="9" t="s">
        <v>19908</v>
      </c>
      <c r="B2666" s="9" t="s">
        <v>14</v>
      </c>
      <c r="C2666" s="9" t="s">
        <v>12737</v>
      </c>
      <c r="D2666" s="6" t="s">
        <v>12738</v>
      </c>
      <c r="E2666" s="22">
        <v>44963</v>
      </c>
      <c r="F2666" s="22">
        <v>46788</v>
      </c>
      <c r="G2666" s="6" t="s">
        <v>12739</v>
      </c>
      <c r="H2666" s="6" t="s">
        <v>202</v>
      </c>
      <c r="I2666" s="6" t="s">
        <v>3050</v>
      </c>
      <c r="J2666" s="6" t="s">
        <v>12740</v>
      </c>
      <c r="K2666" s="9" t="s">
        <v>12741</v>
      </c>
      <c r="L2666" s="10" t="s">
        <v>22</v>
      </c>
      <c r="M2666" s="10" t="s">
        <v>22</v>
      </c>
      <c r="N2666" s="10" t="s">
        <v>22</v>
      </c>
      <c r="O2666" s="10" t="s">
        <v>22</v>
      </c>
      <c r="P2666" s="10" t="s">
        <v>22</v>
      </c>
      <c r="Q2666" s="10" t="s">
        <v>22</v>
      </c>
      <c r="R2666" s="10" t="s">
        <v>22</v>
      </c>
      <c r="S2666" s="10" t="s">
        <v>22</v>
      </c>
      <c r="T2666" s="10" t="s">
        <v>22</v>
      </c>
      <c r="U2666" s="10" t="s">
        <v>22</v>
      </c>
      <c r="V2666" s="10" t="s">
        <v>22</v>
      </c>
      <c r="W2666" s="10" t="s">
        <v>22</v>
      </c>
      <c r="X2666" s="10" t="s">
        <v>22</v>
      </c>
      <c r="Y2666" s="10" t="s">
        <v>22</v>
      </c>
      <c r="Z2666" s="10" t="s">
        <v>22</v>
      </c>
    </row>
    <row r="2667" spans="1:26" ht="24" customHeight="1" x14ac:dyDescent="0.2">
      <c r="A2667" s="9" t="s">
        <v>19909</v>
      </c>
      <c r="B2667" s="9" t="s">
        <v>14</v>
      </c>
      <c r="C2667" s="9" t="s">
        <v>12742</v>
      </c>
      <c r="D2667" s="6" t="s">
        <v>12743</v>
      </c>
      <c r="E2667" s="22">
        <v>44970</v>
      </c>
      <c r="F2667" s="22">
        <v>46795</v>
      </c>
      <c r="G2667" s="6" t="s">
        <v>12743</v>
      </c>
      <c r="H2667" s="6" t="s">
        <v>18</v>
      </c>
      <c r="I2667" s="6" t="s">
        <v>19</v>
      </c>
      <c r="J2667" s="6" t="s">
        <v>12744</v>
      </c>
      <c r="K2667" s="9" t="s">
        <v>12745</v>
      </c>
      <c r="L2667" s="10" t="s">
        <v>22</v>
      </c>
      <c r="M2667" s="10" t="s">
        <v>22</v>
      </c>
      <c r="N2667" s="10" t="s">
        <v>22</v>
      </c>
      <c r="O2667" s="10" t="s">
        <v>22</v>
      </c>
      <c r="P2667" s="10" t="s">
        <v>22</v>
      </c>
      <c r="Q2667" s="10" t="s">
        <v>22</v>
      </c>
      <c r="U2667" s="10" t="s">
        <v>22</v>
      </c>
      <c r="V2667" s="10" t="s">
        <v>22</v>
      </c>
      <c r="W2667" s="10" t="s">
        <v>22</v>
      </c>
      <c r="X2667" s="10" t="s">
        <v>22</v>
      </c>
      <c r="Y2667" s="10" t="s">
        <v>22</v>
      </c>
      <c r="Z2667" s="10" t="s">
        <v>22</v>
      </c>
    </row>
    <row r="2668" spans="1:26" ht="24" customHeight="1" x14ac:dyDescent="0.2">
      <c r="A2668" s="9" t="s">
        <v>19910</v>
      </c>
      <c r="B2668" s="9" t="s">
        <v>14</v>
      </c>
      <c r="C2668" s="9" t="s">
        <v>12746</v>
      </c>
      <c r="D2668" s="6" t="s">
        <v>12747</v>
      </c>
      <c r="E2668" s="22">
        <v>44970</v>
      </c>
      <c r="F2668" s="22">
        <v>46795</v>
      </c>
      <c r="G2668" s="6" t="s">
        <v>12748</v>
      </c>
      <c r="H2668" s="6" t="s">
        <v>363</v>
      </c>
      <c r="I2668" s="6" t="s">
        <v>466</v>
      </c>
      <c r="J2668" s="6" t="s">
        <v>12749</v>
      </c>
      <c r="K2668" s="9" t="s">
        <v>12750</v>
      </c>
      <c r="L2668" s="10" t="s">
        <v>22</v>
      </c>
      <c r="M2668" s="10" t="s">
        <v>22</v>
      </c>
      <c r="N2668" s="10" t="s">
        <v>22</v>
      </c>
      <c r="O2668" s="10" t="s">
        <v>22</v>
      </c>
      <c r="P2668" s="10" t="s">
        <v>22</v>
      </c>
      <c r="Q2668" s="10" t="s">
        <v>22</v>
      </c>
      <c r="R2668" s="10" t="s">
        <v>22</v>
      </c>
      <c r="S2668" s="10" t="s">
        <v>22</v>
      </c>
      <c r="T2668" s="10" t="s">
        <v>22</v>
      </c>
      <c r="U2668" s="10" t="s">
        <v>22</v>
      </c>
      <c r="V2668" s="10" t="s">
        <v>22</v>
      </c>
      <c r="W2668" s="10" t="s">
        <v>22</v>
      </c>
      <c r="X2668" s="10" t="s">
        <v>22</v>
      </c>
      <c r="Y2668" s="10" t="s">
        <v>22</v>
      </c>
      <c r="Z2668" s="10" t="s">
        <v>22</v>
      </c>
    </row>
    <row r="2669" spans="1:26" ht="24" customHeight="1" x14ac:dyDescent="0.2">
      <c r="A2669" s="9" t="s">
        <v>19911</v>
      </c>
      <c r="B2669" s="9" t="s">
        <v>14</v>
      </c>
      <c r="C2669" s="9" t="s">
        <v>12751</v>
      </c>
      <c r="D2669" s="6" t="s">
        <v>12752</v>
      </c>
      <c r="E2669" s="22">
        <v>44970</v>
      </c>
      <c r="F2669" s="22">
        <v>46795</v>
      </c>
      <c r="G2669" s="6" t="s">
        <v>12753</v>
      </c>
      <c r="H2669" s="6" t="s">
        <v>62</v>
      </c>
      <c r="I2669" s="6" t="s">
        <v>493</v>
      </c>
      <c r="J2669" s="6" t="s">
        <v>12754</v>
      </c>
      <c r="K2669" s="9" t="s">
        <v>12755</v>
      </c>
      <c r="L2669" s="10" t="s">
        <v>22</v>
      </c>
      <c r="M2669" s="10" t="s">
        <v>22</v>
      </c>
      <c r="N2669" s="10" t="s">
        <v>22</v>
      </c>
      <c r="O2669" s="10" t="s">
        <v>22</v>
      </c>
      <c r="P2669" s="10" t="s">
        <v>22</v>
      </c>
      <c r="Q2669" s="10" t="s">
        <v>22</v>
      </c>
      <c r="R2669" s="10" t="s">
        <v>22</v>
      </c>
      <c r="S2669" s="10" t="s">
        <v>22</v>
      </c>
      <c r="T2669" s="10" t="s">
        <v>22</v>
      </c>
      <c r="U2669" s="10" t="s">
        <v>22</v>
      </c>
      <c r="V2669" s="10" t="s">
        <v>22</v>
      </c>
      <c r="W2669" s="10" t="s">
        <v>22</v>
      </c>
      <c r="X2669" s="10" t="s">
        <v>22</v>
      </c>
      <c r="Y2669" s="10" t="s">
        <v>22</v>
      </c>
      <c r="Z2669" s="10" t="s">
        <v>22</v>
      </c>
    </row>
    <row r="2670" spans="1:26" ht="24" customHeight="1" x14ac:dyDescent="0.2">
      <c r="A2670" s="9" t="s">
        <v>19912</v>
      </c>
      <c r="B2670" s="9" t="s">
        <v>14</v>
      </c>
      <c r="C2670" s="9" t="s">
        <v>12756</v>
      </c>
      <c r="D2670" s="6" t="s">
        <v>12757</v>
      </c>
      <c r="E2670" s="22">
        <v>44970</v>
      </c>
      <c r="F2670" s="22">
        <v>46795</v>
      </c>
      <c r="G2670" s="6" t="s">
        <v>12758</v>
      </c>
      <c r="H2670" s="6" t="s">
        <v>62</v>
      </c>
      <c r="I2670" s="6" t="s">
        <v>186</v>
      </c>
      <c r="J2670" s="6" t="s">
        <v>12759</v>
      </c>
      <c r="K2670" s="9" t="s">
        <v>12760</v>
      </c>
      <c r="L2670" s="10" t="s">
        <v>22</v>
      </c>
      <c r="M2670" s="10" t="s">
        <v>22</v>
      </c>
      <c r="N2670" s="10" t="s">
        <v>22</v>
      </c>
      <c r="R2670" s="10" t="s">
        <v>22</v>
      </c>
      <c r="S2670" s="10" t="s">
        <v>22</v>
      </c>
      <c r="T2670" s="10" t="s">
        <v>22</v>
      </c>
      <c r="U2670" s="10" t="s">
        <v>22</v>
      </c>
      <c r="V2670" s="10" t="s">
        <v>22</v>
      </c>
      <c r="W2670" s="10" t="s">
        <v>22</v>
      </c>
    </row>
    <row r="2671" spans="1:26" ht="24" customHeight="1" x14ac:dyDescent="0.2">
      <c r="A2671" s="9" t="s">
        <v>19913</v>
      </c>
      <c r="B2671" s="9" t="s">
        <v>14</v>
      </c>
      <c r="C2671" s="9" t="s">
        <v>12761</v>
      </c>
      <c r="D2671" s="6" t="s">
        <v>12762</v>
      </c>
      <c r="E2671" s="22">
        <v>44970</v>
      </c>
      <c r="F2671" s="22">
        <v>46795</v>
      </c>
      <c r="G2671" s="6" t="s">
        <v>12763</v>
      </c>
      <c r="H2671" s="6" t="s">
        <v>18</v>
      </c>
      <c r="I2671" s="6" t="s">
        <v>19</v>
      </c>
      <c r="J2671" s="6" t="s">
        <v>12764</v>
      </c>
      <c r="K2671" s="9" t="s">
        <v>12765</v>
      </c>
      <c r="L2671" s="10" t="s">
        <v>22</v>
      </c>
      <c r="M2671" s="10" t="s">
        <v>22</v>
      </c>
      <c r="N2671" s="10" t="s">
        <v>22</v>
      </c>
      <c r="U2671" s="10" t="s">
        <v>22</v>
      </c>
      <c r="V2671" s="10" t="s">
        <v>22</v>
      </c>
      <c r="W2671" s="10" t="s">
        <v>22</v>
      </c>
    </row>
    <row r="2672" spans="1:26" ht="24" customHeight="1" x14ac:dyDescent="0.2">
      <c r="A2672" s="9" t="s">
        <v>19914</v>
      </c>
      <c r="B2672" s="9" t="s">
        <v>14</v>
      </c>
      <c r="C2672" s="9" t="s">
        <v>12766</v>
      </c>
      <c r="D2672" s="6" t="s">
        <v>12767</v>
      </c>
      <c r="E2672" s="22">
        <v>44970</v>
      </c>
      <c r="F2672" s="22">
        <v>46795</v>
      </c>
      <c r="G2672" s="6" t="s">
        <v>12768</v>
      </c>
      <c r="H2672" s="6" t="s">
        <v>62</v>
      </c>
      <c r="I2672" s="6" t="s">
        <v>994</v>
      </c>
      <c r="J2672" s="6" t="s">
        <v>12769</v>
      </c>
      <c r="K2672" s="9" t="s">
        <v>12770</v>
      </c>
      <c r="L2672" s="10" t="s">
        <v>22</v>
      </c>
      <c r="M2672" s="10" t="s">
        <v>22</v>
      </c>
      <c r="N2672" s="10" t="s">
        <v>22</v>
      </c>
      <c r="O2672" s="10" t="s">
        <v>22</v>
      </c>
      <c r="P2672" s="10" t="s">
        <v>22</v>
      </c>
      <c r="Q2672" s="10" t="s">
        <v>22</v>
      </c>
      <c r="U2672" s="10" t="s">
        <v>22</v>
      </c>
      <c r="V2672" s="10" t="s">
        <v>22</v>
      </c>
      <c r="W2672" s="10" t="s">
        <v>22</v>
      </c>
      <c r="X2672" s="10" t="s">
        <v>22</v>
      </c>
      <c r="Y2672" s="10" t="s">
        <v>22</v>
      </c>
      <c r="Z2672" s="10" t="s">
        <v>22</v>
      </c>
    </row>
    <row r="2673" spans="1:26" ht="24" customHeight="1" x14ac:dyDescent="0.2">
      <c r="A2673" s="9" t="s">
        <v>19915</v>
      </c>
      <c r="B2673" s="9" t="s">
        <v>14</v>
      </c>
      <c r="C2673" s="9" t="s">
        <v>12771</v>
      </c>
      <c r="D2673" s="6" t="s">
        <v>12772</v>
      </c>
      <c r="E2673" s="22">
        <v>44978</v>
      </c>
      <c r="F2673" s="22">
        <v>46803</v>
      </c>
      <c r="G2673" s="6" t="s">
        <v>12773</v>
      </c>
      <c r="H2673" s="6" t="s">
        <v>18</v>
      </c>
      <c r="I2673" s="6" t="s">
        <v>19</v>
      </c>
      <c r="J2673" s="6" t="s">
        <v>12774</v>
      </c>
      <c r="K2673" s="9" t="s">
        <v>12775</v>
      </c>
      <c r="L2673" s="10" t="s">
        <v>22</v>
      </c>
      <c r="M2673" s="10" t="s">
        <v>22</v>
      </c>
      <c r="N2673" s="10" t="s">
        <v>22</v>
      </c>
      <c r="O2673" s="10" t="s">
        <v>22</v>
      </c>
      <c r="P2673" s="10" t="s">
        <v>22</v>
      </c>
      <c r="Q2673" s="10" t="s">
        <v>22</v>
      </c>
      <c r="R2673" s="10" t="s">
        <v>22</v>
      </c>
      <c r="S2673" s="10" t="s">
        <v>22</v>
      </c>
      <c r="T2673" s="10" t="s">
        <v>22</v>
      </c>
      <c r="U2673" s="10" t="s">
        <v>22</v>
      </c>
      <c r="V2673" s="10" t="s">
        <v>22</v>
      </c>
      <c r="W2673" s="10" t="s">
        <v>22</v>
      </c>
      <c r="X2673" s="10" t="s">
        <v>22</v>
      </c>
      <c r="Y2673" s="10" t="s">
        <v>22</v>
      </c>
      <c r="Z2673" s="10" t="s">
        <v>22</v>
      </c>
    </row>
    <row r="2674" spans="1:26" ht="24" customHeight="1" x14ac:dyDescent="0.2">
      <c r="A2674" s="9" t="s">
        <v>19916</v>
      </c>
      <c r="B2674" s="9" t="s">
        <v>14</v>
      </c>
      <c r="C2674" s="9" t="s">
        <v>12776</v>
      </c>
      <c r="D2674" s="6" t="s">
        <v>12777</v>
      </c>
      <c r="E2674" s="22">
        <v>44978</v>
      </c>
      <c r="F2674" s="22">
        <v>46803</v>
      </c>
      <c r="G2674" s="6" t="s">
        <v>12778</v>
      </c>
      <c r="H2674" s="6" t="s">
        <v>18</v>
      </c>
      <c r="I2674" s="6" t="s">
        <v>19</v>
      </c>
      <c r="J2674" s="6" t="s">
        <v>12779</v>
      </c>
      <c r="K2674" s="9" t="s">
        <v>12780</v>
      </c>
      <c r="L2674" s="10" t="s">
        <v>22</v>
      </c>
      <c r="M2674" s="10" t="s">
        <v>22</v>
      </c>
      <c r="N2674" s="10" t="s">
        <v>22</v>
      </c>
      <c r="O2674" s="10" t="s">
        <v>22</v>
      </c>
      <c r="P2674" s="10" t="s">
        <v>22</v>
      </c>
      <c r="Q2674" s="10" t="s">
        <v>22</v>
      </c>
      <c r="R2674" s="10" t="s">
        <v>22</v>
      </c>
      <c r="S2674" s="10" t="s">
        <v>22</v>
      </c>
      <c r="T2674" s="10" t="s">
        <v>22</v>
      </c>
      <c r="U2674" s="10" t="s">
        <v>22</v>
      </c>
      <c r="V2674" s="10" t="s">
        <v>22</v>
      </c>
      <c r="W2674" s="10" t="s">
        <v>22</v>
      </c>
      <c r="X2674" s="10" t="s">
        <v>22</v>
      </c>
      <c r="Y2674" s="10" t="s">
        <v>22</v>
      </c>
      <c r="Z2674" s="10" t="s">
        <v>22</v>
      </c>
    </row>
    <row r="2675" spans="1:26" ht="24" customHeight="1" x14ac:dyDescent="0.2">
      <c r="A2675" s="9" t="s">
        <v>19917</v>
      </c>
      <c r="B2675" s="9" t="s">
        <v>14</v>
      </c>
      <c r="C2675" s="9" t="s">
        <v>12781</v>
      </c>
      <c r="D2675" s="6" t="s">
        <v>12782</v>
      </c>
      <c r="E2675" s="22">
        <v>44978</v>
      </c>
      <c r="F2675" s="22">
        <v>46803</v>
      </c>
      <c r="G2675" s="6" t="s">
        <v>12783</v>
      </c>
      <c r="H2675" s="6" t="s">
        <v>18</v>
      </c>
      <c r="I2675" s="6" t="s">
        <v>19</v>
      </c>
      <c r="J2675" s="6" t="s">
        <v>12784</v>
      </c>
      <c r="L2675" s="10" t="s">
        <v>22</v>
      </c>
      <c r="M2675" s="10" t="s">
        <v>22</v>
      </c>
      <c r="N2675" s="10" t="s">
        <v>22</v>
      </c>
      <c r="O2675" s="10" t="s">
        <v>22</v>
      </c>
      <c r="P2675" s="10" t="s">
        <v>22</v>
      </c>
      <c r="Q2675" s="10" t="s">
        <v>22</v>
      </c>
      <c r="R2675" s="10" t="s">
        <v>22</v>
      </c>
      <c r="S2675" s="10" t="s">
        <v>22</v>
      </c>
      <c r="T2675" s="10" t="s">
        <v>22</v>
      </c>
      <c r="U2675" s="10" t="s">
        <v>22</v>
      </c>
      <c r="V2675" s="10" t="s">
        <v>22</v>
      </c>
      <c r="W2675" s="10" t="s">
        <v>22</v>
      </c>
      <c r="X2675" s="10" t="s">
        <v>22</v>
      </c>
      <c r="Y2675" s="10" t="s">
        <v>22</v>
      </c>
      <c r="Z2675" s="10" t="s">
        <v>22</v>
      </c>
    </row>
    <row r="2676" spans="1:26" ht="39" customHeight="1" x14ac:dyDescent="0.2">
      <c r="A2676" s="9" t="s">
        <v>21273</v>
      </c>
      <c r="B2676" s="9" t="s">
        <v>14</v>
      </c>
      <c r="C2676" s="9" t="s">
        <v>12785</v>
      </c>
      <c r="D2676" s="6" t="s">
        <v>12786</v>
      </c>
      <c r="E2676" s="22">
        <v>44978</v>
      </c>
      <c r="F2676" s="22">
        <v>46803</v>
      </c>
      <c r="G2676" s="6" t="s">
        <v>20994</v>
      </c>
      <c r="H2676" s="6" t="s">
        <v>18</v>
      </c>
      <c r="I2676" s="6" t="s">
        <v>26</v>
      </c>
      <c r="J2676" s="6" t="s">
        <v>12787</v>
      </c>
      <c r="L2676" s="10" t="s">
        <v>22</v>
      </c>
      <c r="M2676" s="10" t="s">
        <v>22</v>
      </c>
      <c r="N2676" s="10" t="s">
        <v>22</v>
      </c>
      <c r="O2676" s="10" t="s">
        <v>22</v>
      </c>
      <c r="P2676" s="10" t="s">
        <v>22</v>
      </c>
      <c r="Q2676" s="10" t="s">
        <v>22</v>
      </c>
      <c r="R2676" s="10" t="s">
        <v>22</v>
      </c>
      <c r="S2676" s="10" t="s">
        <v>22</v>
      </c>
      <c r="T2676" s="10" t="s">
        <v>22</v>
      </c>
      <c r="U2676" s="10" t="s">
        <v>22</v>
      </c>
      <c r="V2676" s="10" t="s">
        <v>22</v>
      </c>
      <c r="W2676" s="10" t="s">
        <v>22</v>
      </c>
      <c r="X2676" s="10" t="s">
        <v>22</v>
      </c>
      <c r="Y2676" s="10" t="s">
        <v>22</v>
      </c>
      <c r="Z2676" s="10" t="s">
        <v>22</v>
      </c>
    </row>
    <row r="2677" spans="1:26" ht="39" customHeight="1" x14ac:dyDescent="0.2">
      <c r="A2677" s="9" t="s">
        <v>19918</v>
      </c>
      <c r="B2677" s="9" t="s">
        <v>14</v>
      </c>
      <c r="C2677" s="9" t="s">
        <v>12785</v>
      </c>
      <c r="D2677" s="6" t="s">
        <v>12786</v>
      </c>
      <c r="E2677" s="22">
        <v>44978</v>
      </c>
      <c r="F2677" s="22">
        <v>46803</v>
      </c>
      <c r="G2677" s="6" t="s">
        <v>12788</v>
      </c>
      <c r="H2677" s="6" t="s">
        <v>18</v>
      </c>
      <c r="I2677" s="6" t="s">
        <v>19</v>
      </c>
      <c r="J2677" s="6" t="s">
        <v>12789</v>
      </c>
      <c r="L2677" s="10" t="s">
        <v>22</v>
      </c>
      <c r="M2677" s="10" t="s">
        <v>22</v>
      </c>
      <c r="N2677" s="10" t="s">
        <v>22</v>
      </c>
      <c r="O2677" s="10" t="s">
        <v>22</v>
      </c>
      <c r="P2677" s="10" t="s">
        <v>22</v>
      </c>
      <c r="Q2677" s="10" t="s">
        <v>22</v>
      </c>
      <c r="R2677" s="10" t="s">
        <v>22</v>
      </c>
      <c r="S2677" s="10" t="s">
        <v>22</v>
      </c>
      <c r="T2677" s="10" t="s">
        <v>22</v>
      </c>
      <c r="U2677" s="10" t="s">
        <v>22</v>
      </c>
      <c r="V2677" s="10" t="s">
        <v>22</v>
      </c>
      <c r="W2677" s="10" t="s">
        <v>22</v>
      </c>
      <c r="X2677" s="10" t="s">
        <v>22</v>
      </c>
      <c r="Y2677" s="10" t="s">
        <v>22</v>
      </c>
      <c r="Z2677" s="10" t="s">
        <v>22</v>
      </c>
    </row>
    <row r="2678" spans="1:26" ht="39" customHeight="1" x14ac:dyDescent="0.2">
      <c r="A2678" s="9" t="s">
        <v>19919</v>
      </c>
      <c r="B2678" s="9" t="s">
        <v>14</v>
      </c>
      <c r="C2678" s="9" t="s">
        <v>12785</v>
      </c>
      <c r="D2678" s="6" t="s">
        <v>12786</v>
      </c>
      <c r="E2678" s="22">
        <v>44978</v>
      </c>
      <c r="F2678" s="22">
        <v>46803</v>
      </c>
      <c r="G2678" s="6" t="s">
        <v>12790</v>
      </c>
      <c r="H2678" s="6" t="s">
        <v>18</v>
      </c>
      <c r="I2678" s="6" t="s">
        <v>392</v>
      </c>
      <c r="J2678" s="6" t="s">
        <v>12791</v>
      </c>
      <c r="L2678" s="10" t="s">
        <v>22</v>
      </c>
      <c r="M2678" s="10" t="s">
        <v>22</v>
      </c>
      <c r="N2678" s="10" t="s">
        <v>22</v>
      </c>
      <c r="O2678" s="10" t="s">
        <v>22</v>
      </c>
      <c r="P2678" s="10" t="s">
        <v>22</v>
      </c>
      <c r="Q2678" s="10" t="s">
        <v>22</v>
      </c>
      <c r="R2678" s="10" t="s">
        <v>22</v>
      </c>
      <c r="S2678" s="10" t="s">
        <v>22</v>
      </c>
      <c r="T2678" s="10" t="s">
        <v>22</v>
      </c>
      <c r="U2678" s="10" t="s">
        <v>22</v>
      </c>
      <c r="V2678" s="10" t="s">
        <v>22</v>
      </c>
      <c r="W2678" s="10" t="s">
        <v>22</v>
      </c>
      <c r="X2678" s="10" t="s">
        <v>22</v>
      </c>
      <c r="Y2678" s="10" t="s">
        <v>22</v>
      </c>
      <c r="Z2678" s="10" t="s">
        <v>22</v>
      </c>
    </row>
    <row r="2679" spans="1:26" ht="39" customHeight="1" x14ac:dyDescent="0.2">
      <c r="A2679" s="9" t="s">
        <v>19920</v>
      </c>
      <c r="B2679" s="9" t="s">
        <v>14</v>
      </c>
      <c r="C2679" s="9" t="s">
        <v>12785</v>
      </c>
      <c r="D2679" s="6" t="s">
        <v>12786</v>
      </c>
      <c r="E2679" s="22">
        <v>44978</v>
      </c>
      <c r="F2679" s="22">
        <v>46803</v>
      </c>
      <c r="G2679" s="6" t="s">
        <v>12792</v>
      </c>
      <c r="H2679" s="6" t="s">
        <v>18</v>
      </c>
      <c r="I2679" s="6" t="s">
        <v>1145</v>
      </c>
      <c r="J2679" s="6" t="s">
        <v>12793</v>
      </c>
      <c r="L2679" s="10" t="s">
        <v>22</v>
      </c>
      <c r="M2679" s="10" t="s">
        <v>22</v>
      </c>
      <c r="N2679" s="10" t="s">
        <v>22</v>
      </c>
      <c r="O2679" s="10" t="s">
        <v>22</v>
      </c>
      <c r="P2679" s="10" t="s">
        <v>22</v>
      </c>
      <c r="Q2679" s="10" t="s">
        <v>22</v>
      </c>
      <c r="R2679" s="10" t="s">
        <v>22</v>
      </c>
      <c r="S2679" s="10" t="s">
        <v>22</v>
      </c>
      <c r="T2679" s="10" t="s">
        <v>22</v>
      </c>
      <c r="U2679" s="10" t="s">
        <v>22</v>
      </c>
      <c r="V2679" s="10" t="s">
        <v>22</v>
      </c>
      <c r="W2679" s="10" t="s">
        <v>22</v>
      </c>
      <c r="X2679" s="10" t="s">
        <v>22</v>
      </c>
      <c r="Y2679" s="10" t="s">
        <v>22</v>
      </c>
      <c r="Z2679" s="10" t="s">
        <v>22</v>
      </c>
    </row>
    <row r="2680" spans="1:26" ht="39" customHeight="1" x14ac:dyDescent="0.2">
      <c r="A2680" s="9" t="s">
        <v>19921</v>
      </c>
      <c r="B2680" s="9" t="s">
        <v>14</v>
      </c>
      <c r="C2680" s="9" t="s">
        <v>12785</v>
      </c>
      <c r="D2680" s="6" t="s">
        <v>12786</v>
      </c>
      <c r="E2680" s="22">
        <v>44978</v>
      </c>
      <c r="F2680" s="22">
        <v>46803</v>
      </c>
      <c r="G2680" s="6" t="s">
        <v>12794</v>
      </c>
      <c r="H2680" s="6" t="s">
        <v>18</v>
      </c>
      <c r="I2680" s="6" t="s">
        <v>522</v>
      </c>
      <c r="J2680" s="6" t="s">
        <v>12795</v>
      </c>
      <c r="L2680" s="10" t="s">
        <v>22</v>
      </c>
      <c r="M2680" s="10" t="s">
        <v>22</v>
      </c>
      <c r="N2680" s="10" t="s">
        <v>22</v>
      </c>
      <c r="O2680" s="10" t="s">
        <v>22</v>
      </c>
      <c r="P2680" s="10" t="s">
        <v>22</v>
      </c>
      <c r="Q2680" s="10" t="s">
        <v>22</v>
      </c>
      <c r="R2680" s="10" t="s">
        <v>22</v>
      </c>
      <c r="S2680" s="10" t="s">
        <v>22</v>
      </c>
      <c r="T2680" s="10" t="s">
        <v>22</v>
      </c>
      <c r="U2680" s="10" t="s">
        <v>22</v>
      </c>
      <c r="V2680" s="10" t="s">
        <v>22</v>
      </c>
      <c r="W2680" s="10" t="s">
        <v>22</v>
      </c>
      <c r="X2680" s="10" t="s">
        <v>22</v>
      </c>
      <c r="Y2680" s="10" t="s">
        <v>22</v>
      </c>
      <c r="Z2680" s="10" t="s">
        <v>22</v>
      </c>
    </row>
    <row r="2681" spans="1:26" ht="39" customHeight="1" x14ac:dyDescent="0.2">
      <c r="A2681" s="9" t="s">
        <v>19922</v>
      </c>
      <c r="B2681" s="9" t="s">
        <v>14</v>
      </c>
      <c r="C2681" s="9" t="s">
        <v>12785</v>
      </c>
      <c r="D2681" s="6" t="s">
        <v>12786</v>
      </c>
      <c r="E2681" s="22">
        <v>44978</v>
      </c>
      <c r="F2681" s="22">
        <v>46803</v>
      </c>
      <c r="G2681" s="6" t="s">
        <v>12796</v>
      </c>
      <c r="H2681" s="6" t="s">
        <v>18</v>
      </c>
      <c r="I2681" s="6" t="s">
        <v>26</v>
      </c>
      <c r="J2681" s="6" t="s">
        <v>12797</v>
      </c>
      <c r="L2681" s="10" t="s">
        <v>22</v>
      </c>
      <c r="M2681" s="10" t="s">
        <v>22</v>
      </c>
      <c r="N2681" s="10" t="s">
        <v>22</v>
      </c>
      <c r="O2681" s="10" t="s">
        <v>22</v>
      </c>
      <c r="P2681" s="10" t="s">
        <v>22</v>
      </c>
      <c r="Q2681" s="10" t="s">
        <v>22</v>
      </c>
      <c r="R2681" s="10" t="s">
        <v>22</v>
      </c>
      <c r="S2681" s="10" t="s">
        <v>22</v>
      </c>
      <c r="T2681" s="10" t="s">
        <v>22</v>
      </c>
      <c r="U2681" s="10" t="s">
        <v>22</v>
      </c>
      <c r="V2681" s="10" t="s">
        <v>22</v>
      </c>
      <c r="W2681" s="10" t="s">
        <v>22</v>
      </c>
      <c r="X2681" s="10" t="s">
        <v>22</v>
      </c>
      <c r="Y2681" s="10" t="s">
        <v>22</v>
      </c>
      <c r="Z2681" s="10" t="s">
        <v>22</v>
      </c>
    </row>
    <row r="2682" spans="1:26" ht="39" customHeight="1" x14ac:dyDescent="0.2">
      <c r="A2682" s="9" t="s">
        <v>19923</v>
      </c>
      <c r="B2682" s="9" t="s">
        <v>14</v>
      </c>
      <c r="C2682" s="9" t="s">
        <v>12785</v>
      </c>
      <c r="D2682" s="6" t="s">
        <v>12786</v>
      </c>
      <c r="E2682" s="22">
        <v>44978</v>
      </c>
      <c r="F2682" s="22">
        <v>46803</v>
      </c>
      <c r="G2682" s="6" t="s">
        <v>12798</v>
      </c>
      <c r="H2682" s="6" t="s">
        <v>18</v>
      </c>
      <c r="I2682" s="6" t="s">
        <v>26</v>
      </c>
      <c r="J2682" s="6" t="s">
        <v>12799</v>
      </c>
      <c r="L2682" s="10" t="s">
        <v>22</v>
      </c>
      <c r="M2682" s="10" t="s">
        <v>22</v>
      </c>
      <c r="N2682" s="10" t="s">
        <v>22</v>
      </c>
      <c r="O2682" s="10" t="s">
        <v>22</v>
      </c>
      <c r="P2682" s="10" t="s">
        <v>22</v>
      </c>
      <c r="Q2682" s="10" t="s">
        <v>22</v>
      </c>
      <c r="R2682" s="10" t="s">
        <v>22</v>
      </c>
      <c r="S2682" s="10" t="s">
        <v>22</v>
      </c>
      <c r="T2682" s="10" t="s">
        <v>22</v>
      </c>
      <c r="U2682" s="10" t="s">
        <v>22</v>
      </c>
      <c r="V2682" s="10" t="s">
        <v>22</v>
      </c>
      <c r="W2682" s="10" t="s">
        <v>22</v>
      </c>
      <c r="X2682" s="10" t="s">
        <v>22</v>
      </c>
      <c r="Y2682" s="10" t="s">
        <v>22</v>
      </c>
      <c r="Z2682" s="10" t="s">
        <v>22</v>
      </c>
    </row>
    <row r="2683" spans="1:26" ht="24" customHeight="1" x14ac:dyDescent="0.2">
      <c r="A2683" s="9" t="s">
        <v>19924</v>
      </c>
      <c r="B2683" s="9" t="s">
        <v>14</v>
      </c>
      <c r="C2683" s="9" t="s">
        <v>12800</v>
      </c>
      <c r="D2683" s="6" t="s">
        <v>12801</v>
      </c>
      <c r="E2683" s="22">
        <v>44978</v>
      </c>
      <c r="F2683" s="22">
        <v>46803</v>
      </c>
      <c r="G2683" s="6" t="s">
        <v>12802</v>
      </c>
      <c r="H2683" s="6" t="s">
        <v>202</v>
      </c>
      <c r="I2683" s="6" t="s">
        <v>3050</v>
      </c>
      <c r="J2683" s="6" t="s">
        <v>12803</v>
      </c>
      <c r="K2683" s="9" t="s">
        <v>12804</v>
      </c>
      <c r="L2683" s="10" t="s">
        <v>22</v>
      </c>
      <c r="M2683" s="10" t="s">
        <v>22</v>
      </c>
      <c r="N2683" s="10" t="s">
        <v>22</v>
      </c>
      <c r="O2683" s="10" t="s">
        <v>22</v>
      </c>
      <c r="P2683" s="10" t="s">
        <v>22</v>
      </c>
      <c r="Q2683" s="10" t="s">
        <v>22</v>
      </c>
      <c r="R2683" s="10" t="s">
        <v>22</v>
      </c>
      <c r="S2683" s="10" t="s">
        <v>22</v>
      </c>
      <c r="T2683" s="10" t="s">
        <v>22</v>
      </c>
      <c r="U2683" s="10" t="s">
        <v>22</v>
      </c>
      <c r="V2683" s="10" t="s">
        <v>22</v>
      </c>
      <c r="W2683" s="10" t="s">
        <v>22</v>
      </c>
      <c r="X2683" s="10" t="s">
        <v>22</v>
      </c>
      <c r="Y2683" s="10" t="s">
        <v>22</v>
      </c>
      <c r="Z2683" s="10" t="s">
        <v>22</v>
      </c>
    </row>
    <row r="2684" spans="1:26" ht="24" customHeight="1" x14ac:dyDescent="0.2">
      <c r="A2684" s="9" t="s">
        <v>19925</v>
      </c>
      <c r="B2684" s="9" t="s">
        <v>14</v>
      </c>
      <c r="C2684" s="9" t="s">
        <v>12805</v>
      </c>
      <c r="D2684" s="6" t="s">
        <v>12806</v>
      </c>
      <c r="E2684" s="22">
        <v>44978</v>
      </c>
      <c r="F2684" s="22">
        <v>46803</v>
      </c>
      <c r="G2684" s="6" t="s">
        <v>12807</v>
      </c>
      <c r="H2684" s="6" t="s">
        <v>229</v>
      </c>
      <c r="I2684" s="6" t="s">
        <v>3094</v>
      </c>
      <c r="J2684" s="6" t="s">
        <v>12808</v>
      </c>
      <c r="K2684" s="9" t="s">
        <v>12809</v>
      </c>
      <c r="L2684" s="10" t="s">
        <v>22</v>
      </c>
      <c r="M2684" s="10" t="s">
        <v>22</v>
      </c>
      <c r="N2684" s="10" t="s">
        <v>22</v>
      </c>
      <c r="O2684" s="10" t="s">
        <v>22</v>
      </c>
      <c r="P2684" s="10" t="s">
        <v>22</v>
      </c>
      <c r="Q2684" s="10" t="s">
        <v>22</v>
      </c>
      <c r="R2684" s="10" t="s">
        <v>22</v>
      </c>
      <c r="S2684" s="10" t="s">
        <v>22</v>
      </c>
      <c r="T2684" s="10" t="s">
        <v>22</v>
      </c>
    </row>
    <row r="2685" spans="1:26" ht="24" customHeight="1" x14ac:dyDescent="0.2">
      <c r="A2685" s="9" t="s">
        <v>19926</v>
      </c>
      <c r="B2685" s="9" t="s">
        <v>14</v>
      </c>
      <c r="C2685" s="9" t="s">
        <v>12805</v>
      </c>
      <c r="D2685" s="6" t="s">
        <v>12806</v>
      </c>
      <c r="E2685" s="22">
        <v>44978</v>
      </c>
      <c r="F2685" s="22">
        <v>46803</v>
      </c>
      <c r="G2685" s="6" t="s">
        <v>12810</v>
      </c>
      <c r="H2685" s="6" t="s">
        <v>229</v>
      </c>
      <c r="I2685" s="6" t="s">
        <v>825</v>
      </c>
      <c r="J2685" s="6" t="s">
        <v>12811</v>
      </c>
      <c r="K2685" s="9" t="s">
        <v>12812</v>
      </c>
      <c r="L2685" s="10" t="s">
        <v>22</v>
      </c>
      <c r="M2685" s="10" t="s">
        <v>22</v>
      </c>
      <c r="N2685" s="10" t="s">
        <v>22</v>
      </c>
      <c r="O2685" s="10" t="s">
        <v>22</v>
      </c>
      <c r="P2685" s="10" t="s">
        <v>22</v>
      </c>
      <c r="Q2685" s="10" t="s">
        <v>22</v>
      </c>
      <c r="R2685" s="10" t="s">
        <v>22</v>
      </c>
      <c r="S2685" s="10" t="s">
        <v>22</v>
      </c>
      <c r="T2685" s="10" t="s">
        <v>22</v>
      </c>
    </row>
    <row r="2686" spans="1:26" ht="24" customHeight="1" x14ac:dyDescent="0.2">
      <c r="A2686" s="9" t="s">
        <v>19927</v>
      </c>
      <c r="B2686" s="9" t="s">
        <v>14</v>
      </c>
      <c r="C2686" s="9" t="s">
        <v>12813</v>
      </c>
      <c r="D2686" s="6" t="s">
        <v>12814</v>
      </c>
      <c r="E2686" s="22">
        <v>44978</v>
      </c>
      <c r="F2686" s="22">
        <v>46803</v>
      </c>
      <c r="G2686" s="6" t="s">
        <v>12815</v>
      </c>
      <c r="H2686" s="6" t="s">
        <v>18</v>
      </c>
      <c r="I2686" s="6" t="s">
        <v>19</v>
      </c>
      <c r="J2686" s="6" t="s">
        <v>12816</v>
      </c>
      <c r="K2686" s="9" t="s">
        <v>12817</v>
      </c>
      <c r="L2686" s="10" t="s">
        <v>22</v>
      </c>
      <c r="M2686" s="10" t="s">
        <v>22</v>
      </c>
      <c r="N2686" s="10" t="s">
        <v>22</v>
      </c>
      <c r="U2686" s="10" t="s">
        <v>22</v>
      </c>
      <c r="V2686" s="10" t="s">
        <v>22</v>
      </c>
      <c r="W2686" s="10" t="s">
        <v>22</v>
      </c>
    </row>
    <row r="2687" spans="1:26" ht="24" customHeight="1" x14ac:dyDescent="0.2">
      <c r="A2687" s="9" t="s">
        <v>19928</v>
      </c>
      <c r="B2687" s="9" t="s">
        <v>14</v>
      </c>
      <c r="C2687" s="9" t="s">
        <v>12818</v>
      </c>
      <c r="D2687" s="6" t="s">
        <v>12819</v>
      </c>
      <c r="E2687" s="22">
        <v>44978</v>
      </c>
      <c r="F2687" s="22">
        <v>46803</v>
      </c>
      <c r="G2687" s="6" t="s">
        <v>12820</v>
      </c>
      <c r="H2687" s="6" t="s">
        <v>18</v>
      </c>
      <c r="I2687" s="6" t="s">
        <v>19</v>
      </c>
      <c r="J2687" s="6" t="s">
        <v>12821</v>
      </c>
      <c r="K2687" s="9" t="s">
        <v>12822</v>
      </c>
      <c r="L2687" s="10" t="s">
        <v>22</v>
      </c>
      <c r="M2687" s="10" t="s">
        <v>22</v>
      </c>
      <c r="N2687" s="10" t="s">
        <v>22</v>
      </c>
      <c r="O2687" s="10" t="s">
        <v>22</v>
      </c>
      <c r="P2687" s="10" t="s">
        <v>22</v>
      </c>
      <c r="Q2687" s="10" t="s">
        <v>22</v>
      </c>
      <c r="R2687" s="10" t="s">
        <v>22</v>
      </c>
      <c r="S2687" s="10" t="s">
        <v>22</v>
      </c>
      <c r="T2687" s="10" t="s">
        <v>22</v>
      </c>
      <c r="U2687" s="10" t="s">
        <v>22</v>
      </c>
      <c r="V2687" s="10" t="s">
        <v>22</v>
      </c>
      <c r="W2687" s="10" t="s">
        <v>22</v>
      </c>
      <c r="X2687" s="10" t="s">
        <v>22</v>
      </c>
      <c r="Y2687" s="10" t="s">
        <v>22</v>
      </c>
      <c r="Z2687" s="10" t="s">
        <v>22</v>
      </c>
    </row>
    <row r="2688" spans="1:26" ht="34" customHeight="1" x14ac:dyDescent="0.2">
      <c r="A2688" s="9" t="s">
        <v>19929</v>
      </c>
      <c r="B2688" s="9" t="s">
        <v>14</v>
      </c>
      <c r="C2688" s="9" t="s">
        <v>12823</v>
      </c>
      <c r="D2688" s="6" t="s">
        <v>12824</v>
      </c>
      <c r="E2688" s="22">
        <v>44978</v>
      </c>
      <c r="F2688" s="22">
        <v>46803</v>
      </c>
      <c r="G2688" s="6" t="s">
        <v>12825</v>
      </c>
      <c r="H2688" s="6" t="s">
        <v>202</v>
      </c>
      <c r="I2688" s="6" t="s">
        <v>3050</v>
      </c>
      <c r="J2688" s="6" t="s">
        <v>12826</v>
      </c>
      <c r="K2688" s="9" t="s">
        <v>12827</v>
      </c>
      <c r="L2688" s="10" t="s">
        <v>22</v>
      </c>
      <c r="M2688" s="10" t="s">
        <v>22</v>
      </c>
      <c r="N2688" s="10" t="s">
        <v>22</v>
      </c>
      <c r="O2688" s="10" t="s">
        <v>22</v>
      </c>
      <c r="P2688" s="10" t="s">
        <v>22</v>
      </c>
      <c r="Q2688" s="10" t="s">
        <v>22</v>
      </c>
      <c r="R2688" s="10" t="s">
        <v>22</v>
      </c>
      <c r="S2688" s="10" t="s">
        <v>22</v>
      </c>
      <c r="T2688" s="10" t="s">
        <v>22</v>
      </c>
      <c r="U2688" s="10" t="s">
        <v>22</v>
      </c>
      <c r="V2688" s="10" t="s">
        <v>22</v>
      </c>
      <c r="W2688" s="10" t="s">
        <v>22</v>
      </c>
      <c r="X2688" s="10" t="s">
        <v>22</v>
      </c>
      <c r="Y2688" s="10" t="s">
        <v>22</v>
      </c>
      <c r="Z2688" s="10" t="s">
        <v>22</v>
      </c>
    </row>
    <row r="2689" spans="1:26" ht="24" customHeight="1" x14ac:dyDescent="0.2">
      <c r="A2689" s="9" t="s">
        <v>19930</v>
      </c>
      <c r="B2689" s="9" t="s">
        <v>14</v>
      </c>
      <c r="C2689" s="9" t="s">
        <v>12828</v>
      </c>
      <c r="D2689" s="6" t="s">
        <v>12829</v>
      </c>
      <c r="E2689" s="22">
        <v>44978</v>
      </c>
      <c r="F2689" s="22">
        <v>46803</v>
      </c>
      <c r="G2689" s="6" t="s">
        <v>12830</v>
      </c>
      <c r="H2689" s="6" t="s">
        <v>62</v>
      </c>
      <c r="I2689" s="6" t="s">
        <v>306</v>
      </c>
      <c r="J2689" s="6" t="s">
        <v>12831</v>
      </c>
      <c r="K2689" s="9" t="s">
        <v>12832</v>
      </c>
      <c r="L2689" s="10" t="s">
        <v>22</v>
      </c>
      <c r="M2689" s="10" t="s">
        <v>22</v>
      </c>
      <c r="N2689" s="10" t="s">
        <v>22</v>
      </c>
      <c r="O2689" s="10" t="s">
        <v>22</v>
      </c>
      <c r="P2689" s="10" t="s">
        <v>22</v>
      </c>
      <c r="Q2689" s="10" t="s">
        <v>22</v>
      </c>
      <c r="R2689" s="10" t="s">
        <v>22</v>
      </c>
      <c r="S2689" s="10" t="s">
        <v>22</v>
      </c>
      <c r="T2689" s="10" t="s">
        <v>22</v>
      </c>
      <c r="U2689" s="10" t="s">
        <v>22</v>
      </c>
      <c r="V2689" s="10" t="s">
        <v>22</v>
      </c>
      <c r="W2689" s="10" t="s">
        <v>22</v>
      </c>
      <c r="X2689" s="10" t="s">
        <v>22</v>
      </c>
      <c r="Y2689" s="10" t="s">
        <v>22</v>
      </c>
      <c r="Z2689" s="10" t="s">
        <v>22</v>
      </c>
    </row>
    <row r="2690" spans="1:26" ht="24" customHeight="1" x14ac:dyDescent="0.2">
      <c r="A2690" s="9" t="s">
        <v>19931</v>
      </c>
      <c r="B2690" s="9" t="s">
        <v>14</v>
      </c>
      <c r="C2690" s="9" t="s">
        <v>12833</v>
      </c>
      <c r="D2690" s="6" t="s">
        <v>12834</v>
      </c>
      <c r="E2690" s="22">
        <v>44987</v>
      </c>
      <c r="F2690" s="22">
        <v>46813</v>
      </c>
      <c r="G2690" s="6" t="s">
        <v>12835</v>
      </c>
      <c r="H2690" s="6" t="s">
        <v>18</v>
      </c>
      <c r="I2690" s="6" t="s">
        <v>19</v>
      </c>
      <c r="J2690" s="6" t="s">
        <v>12836</v>
      </c>
      <c r="K2690" s="9" t="s">
        <v>12837</v>
      </c>
      <c r="L2690" s="10" t="s">
        <v>22</v>
      </c>
      <c r="M2690" s="10" t="s">
        <v>22</v>
      </c>
      <c r="N2690" s="10" t="s">
        <v>22</v>
      </c>
      <c r="O2690" s="10" t="s">
        <v>22</v>
      </c>
      <c r="P2690" s="10" t="s">
        <v>22</v>
      </c>
      <c r="Q2690" s="10" t="s">
        <v>22</v>
      </c>
      <c r="R2690" s="10" t="s">
        <v>22</v>
      </c>
      <c r="S2690" s="10" t="s">
        <v>22</v>
      </c>
      <c r="T2690" s="10" t="s">
        <v>22</v>
      </c>
      <c r="U2690" s="10" t="s">
        <v>22</v>
      </c>
      <c r="V2690" s="10" t="s">
        <v>22</v>
      </c>
      <c r="W2690" s="10" t="s">
        <v>22</v>
      </c>
      <c r="X2690" s="10" t="s">
        <v>22</v>
      </c>
      <c r="Y2690" s="10" t="s">
        <v>22</v>
      </c>
      <c r="Z2690" s="10" t="s">
        <v>22</v>
      </c>
    </row>
    <row r="2691" spans="1:26" ht="24" customHeight="1" x14ac:dyDescent="0.2">
      <c r="A2691" s="9" t="s">
        <v>19932</v>
      </c>
      <c r="B2691" s="9" t="s">
        <v>14</v>
      </c>
      <c r="C2691" s="9" t="s">
        <v>12838</v>
      </c>
      <c r="D2691" s="6" t="s">
        <v>12839</v>
      </c>
      <c r="E2691" s="22">
        <v>44987</v>
      </c>
      <c r="F2691" s="22">
        <v>46813</v>
      </c>
      <c r="G2691" s="6" t="s">
        <v>12839</v>
      </c>
      <c r="H2691" s="6" t="s">
        <v>202</v>
      </c>
      <c r="I2691" s="6" t="s">
        <v>954</v>
      </c>
      <c r="J2691" s="6" t="s">
        <v>12840</v>
      </c>
      <c r="K2691" s="9" t="s">
        <v>12841</v>
      </c>
      <c r="L2691" s="10" t="s">
        <v>22</v>
      </c>
      <c r="M2691" s="10" t="s">
        <v>22</v>
      </c>
      <c r="N2691" s="10" t="s">
        <v>22</v>
      </c>
      <c r="O2691" s="10" t="s">
        <v>22</v>
      </c>
      <c r="P2691" s="10" t="s">
        <v>22</v>
      </c>
      <c r="Q2691" s="10" t="s">
        <v>22</v>
      </c>
      <c r="R2691" s="10" t="s">
        <v>22</v>
      </c>
      <c r="S2691" s="10" t="s">
        <v>22</v>
      </c>
      <c r="T2691" s="10" t="s">
        <v>22</v>
      </c>
      <c r="U2691" s="10" t="s">
        <v>22</v>
      </c>
      <c r="V2691" s="10" t="s">
        <v>22</v>
      </c>
      <c r="W2691" s="10" t="s">
        <v>22</v>
      </c>
      <c r="X2691" s="10" t="s">
        <v>22</v>
      </c>
      <c r="Y2691" s="10" t="s">
        <v>22</v>
      </c>
      <c r="Z2691" s="10" t="s">
        <v>22</v>
      </c>
    </row>
    <row r="2692" spans="1:26" ht="24" customHeight="1" x14ac:dyDescent="0.2">
      <c r="A2692" s="9" t="s">
        <v>19933</v>
      </c>
      <c r="B2692" s="9" t="s">
        <v>14</v>
      </c>
      <c r="C2692" s="9" t="s">
        <v>12842</v>
      </c>
      <c r="D2692" s="6" t="s">
        <v>12843</v>
      </c>
      <c r="E2692" s="22">
        <v>44987</v>
      </c>
      <c r="F2692" s="22">
        <v>46813</v>
      </c>
      <c r="G2692" s="6" t="s">
        <v>12843</v>
      </c>
      <c r="H2692" s="6" t="s">
        <v>62</v>
      </c>
      <c r="I2692" s="6" t="s">
        <v>430</v>
      </c>
      <c r="J2692" s="6" t="s">
        <v>12844</v>
      </c>
      <c r="K2692" s="9" t="s">
        <v>12845</v>
      </c>
      <c r="L2692" s="10" t="s">
        <v>22</v>
      </c>
      <c r="M2692" s="10" t="s">
        <v>22</v>
      </c>
      <c r="N2692" s="10" t="s">
        <v>22</v>
      </c>
      <c r="O2692" s="10" t="s">
        <v>22</v>
      </c>
      <c r="P2692" s="10" t="s">
        <v>22</v>
      </c>
      <c r="Q2692" s="10" t="s">
        <v>22</v>
      </c>
      <c r="R2692" s="10" t="s">
        <v>22</v>
      </c>
      <c r="S2692" s="10" t="s">
        <v>22</v>
      </c>
      <c r="T2692" s="10" t="s">
        <v>22</v>
      </c>
      <c r="U2692" s="10" t="s">
        <v>22</v>
      </c>
      <c r="V2692" s="10" t="s">
        <v>22</v>
      </c>
      <c r="W2692" s="10" t="s">
        <v>22</v>
      </c>
      <c r="X2692" s="10" t="s">
        <v>22</v>
      </c>
      <c r="Y2692" s="10" t="s">
        <v>22</v>
      </c>
      <c r="Z2692" s="10" t="s">
        <v>22</v>
      </c>
    </row>
    <row r="2693" spans="1:26" ht="24" customHeight="1" x14ac:dyDescent="0.2">
      <c r="A2693" s="9" t="s">
        <v>19934</v>
      </c>
      <c r="B2693" s="9" t="s">
        <v>14</v>
      </c>
      <c r="C2693" s="9" t="s">
        <v>12846</v>
      </c>
      <c r="D2693" s="6" t="s">
        <v>12847</v>
      </c>
      <c r="E2693" s="22">
        <v>44987</v>
      </c>
      <c r="F2693" s="22">
        <v>46813</v>
      </c>
      <c r="G2693" s="6" t="s">
        <v>12848</v>
      </c>
      <c r="H2693" s="6" t="s">
        <v>18</v>
      </c>
      <c r="I2693" s="6" t="s">
        <v>26</v>
      </c>
      <c r="J2693" s="6" t="s">
        <v>12849</v>
      </c>
      <c r="K2693" s="9" t="s">
        <v>12850</v>
      </c>
      <c r="L2693" s="10" t="s">
        <v>22</v>
      </c>
      <c r="M2693" s="10" t="s">
        <v>22</v>
      </c>
      <c r="N2693" s="10" t="s">
        <v>22</v>
      </c>
      <c r="O2693" s="10" t="s">
        <v>22</v>
      </c>
      <c r="P2693" s="10" t="s">
        <v>22</v>
      </c>
      <c r="Q2693" s="10" t="s">
        <v>22</v>
      </c>
      <c r="R2693" s="10" t="s">
        <v>22</v>
      </c>
      <c r="S2693" s="10" t="s">
        <v>22</v>
      </c>
      <c r="T2693" s="10" t="s">
        <v>22</v>
      </c>
      <c r="U2693" s="10" t="s">
        <v>22</v>
      </c>
      <c r="V2693" s="10" t="s">
        <v>22</v>
      </c>
      <c r="W2693" s="10" t="s">
        <v>22</v>
      </c>
      <c r="X2693" s="10" t="s">
        <v>22</v>
      </c>
      <c r="Y2693" s="10" t="s">
        <v>22</v>
      </c>
      <c r="Z2693" s="10" t="s">
        <v>22</v>
      </c>
    </row>
    <row r="2694" spans="1:26" ht="24" customHeight="1" x14ac:dyDescent="0.2">
      <c r="A2694" s="9" t="s">
        <v>19935</v>
      </c>
      <c r="B2694" s="9" t="s">
        <v>14</v>
      </c>
      <c r="C2694" s="9" t="s">
        <v>12851</v>
      </c>
      <c r="D2694" s="6" t="s">
        <v>12852</v>
      </c>
      <c r="E2694" s="22">
        <v>44987</v>
      </c>
      <c r="F2694" s="22">
        <v>46813</v>
      </c>
      <c r="G2694" s="6" t="s">
        <v>12853</v>
      </c>
      <c r="H2694" s="6" t="s">
        <v>18</v>
      </c>
      <c r="I2694" s="6" t="s">
        <v>19</v>
      </c>
      <c r="J2694" s="6" t="s">
        <v>12854</v>
      </c>
      <c r="K2694" s="9" t="s">
        <v>12855</v>
      </c>
      <c r="L2694" s="10" t="s">
        <v>22</v>
      </c>
      <c r="M2694" s="10" t="s">
        <v>22</v>
      </c>
      <c r="N2694" s="10" t="s">
        <v>22</v>
      </c>
      <c r="O2694" s="10" t="s">
        <v>22</v>
      </c>
      <c r="P2694" s="10" t="s">
        <v>22</v>
      </c>
      <c r="Q2694" s="10" t="s">
        <v>22</v>
      </c>
      <c r="U2694" s="10" t="s">
        <v>22</v>
      </c>
      <c r="V2694" s="10" t="s">
        <v>22</v>
      </c>
      <c r="W2694" s="10" t="s">
        <v>22</v>
      </c>
      <c r="X2694" s="10" t="s">
        <v>22</v>
      </c>
      <c r="Y2694" s="10" t="s">
        <v>22</v>
      </c>
      <c r="Z2694" s="10" t="s">
        <v>22</v>
      </c>
    </row>
    <row r="2695" spans="1:26" ht="24" customHeight="1" x14ac:dyDescent="0.2">
      <c r="A2695" s="9" t="s">
        <v>19936</v>
      </c>
      <c r="B2695" s="9" t="s">
        <v>14</v>
      </c>
      <c r="C2695" s="9" t="s">
        <v>12856</v>
      </c>
      <c r="D2695" s="6" t="s">
        <v>12857</v>
      </c>
      <c r="E2695" s="22">
        <v>44992</v>
      </c>
      <c r="F2695" s="22">
        <v>46818</v>
      </c>
      <c r="G2695" s="6" t="s">
        <v>12858</v>
      </c>
      <c r="H2695" s="6" t="s">
        <v>2029</v>
      </c>
      <c r="I2695" s="6" t="s">
        <v>12859</v>
      </c>
      <c r="J2695" s="6" t="s">
        <v>12860</v>
      </c>
      <c r="K2695" s="9" t="s">
        <v>12861</v>
      </c>
      <c r="L2695" s="10" t="s">
        <v>22</v>
      </c>
      <c r="M2695" s="10" t="s">
        <v>22</v>
      </c>
      <c r="N2695" s="10" t="s">
        <v>22</v>
      </c>
      <c r="O2695" s="10" t="s">
        <v>22</v>
      </c>
      <c r="P2695" s="10" t="s">
        <v>22</v>
      </c>
      <c r="Q2695" s="10" t="s">
        <v>22</v>
      </c>
    </row>
    <row r="2696" spans="1:26" ht="24" customHeight="1" x14ac:dyDescent="0.2">
      <c r="A2696" s="9" t="s">
        <v>19937</v>
      </c>
      <c r="B2696" s="9" t="s">
        <v>14</v>
      </c>
      <c r="C2696" s="9" t="s">
        <v>12862</v>
      </c>
      <c r="D2696" s="6" t="s">
        <v>12863</v>
      </c>
      <c r="E2696" s="22">
        <v>44992</v>
      </c>
      <c r="F2696" s="22">
        <v>46818</v>
      </c>
      <c r="G2696" s="6" t="s">
        <v>12864</v>
      </c>
      <c r="H2696" s="6" t="s">
        <v>18</v>
      </c>
      <c r="I2696" s="6" t="s">
        <v>26</v>
      </c>
      <c r="J2696" s="6" t="s">
        <v>12865</v>
      </c>
      <c r="L2696" s="10" t="s">
        <v>22</v>
      </c>
      <c r="M2696" s="10" t="s">
        <v>22</v>
      </c>
      <c r="N2696" s="10" t="s">
        <v>22</v>
      </c>
      <c r="O2696" s="10" t="s">
        <v>22</v>
      </c>
      <c r="P2696" s="10" t="s">
        <v>22</v>
      </c>
      <c r="Q2696" s="10" t="s">
        <v>22</v>
      </c>
      <c r="R2696" s="10" t="s">
        <v>22</v>
      </c>
      <c r="S2696" s="10" t="s">
        <v>22</v>
      </c>
      <c r="T2696" s="10" t="s">
        <v>22</v>
      </c>
    </row>
    <row r="2697" spans="1:26" ht="24" customHeight="1" x14ac:dyDescent="0.2">
      <c r="A2697" s="9" t="s">
        <v>19938</v>
      </c>
      <c r="B2697" s="9" t="s">
        <v>14</v>
      </c>
      <c r="C2697" s="9" t="s">
        <v>12866</v>
      </c>
      <c r="D2697" s="6" t="s">
        <v>12867</v>
      </c>
      <c r="E2697" s="22">
        <v>44992</v>
      </c>
      <c r="F2697" s="22">
        <v>46818</v>
      </c>
      <c r="G2697" s="6" t="s">
        <v>12868</v>
      </c>
      <c r="H2697" s="6" t="s">
        <v>202</v>
      </c>
      <c r="I2697" s="6" t="s">
        <v>954</v>
      </c>
      <c r="J2697" s="6" t="s">
        <v>12869</v>
      </c>
      <c r="K2697" s="9" t="s">
        <v>12870</v>
      </c>
      <c r="L2697" s="10" t="s">
        <v>22</v>
      </c>
      <c r="M2697" s="10" t="s">
        <v>22</v>
      </c>
      <c r="N2697" s="10" t="s">
        <v>22</v>
      </c>
      <c r="O2697" s="10" t="s">
        <v>22</v>
      </c>
      <c r="P2697" s="10" t="s">
        <v>22</v>
      </c>
      <c r="Q2697" s="10" t="s">
        <v>22</v>
      </c>
      <c r="U2697" s="10" t="s">
        <v>22</v>
      </c>
      <c r="V2697" s="10" t="s">
        <v>22</v>
      </c>
      <c r="W2697" s="10" t="s">
        <v>22</v>
      </c>
      <c r="X2697" s="10" t="s">
        <v>22</v>
      </c>
      <c r="Y2697" s="10" t="s">
        <v>22</v>
      </c>
      <c r="Z2697" s="10" t="s">
        <v>22</v>
      </c>
    </row>
    <row r="2698" spans="1:26" ht="24" customHeight="1" x14ac:dyDescent="0.2">
      <c r="A2698" s="9" t="s">
        <v>19939</v>
      </c>
      <c r="B2698" s="9" t="s">
        <v>14</v>
      </c>
      <c r="C2698" s="9" t="s">
        <v>12871</v>
      </c>
      <c r="D2698" s="6" t="s">
        <v>12872</v>
      </c>
      <c r="E2698" s="22">
        <v>44993</v>
      </c>
      <c r="F2698" s="22">
        <v>46819</v>
      </c>
      <c r="G2698" s="6" t="s">
        <v>12873</v>
      </c>
      <c r="H2698" s="6" t="s">
        <v>62</v>
      </c>
      <c r="I2698" s="6" t="s">
        <v>306</v>
      </c>
      <c r="J2698" s="6" t="s">
        <v>12874</v>
      </c>
      <c r="K2698" s="9" t="s">
        <v>12875</v>
      </c>
      <c r="L2698" s="10" t="s">
        <v>22</v>
      </c>
      <c r="M2698" s="10" t="s">
        <v>22</v>
      </c>
      <c r="N2698" s="10" t="s">
        <v>22</v>
      </c>
      <c r="O2698" s="10" t="s">
        <v>22</v>
      </c>
      <c r="P2698" s="10" t="s">
        <v>22</v>
      </c>
      <c r="Q2698" s="10" t="s">
        <v>22</v>
      </c>
      <c r="R2698" s="10" t="s">
        <v>22</v>
      </c>
      <c r="S2698" s="10" t="s">
        <v>22</v>
      </c>
      <c r="T2698" s="10" t="s">
        <v>22</v>
      </c>
      <c r="U2698" s="10" t="s">
        <v>22</v>
      </c>
      <c r="V2698" s="10" t="s">
        <v>22</v>
      </c>
      <c r="W2698" s="10" t="s">
        <v>22</v>
      </c>
      <c r="X2698" s="10" t="s">
        <v>22</v>
      </c>
      <c r="Y2698" s="10" t="s">
        <v>22</v>
      </c>
      <c r="Z2698" s="10" t="s">
        <v>22</v>
      </c>
    </row>
    <row r="2699" spans="1:26" ht="24" customHeight="1" x14ac:dyDescent="0.2">
      <c r="A2699" s="9" t="s">
        <v>19940</v>
      </c>
      <c r="B2699" s="9" t="s">
        <v>14</v>
      </c>
      <c r="C2699" s="9" t="s">
        <v>12876</v>
      </c>
      <c r="D2699" s="6" t="s">
        <v>12877</v>
      </c>
      <c r="E2699" s="22">
        <v>44993</v>
      </c>
      <c r="F2699" s="22">
        <v>46819</v>
      </c>
      <c r="G2699" s="6" t="s">
        <v>12878</v>
      </c>
      <c r="H2699" s="6" t="s">
        <v>18</v>
      </c>
      <c r="I2699" s="6" t="s">
        <v>19</v>
      </c>
      <c r="J2699" s="6" t="s">
        <v>12879</v>
      </c>
      <c r="K2699" s="9" t="s">
        <v>12880</v>
      </c>
      <c r="M2699" s="10" t="s">
        <v>22</v>
      </c>
      <c r="N2699" s="10" t="s">
        <v>22</v>
      </c>
      <c r="P2699" s="10" t="s">
        <v>22</v>
      </c>
      <c r="Q2699" s="10" t="s">
        <v>22</v>
      </c>
      <c r="S2699" s="10" t="s">
        <v>22</v>
      </c>
      <c r="T2699" s="10" t="s">
        <v>22</v>
      </c>
      <c r="V2699" s="10" t="s">
        <v>22</v>
      </c>
      <c r="W2699" s="10" t="s">
        <v>22</v>
      </c>
      <c r="Y2699" s="10" t="s">
        <v>22</v>
      </c>
      <c r="Z2699" s="10" t="s">
        <v>22</v>
      </c>
    </row>
    <row r="2700" spans="1:26" ht="24" customHeight="1" x14ac:dyDescent="0.2">
      <c r="A2700" s="9" t="s">
        <v>19941</v>
      </c>
      <c r="B2700" s="9" t="s">
        <v>14</v>
      </c>
      <c r="C2700" s="9" t="s">
        <v>12881</v>
      </c>
      <c r="D2700" s="6" t="s">
        <v>12882</v>
      </c>
      <c r="E2700" s="22">
        <v>44993</v>
      </c>
      <c r="F2700" s="22">
        <v>46819</v>
      </c>
      <c r="G2700" s="6" t="s">
        <v>12883</v>
      </c>
      <c r="H2700" s="6" t="s">
        <v>62</v>
      </c>
      <c r="I2700" s="6" t="s">
        <v>279</v>
      </c>
      <c r="J2700" s="6" t="s">
        <v>12884</v>
      </c>
      <c r="K2700" s="9" t="s">
        <v>12885</v>
      </c>
      <c r="L2700" s="10" t="s">
        <v>22</v>
      </c>
      <c r="M2700" s="10" t="s">
        <v>22</v>
      </c>
      <c r="N2700" s="10" t="s">
        <v>22</v>
      </c>
      <c r="O2700" s="10" t="s">
        <v>22</v>
      </c>
      <c r="P2700" s="10" t="s">
        <v>22</v>
      </c>
      <c r="Q2700" s="10" t="s">
        <v>22</v>
      </c>
      <c r="R2700" s="10" t="s">
        <v>22</v>
      </c>
      <c r="S2700" s="10" t="s">
        <v>22</v>
      </c>
      <c r="T2700" s="10" t="s">
        <v>22</v>
      </c>
      <c r="U2700" s="10" t="s">
        <v>22</v>
      </c>
      <c r="V2700" s="10" t="s">
        <v>22</v>
      </c>
      <c r="W2700" s="10" t="s">
        <v>22</v>
      </c>
      <c r="X2700" s="10" t="s">
        <v>22</v>
      </c>
      <c r="Y2700" s="10" t="s">
        <v>22</v>
      </c>
      <c r="Z2700" s="10" t="s">
        <v>22</v>
      </c>
    </row>
    <row r="2701" spans="1:26" ht="24" customHeight="1" x14ac:dyDescent="0.2">
      <c r="A2701" s="9" t="s">
        <v>19942</v>
      </c>
      <c r="B2701" s="9" t="s">
        <v>14</v>
      </c>
      <c r="C2701" s="9" t="s">
        <v>12886</v>
      </c>
      <c r="D2701" s="6" t="s">
        <v>12887</v>
      </c>
      <c r="E2701" s="22">
        <v>44993</v>
      </c>
      <c r="F2701" s="22">
        <v>46819</v>
      </c>
      <c r="G2701" s="6" t="s">
        <v>12888</v>
      </c>
      <c r="H2701" s="6" t="s">
        <v>363</v>
      </c>
      <c r="I2701" s="6" t="s">
        <v>3745</v>
      </c>
      <c r="J2701" s="6" t="s">
        <v>12889</v>
      </c>
      <c r="K2701" s="9" t="s">
        <v>12890</v>
      </c>
      <c r="L2701" s="10" t="s">
        <v>22</v>
      </c>
      <c r="M2701" s="10" t="s">
        <v>22</v>
      </c>
      <c r="N2701" s="10" t="s">
        <v>22</v>
      </c>
      <c r="O2701" s="10" t="s">
        <v>22</v>
      </c>
      <c r="P2701" s="10" t="s">
        <v>22</v>
      </c>
      <c r="Q2701" s="10" t="s">
        <v>22</v>
      </c>
      <c r="R2701" s="10" t="s">
        <v>22</v>
      </c>
      <c r="S2701" s="10" t="s">
        <v>22</v>
      </c>
      <c r="T2701" s="10" t="s">
        <v>22</v>
      </c>
    </row>
    <row r="2702" spans="1:26" ht="24" customHeight="1" x14ac:dyDescent="0.2">
      <c r="A2702" s="9" t="s">
        <v>19943</v>
      </c>
      <c r="B2702" s="9" t="s">
        <v>14</v>
      </c>
      <c r="C2702" s="9" t="s">
        <v>12891</v>
      </c>
      <c r="D2702" s="6" t="s">
        <v>12892</v>
      </c>
      <c r="E2702" s="22">
        <v>44994</v>
      </c>
      <c r="F2702" s="22">
        <v>46820</v>
      </c>
      <c r="G2702" s="6" t="s">
        <v>12893</v>
      </c>
      <c r="H2702" s="6" t="s">
        <v>2029</v>
      </c>
      <c r="I2702" s="6" t="s">
        <v>12894</v>
      </c>
      <c r="J2702" s="6" t="s">
        <v>12895</v>
      </c>
      <c r="K2702" s="9" t="s">
        <v>12896</v>
      </c>
      <c r="L2702" s="10" t="s">
        <v>22</v>
      </c>
      <c r="M2702" s="10" t="s">
        <v>22</v>
      </c>
      <c r="N2702" s="10" t="s">
        <v>22</v>
      </c>
      <c r="O2702" s="10" t="s">
        <v>22</v>
      </c>
      <c r="P2702" s="10" t="s">
        <v>22</v>
      </c>
      <c r="Q2702" s="10" t="s">
        <v>22</v>
      </c>
      <c r="R2702" s="10" t="s">
        <v>22</v>
      </c>
      <c r="S2702" s="10" t="s">
        <v>22</v>
      </c>
      <c r="T2702" s="10" t="s">
        <v>22</v>
      </c>
      <c r="U2702" s="10" t="s">
        <v>22</v>
      </c>
      <c r="V2702" s="10" t="s">
        <v>22</v>
      </c>
      <c r="W2702" s="10" t="s">
        <v>22</v>
      </c>
      <c r="X2702" s="10" t="s">
        <v>22</v>
      </c>
      <c r="Y2702" s="10" t="s">
        <v>22</v>
      </c>
      <c r="Z2702" s="10" t="s">
        <v>22</v>
      </c>
    </row>
    <row r="2703" spans="1:26" ht="24" customHeight="1" x14ac:dyDescent="0.2">
      <c r="A2703" s="9" t="s">
        <v>19944</v>
      </c>
      <c r="B2703" s="9" t="s">
        <v>14</v>
      </c>
      <c r="C2703" s="9" t="s">
        <v>12897</v>
      </c>
      <c r="D2703" s="6" t="s">
        <v>12898</v>
      </c>
      <c r="E2703" s="22">
        <v>44994</v>
      </c>
      <c r="F2703" s="22">
        <v>46820</v>
      </c>
      <c r="G2703" s="6" t="s">
        <v>12899</v>
      </c>
      <c r="H2703" s="6" t="s">
        <v>229</v>
      </c>
      <c r="I2703" s="6" t="s">
        <v>825</v>
      </c>
      <c r="J2703" s="6" t="s">
        <v>12900</v>
      </c>
      <c r="K2703" s="9" t="s">
        <v>12901</v>
      </c>
      <c r="L2703" s="10" t="s">
        <v>22</v>
      </c>
      <c r="M2703" s="10" t="s">
        <v>22</v>
      </c>
      <c r="N2703" s="10" t="s">
        <v>22</v>
      </c>
      <c r="O2703" s="10" t="s">
        <v>22</v>
      </c>
      <c r="P2703" s="10" t="s">
        <v>22</v>
      </c>
      <c r="Q2703" s="10" t="s">
        <v>22</v>
      </c>
      <c r="R2703" s="10" t="s">
        <v>22</v>
      </c>
      <c r="S2703" s="10" t="s">
        <v>22</v>
      </c>
      <c r="T2703" s="10" t="s">
        <v>22</v>
      </c>
    </row>
    <row r="2704" spans="1:26" ht="24" customHeight="1" x14ac:dyDescent="0.2">
      <c r="A2704" s="9" t="s">
        <v>19945</v>
      </c>
      <c r="B2704" s="9" t="s">
        <v>14</v>
      </c>
      <c r="C2704" s="9" t="s">
        <v>12902</v>
      </c>
      <c r="D2704" s="6" t="s">
        <v>12903</v>
      </c>
      <c r="E2704" s="22">
        <v>44994</v>
      </c>
      <c r="F2704" s="22">
        <v>46820</v>
      </c>
      <c r="G2704" s="6" t="s">
        <v>12904</v>
      </c>
      <c r="H2704" s="6" t="s">
        <v>202</v>
      </c>
      <c r="I2704" s="6" t="s">
        <v>441</v>
      </c>
      <c r="J2704" s="6" t="s">
        <v>12905</v>
      </c>
      <c r="L2704" s="10" t="s">
        <v>22</v>
      </c>
      <c r="M2704" s="10" t="s">
        <v>22</v>
      </c>
      <c r="N2704" s="10" t="s">
        <v>22</v>
      </c>
      <c r="O2704" s="10" t="s">
        <v>22</v>
      </c>
      <c r="P2704" s="10" t="s">
        <v>22</v>
      </c>
      <c r="Q2704" s="10" t="s">
        <v>22</v>
      </c>
      <c r="R2704" s="10" t="s">
        <v>22</v>
      </c>
      <c r="S2704" s="10" t="s">
        <v>22</v>
      </c>
      <c r="T2704" s="10" t="s">
        <v>22</v>
      </c>
      <c r="U2704" s="10" t="s">
        <v>22</v>
      </c>
      <c r="V2704" s="10" t="s">
        <v>22</v>
      </c>
      <c r="W2704" s="10" t="s">
        <v>22</v>
      </c>
      <c r="X2704" s="10" t="s">
        <v>22</v>
      </c>
      <c r="Y2704" s="10" t="s">
        <v>22</v>
      </c>
      <c r="Z2704" s="10" t="s">
        <v>22</v>
      </c>
    </row>
    <row r="2705" spans="1:26" ht="24" customHeight="1" x14ac:dyDescent="0.2">
      <c r="A2705" s="9" t="s">
        <v>19946</v>
      </c>
      <c r="B2705" s="9" t="s">
        <v>14</v>
      </c>
      <c r="C2705" s="9" t="s">
        <v>12906</v>
      </c>
      <c r="D2705" s="6" t="s">
        <v>12907</v>
      </c>
      <c r="E2705" s="22">
        <v>44999</v>
      </c>
      <c r="F2705" s="22">
        <v>46825</v>
      </c>
      <c r="G2705" s="6" t="s">
        <v>12908</v>
      </c>
      <c r="H2705" s="6" t="s">
        <v>202</v>
      </c>
      <c r="I2705" s="6" t="s">
        <v>863</v>
      </c>
      <c r="J2705" s="6" t="s">
        <v>12909</v>
      </c>
      <c r="K2705" s="9" t="s">
        <v>12910</v>
      </c>
      <c r="L2705" s="10" t="s">
        <v>22</v>
      </c>
      <c r="M2705" s="10" t="s">
        <v>22</v>
      </c>
      <c r="N2705" s="10" t="s">
        <v>22</v>
      </c>
      <c r="O2705" s="10" t="s">
        <v>22</v>
      </c>
      <c r="P2705" s="10" t="s">
        <v>22</v>
      </c>
      <c r="Q2705" s="10" t="s">
        <v>22</v>
      </c>
      <c r="R2705" s="10" t="s">
        <v>22</v>
      </c>
      <c r="S2705" s="10" t="s">
        <v>22</v>
      </c>
      <c r="T2705" s="10" t="s">
        <v>22</v>
      </c>
      <c r="U2705" s="10" t="s">
        <v>22</v>
      </c>
      <c r="V2705" s="10" t="s">
        <v>22</v>
      </c>
      <c r="W2705" s="10" t="s">
        <v>22</v>
      </c>
      <c r="X2705" s="10" t="s">
        <v>22</v>
      </c>
      <c r="Y2705" s="10" t="s">
        <v>22</v>
      </c>
      <c r="Z2705" s="10" t="s">
        <v>22</v>
      </c>
    </row>
    <row r="2706" spans="1:26" ht="24" customHeight="1" x14ac:dyDescent="0.2">
      <c r="A2706" s="9" t="s">
        <v>19947</v>
      </c>
      <c r="B2706" s="9" t="s">
        <v>14</v>
      </c>
      <c r="C2706" s="9" t="s">
        <v>12911</v>
      </c>
      <c r="D2706" s="6" t="s">
        <v>12912</v>
      </c>
      <c r="E2706" s="22">
        <v>44999</v>
      </c>
      <c r="F2706" s="22">
        <v>46825</v>
      </c>
      <c r="G2706" s="6" t="s">
        <v>12913</v>
      </c>
      <c r="H2706" s="6" t="s">
        <v>18</v>
      </c>
      <c r="I2706" s="6" t="s">
        <v>26</v>
      </c>
      <c r="J2706" s="6" t="s">
        <v>12914</v>
      </c>
      <c r="K2706" s="9" t="s">
        <v>12915</v>
      </c>
      <c r="L2706" s="10" t="s">
        <v>22</v>
      </c>
      <c r="M2706" s="10" t="s">
        <v>22</v>
      </c>
      <c r="N2706" s="10" t="s">
        <v>22</v>
      </c>
      <c r="O2706" s="10" t="s">
        <v>22</v>
      </c>
      <c r="P2706" s="10" t="s">
        <v>22</v>
      </c>
      <c r="Q2706" s="10" t="s">
        <v>22</v>
      </c>
      <c r="R2706" s="10" t="s">
        <v>22</v>
      </c>
      <c r="S2706" s="10" t="s">
        <v>22</v>
      </c>
      <c r="T2706" s="10" t="s">
        <v>22</v>
      </c>
      <c r="U2706" s="10" t="s">
        <v>22</v>
      </c>
      <c r="V2706" s="10" t="s">
        <v>22</v>
      </c>
      <c r="W2706" s="10" t="s">
        <v>22</v>
      </c>
      <c r="X2706" s="10" t="s">
        <v>22</v>
      </c>
      <c r="Y2706" s="10" t="s">
        <v>22</v>
      </c>
      <c r="Z2706" s="10" t="s">
        <v>22</v>
      </c>
    </row>
    <row r="2707" spans="1:26" ht="24" customHeight="1" x14ac:dyDescent="0.2">
      <c r="A2707" s="9" t="s">
        <v>19948</v>
      </c>
      <c r="B2707" s="9" t="s">
        <v>14</v>
      </c>
      <c r="C2707" s="9" t="s">
        <v>12916</v>
      </c>
      <c r="D2707" s="6" t="s">
        <v>12917</v>
      </c>
      <c r="E2707" s="22">
        <v>44999</v>
      </c>
      <c r="F2707" s="22">
        <v>46825</v>
      </c>
      <c r="G2707" s="6" t="s">
        <v>12918</v>
      </c>
      <c r="H2707" s="6" t="s">
        <v>1047</v>
      </c>
      <c r="I2707" s="6" t="s">
        <v>8585</v>
      </c>
      <c r="J2707" s="6" t="s">
        <v>12919</v>
      </c>
      <c r="K2707" s="9" t="s">
        <v>12920</v>
      </c>
      <c r="M2707" s="10" t="s">
        <v>22</v>
      </c>
      <c r="N2707" s="10" t="s">
        <v>22</v>
      </c>
      <c r="P2707" s="10" t="s">
        <v>22</v>
      </c>
      <c r="Q2707" s="10" t="s">
        <v>22</v>
      </c>
      <c r="V2707" s="10" t="s">
        <v>22</v>
      </c>
      <c r="W2707" s="10" t="s">
        <v>22</v>
      </c>
      <c r="Y2707" s="10" t="s">
        <v>22</v>
      </c>
      <c r="Z2707" s="10" t="s">
        <v>22</v>
      </c>
    </row>
    <row r="2708" spans="1:26" ht="24" customHeight="1" x14ac:dyDescent="0.2">
      <c r="A2708" s="9" t="s">
        <v>19949</v>
      </c>
      <c r="B2708" s="9" t="s">
        <v>14</v>
      </c>
      <c r="C2708" s="9" t="s">
        <v>12921</v>
      </c>
      <c r="D2708" s="6" t="s">
        <v>12922</v>
      </c>
      <c r="E2708" s="22">
        <v>45001</v>
      </c>
      <c r="F2708" s="22">
        <v>46827</v>
      </c>
      <c r="G2708" s="6" t="s">
        <v>12923</v>
      </c>
      <c r="H2708" s="6" t="s">
        <v>18</v>
      </c>
      <c r="I2708" s="6" t="s">
        <v>26</v>
      </c>
      <c r="J2708" s="6" t="s">
        <v>12924</v>
      </c>
      <c r="L2708" s="10" t="s">
        <v>22</v>
      </c>
      <c r="M2708" s="10" t="s">
        <v>22</v>
      </c>
      <c r="N2708" s="10" t="s">
        <v>22</v>
      </c>
      <c r="O2708" s="10" t="s">
        <v>22</v>
      </c>
      <c r="P2708" s="10" t="s">
        <v>22</v>
      </c>
      <c r="Q2708" s="10" t="s">
        <v>22</v>
      </c>
      <c r="R2708" s="10" t="s">
        <v>22</v>
      </c>
      <c r="S2708" s="10" t="s">
        <v>22</v>
      </c>
      <c r="T2708" s="10" t="s">
        <v>22</v>
      </c>
      <c r="U2708" s="10" t="s">
        <v>22</v>
      </c>
      <c r="V2708" s="10" t="s">
        <v>22</v>
      </c>
      <c r="W2708" s="10" t="s">
        <v>22</v>
      </c>
      <c r="X2708" s="10" t="s">
        <v>22</v>
      </c>
      <c r="Y2708" s="10" t="s">
        <v>22</v>
      </c>
      <c r="Z2708" s="10" t="s">
        <v>22</v>
      </c>
    </row>
    <row r="2709" spans="1:26" ht="24" customHeight="1" x14ac:dyDescent="0.2">
      <c r="A2709" s="9" t="s">
        <v>19950</v>
      </c>
      <c r="B2709" s="9" t="s">
        <v>14</v>
      </c>
      <c r="C2709" s="9" t="s">
        <v>12925</v>
      </c>
      <c r="D2709" s="6" t="s">
        <v>12926</v>
      </c>
      <c r="E2709" s="22">
        <v>45001</v>
      </c>
      <c r="F2709" s="22">
        <v>46827</v>
      </c>
      <c r="G2709" s="6" t="s">
        <v>12927</v>
      </c>
      <c r="H2709" s="6" t="s">
        <v>363</v>
      </c>
      <c r="I2709" s="6" t="s">
        <v>7398</v>
      </c>
      <c r="J2709" s="6" t="s">
        <v>12928</v>
      </c>
      <c r="K2709" s="9" t="s">
        <v>12929</v>
      </c>
      <c r="L2709" s="10" t="s">
        <v>22</v>
      </c>
      <c r="M2709" s="10" t="s">
        <v>22</v>
      </c>
      <c r="N2709" s="10" t="s">
        <v>22</v>
      </c>
    </row>
    <row r="2710" spans="1:26" ht="24" customHeight="1" x14ac:dyDescent="0.2">
      <c r="A2710" s="9" t="s">
        <v>19951</v>
      </c>
      <c r="B2710" s="9" t="s">
        <v>14</v>
      </c>
      <c r="C2710" s="9" t="s">
        <v>12930</v>
      </c>
      <c r="D2710" s="6" t="s">
        <v>12931</v>
      </c>
      <c r="E2710" s="22">
        <v>45005</v>
      </c>
      <c r="F2710" s="22">
        <v>46831</v>
      </c>
      <c r="G2710" s="6" t="s">
        <v>12932</v>
      </c>
      <c r="H2710" s="6" t="s">
        <v>18</v>
      </c>
      <c r="I2710" s="6" t="s">
        <v>26</v>
      </c>
      <c r="J2710" s="6" t="s">
        <v>12933</v>
      </c>
      <c r="K2710" s="9" t="s">
        <v>12934</v>
      </c>
      <c r="L2710" s="10" t="s">
        <v>22</v>
      </c>
      <c r="M2710" s="10" t="s">
        <v>22</v>
      </c>
      <c r="N2710" s="10" t="s">
        <v>22</v>
      </c>
      <c r="O2710" s="10" t="s">
        <v>22</v>
      </c>
      <c r="P2710" s="10" t="s">
        <v>22</v>
      </c>
      <c r="Q2710" s="10" t="s">
        <v>22</v>
      </c>
      <c r="R2710" s="10" t="s">
        <v>22</v>
      </c>
      <c r="S2710" s="10" t="s">
        <v>22</v>
      </c>
      <c r="T2710" s="10" t="s">
        <v>22</v>
      </c>
      <c r="U2710" s="10" t="s">
        <v>22</v>
      </c>
      <c r="V2710" s="10" t="s">
        <v>22</v>
      </c>
      <c r="W2710" s="10" t="s">
        <v>22</v>
      </c>
      <c r="X2710" s="10" t="s">
        <v>22</v>
      </c>
      <c r="Y2710" s="10" t="s">
        <v>22</v>
      </c>
      <c r="Z2710" s="10" t="s">
        <v>22</v>
      </c>
    </row>
    <row r="2711" spans="1:26" ht="24" customHeight="1" x14ac:dyDescent="0.2">
      <c r="A2711" s="9" t="s">
        <v>19952</v>
      </c>
      <c r="B2711" s="9" t="s">
        <v>14</v>
      </c>
      <c r="C2711" s="9" t="s">
        <v>12935</v>
      </c>
      <c r="D2711" s="6" t="s">
        <v>12936</v>
      </c>
      <c r="E2711" s="22">
        <v>45005</v>
      </c>
      <c r="F2711" s="22">
        <v>46831</v>
      </c>
      <c r="G2711" s="6" t="s">
        <v>12937</v>
      </c>
      <c r="H2711" s="6" t="s">
        <v>202</v>
      </c>
      <c r="I2711" s="6" t="s">
        <v>863</v>
      </c>
      <c r="J2711" s="6" t="s">
        <v>12938</v>
      </c>
      <c r="K2711" s="9" t="s">
        <v>12939</v>
      </c>
      <c r="L2711" s="10" t="s">
        <v>22</v>
      </c>
      <c r="M2711" s="10" t="s">
        <v>22</v>
      </c>
      <c r="N2711" s="10" t="s">
        <v>22</v>
      </c>
      <c r="O2711" s="10" t="s">
        <v>22</v>
      </c>
      <c r="P2711" s="10" t="s">
        <v>22</v>
      </c>
      <c r="Q2711" s="10" t="s">
        <v>22</v>
      </c>
      <c r="R2711" s="10" t="s">
        <v>22</v>
      </c>
      <c r="S2711" s="10" t="s">
        <v>22</v>
      </c>
      <c r="T2711" s="10" t="s">
        <v>22</v>
      </c>
      <c r="U2711" s="10" t="s">
        <v>22</v>
      </c>
      <c r="V2711" s="10" t="s">
        <v>22</v>
      </c>
      <c r="W2711" s="10" t="s">
        <v>22</v>
      </c>
      <c r="X2711" s="10" t="s">
        <v>22</v>
      </c>
      <c r="Y2711" s="10" t="s">
        <v>22</v>
      </c>
      <c r="Z2711" s="10" t="s">
        <v>22</v>
      </c>
    </row>
    <row r="2712" spans="1:26" ht="24" customHeight="1" x14ac:dyDescent="0.2">
      <c r="A2712" s="9" t="s">
        <v>19953</v>
      </c>
      <c r="B2712" s="9" t="s">
        <v>14</v>
      </c>
      <c r="C2712" s="9" t="s">
        <v>12940</v>
      </c>
      <c r="D2712" s="6" t="s">
        <v>12941</v>
      </c>
      <c r="E2712" s="22">
        <v>45013</v>
      </c>
      <c r="F2712" s="22">
        <v>46839</v>
      </c>
      <c r="G2712" s="6" t="s">
        <v>12942</v>
      </c>
      <c r="H2712" s="6" t="s">
        <v>62</v>
      </c>
      <c r="I2712" s="6" t="s">
        <v>12943</v>
      </c>
      <c r="J2712" s="6" t="s">
        <v>12944</v>
      </c>
      <c r="K2712" s="9" t="s">
        <v>12945</v>
      </c>
      <c r="L2712" s="10" t="s">
        <v>22</v>
      </c>
      <c r="M2712" s="10" t="s">
        <v>22</v>
      </c>
      <c r="N2712" s="10" t="s">
        <v>22</v>
      </c>
      <c r="O2712" s="10" t="s">
        <v>22</v>
      </c>
      <c r="P2712" s="10" t="s">
        <v>22</v>
      </c>
      <c r="Q2712" s="10" t="s">
        <v>22</v>
      </c>
      <c r="R2712" s="10" t="s">
        <v>22</v>
      </c>
      <c r="S2712" s="10" t="s">
        <v>22</v>
      </c>
      <c r="T2712" s="10" t="s">
        <v>22</v>
      </c>
      <c r="U2712" s="10" t="s">
        <v>22</v>
      </c>
      <c r="V2712" s="10" t="s">
        <v>22</v>
      </c>
      <c r="W2712" s="10" t="s">
        <v>22</v>
      </c>
      <c r="X2712" s="10" t="s">
        <v>22</v>
      </c>
      <c r="Y2712" s="10" t="s">
        <v>22</v>
      </c>
      <c r="Z2712" s="10" t="s">
        <v>22</v>
      </c>
    </row>
    <row r="2713" spans="1:26" ht="24" customHeight="1" x14ac:dyDescent="0.2">
      <c r="A2713" s="9" t="s">
        <v>19954</v>
      </c>
      <c r="B2713" s="9" t="s">
        <v>14</v>
      </c>
      <c r="C2713" s="9" t="s">
        <v>12946</v>
      </c>
      <c r="D2713" s="6" t="s">
        <v>12947</v>
      </c>
      <c r="E2713" s="22">
        <v>45023</v>
      </c>
      <c r="F2713" s="22">
        <v>46849</v>
      </c>
      <c r="G2713" s="6" t="s">
        <v>12948</v>
      </c>
      <c r="H2713" s="6" t="s">
        <v>62</v>
      </c>
      <c r="I2713" s="6" t="s">
        <v>1225</v>
      </c>
      <c r="J2713" s="6" t="s">
        <v>12949</v>
      </c>
      <c r="K2713" s="9" t="s">
        <v>16294</v>
      </c>
      <c r="M2713" s="10" t="s">
        <v>22</v>
      </c>
      <c r="N2713" s="10" t="s">
        <v>22</v>
      </c>
      <c r="P2713" s="10" t="s">
        <v>22</v>
      </c>
      <c r="Q2713" s="10" t="s">
        <v>22</v>
      </c>
      <c r="V2713" s="10" t="s">
        <v>22</v>
      </c>
      <c r="W2713" s="10" t="s">
        <v>22</v>
      </c>
      <c r="Y2713" s="10" t="s">
        <v>22</v>
      </c>
      <c r="Z2713" s="10" t="s">
        <v>22</v>
      </c>
    </row>
    <row r="2714" spans="1:26" ht="24" customHeight="1" x14ac:dyDescent="0.2">
      <c r="A2714" s="9" t="s">
        <v>19955</v>
      </c>
      <c r="B2714" s="9" t="s">
        <v>14</v>
      </c>
      <c r="C2714" s="9" t="s">
        <v>12950</v>
      </c>
      <c r="D2714" s="6" t="s">
        <v>12951</v>
      </c>
      <c r="E2714" s="22">
        <v>45023</v>
      </c>
      <c r="F2714" s="22">
        <v>46849</v>
      </c>
      <c r="G2714" s="6" t="s">
        <v>12952</v>
      </c>
      <c r="H2714" s="6" t="s">
        <v>202</v>
      </c>
      <c r="I2714" s="6" t="s">
        <v>336</v>
      </c>
      <c r="J2714" s="6" t="s">
        <v>12953</v>
      </c>
      <c r="K2714" s="9" t="s">
        <v>16295</v>
      </c>
      <c r="L2714" s="10" t="s">
        <v>22</v>
      </c>
      <c r="M2714" s="10" t="s">
        <v>22</v>
      </c>
      <c r="N2714" s="10" t="s">
        <v>22</v>
      </c>
      <c r="O2714" s="10" t="s">
        <v>22</v>
      </c>
      <c r="P2714" s="10" t="s">
        <v>22</v>
      </c>
      <c r="Q2714" s="10" t="s">
        <v>22</v>
      </c>
      <c r="R2714" s="10" t="s">
        <v>22</v>
      </c>
      <c r="S2714" s="10" t="s">
        <v>22</v>
      </c>
      <c r="T2714" s="10" t="s">
        <v>22</v>
      </c>
      <c r="U2714" s="10" t="s">
        <v>22</v>
      </c>
      <c r="V2714" s="10" t="s">
        <v>22</v>
      </c>
      <c r="W2714" s="10" t="s">
        <v>22</v>
      </c>
      <c r="X2714" s="10" t="s">
        <v>22</v>
      </c>
      <c r="Y2714" s="10" t="s">
        <v>22</v>
      </c>
      <c r="Z2714" s="10" t="s">
        <v>22</v>
      </c>
    </row>
    <row r="2715" spans="1:26" ht="24" customHeight="1" x14ac:dyDescent="0.2">
      <c r="A2715" s="9" t="s">
        <v>19956</v>
      </c>
      <c r="B2715" s="9" t="s">
        <v>14</v>
      </c>
      <c r="C2715" s="9" t="s">
        <v>12954</v>
      </c>
      <c r="D2715" s="6" t="s">
        <v>12955</v>
      </c>
      <c r="E2715" s="22">
        <v>45023</v>
      </c>
      <c r="F2715" s="22">
        <v>46849</v>
      </c>
      <c r="G2715" s="6" t="s">
        <v>12956</v>
      </c>
      <c r="H2715" s="6" t="s">
        <v>229</v>
      </c>
      <c r="I2715" s="6" t="s">
        <v>5604</v>
      </c>
      <c r="J2715" s="6" t="s">
        <v>12957</v>
      </c>
      <c r="K2715" s="9" t="s">
        <v>16296</v>
      </c>
      <c r="L2715" s="10" t="s">
        <v>22</v>
      </c>
      <c r="M2715" s="10" t="s">
        <v>22</v>
      </c>
      <c r="N2715" s="10" t="s">
        <v>22</v>
      </c>
      <c r="O2715" s="10" t="s">
        <v>22</v>
      </c>
      <c r="P2715" s="10" t="s">
        <v>22</v>
      </c>
      <c r="Q2715" s="10" t="s">
        <v>22</v>
      </c>
      <c r="R2715" s="10" t="s">
        <v>22</v>
      </c>
      <c r="S2715" s="10" t="s">
        <v>22</v>
      </c>
      <c r="T2715" s="10" t="s">
        <v>22</v>
      </c>
      <c r="U2715" s="10" t="s">
        <v>22</v>
      </c>
      <c r="V2715" s="10" t="s">
        <v>22</v>
      </c>
      <c r="W2715" s="10" t="s">
        <v>22</v>
      </c>
      <c r="X2715" s="10" t="s">
        <v>22</v>
      </c>
      <c r="Y2715" s="10" t="s">
        <v>22</v>
      </c>
      <c r="Z2715" s="10" t="s">
        <v>22</v>
      </c>
    </row>
    <row r="2716" spans="1:26" ht="24" customHeight="1" x14ac:dyDescent="0.2">
      <c r="A2716" s="9" t="s">
        <v>19957</v>
      </c>
      <c r="B2716" s="9" t="s">
        <v>14</v>
      </c>
      <c r="C2716" s="9" t="s">
        <v>12958</v>
      </c>
      <c r="D2716" s="6" t="s">
        <v>12959</v>
      </c>
      <c r="E2716" s="22">
        <v>45023</v>
      </c>
      <c r="F2716" s="22">
        <v>46849</v>
      </c>
      <c r="G2716" s="6" t="s">
        <v>12960</v>
      </c>
      <c r="H2716" s="6" t="s">
        <v>18</v>
      </c>
      <c r="I2716" s="6" t="s">
        <v>19</v>
      </c>
      <c r="J2716" s="6" t="s">
        <v>12961</v>
      </c>
      <c r="K2716" s="9" t="s">
        <v>16297</v>
      </c>
      <c r="L2716" s="10" t="s">
        <v>22</v>
      </c>
      <c r="M2716" s="10" t="s">
        <v>22</v>
      </c>
      <c r="N2716" s="10" t="s">
        <v>22</v>
      </c>
      <c r="O2716" s="10" t="s">
        <v>22</v>
      </c>
      <c r="P2716" s="10" t="s">
        <v>22</v>
      </c>
      <c r="Q2716" s="10" t="s">
        <v>22</v>
      </c>
      <c r="R2716" s="10" t="s">
        <v>22</v>
      </c>
      <c r="S2716" s="10" t="s">
        <v>22</v>
      </c>
      <c r="T2716" s="10" t="s">
        <v>22</v>
      </c>
    </row>
    <row r="2717" spans="1:26" ht="24" customHeight="1" x14ac:dyDescent="0.2">
      <c r="A2717" s="9" t="s">
        <v>19958</v>
      </c>
      <c r="B2717" s="9" t="s">
        <v>14</v>
      </c>
      <c r="C2717" s="9" t="s">
        <v>12962</v>
      </c>
      <c r="D2717" s="6" t="s">
        <v>12963</v>
      </c>
      <c r="E2717" s="22">
        <v>45023</v>
      </c>
      <c r="F2717" s="22">
        <v>46849</v>
      </c>
      <c r="G2717" s="6" t="s">
        <v>12964</v>
      </c>
      <c r="H2717" s="6" t="s">
        <v>202</v>
      </c>
      <c r="I2717" s="6" t="s">
        <v>879</v>
      </c>
      <c r="J2717" s="6" t="s">
        <v>12965</v>
      </c>
      <c r="K2717" s="9" t="s">
        <v>16298</v>
      </c>
      <c r="L2717" s="10" t="s">
        <v>22</v>
      </c>
      <c r="M2717" s="10" t="s">
        <v>22</v>
      </c>
      <c r="N2717" s="10" t="s">
        <v>22</v>
      </c>
      <c r="O2717" s="10" t="s">
        <v>22</v>
      </c>
      <c r="P2717" s="10" t="s">
        <v>22</v>
      </c>
      <c r="Q2717" s="10" t="s">
        <v>22</v>
      </c>
      <c r="R2717" s="10" t="s">
        <v>22</v>
      </c>
      <c r="S2717" s="10" t="s">
        <v>22</v>
      </c>
      <c r="T2717" s="10" t="s">
        <v>22</v>
      </c>
      <c r="U2717" s="10" t="s">
        <v>22</v>
      </c>
      <c r="V2717" s="10" t="s">
        <v>22</v>
      </c>
      <c r="W2717" s="10" t="s">
        <v>22</v>
      </c>
      <c r="X2717" s="10" t="s">
        <v>22</v>
      </c>
      <c r="Y2717" s="10" t="s">
        <v>22</v>
      </c>
      <c r="Z2717" s="10" t="s">
        <v>22</v>
      </c>
    </row>
    <row r="2718" spans="1:26" ht="24" customHeight="1" x14ac:dyDescent="0.2">
      <c r="A2718" s="9" t="s">
        <v>19959</v>
      </c>
      <c r="B2718" s="9" t="s">
        <v>14</v>
      </c>
      <c r="C2718" s="9" t="s">
        <v>12966</v>
      </c>
      <c r="D2718" s="6" t="s">
        <v>12967</v>
      </c>
      <c r="E2718" s="22">
        <v>45023</v>
      </c>
      <c r="F2718" s="22">
        <v>46849</v>
      </c>
      <c r="G2718" s="6" t="s">
        <v>12968</v>
      </c>
      <c r="H2718" s="6" t="s">
        <v>62</v>
      </c>
      <c r="I2718" s="6" t="s">
        <v>1066</v>
      </c>
      <c r="J2718" s="6" t="s">
        <v>12969</v>
      </c>
      <c r="K2718" s="9" t="s">
        <v>16299</v>
      </c>
      <c r="L2718" s="10" t="s">
        <v>22</v>
      </c>
      <c r="M2718" s="10" t="s">
        <v>22</v>
      </c>
      <c r="N2718" s="10" t="s">
        <v>22</v>
      </c>
      <c r="O2718" s="10" t="s">
        <v>22</v>
      </c>
      <c r="P2718" s="10" t="s">
        <v>22</v>
      </c>
      <c r="Q2718" s="10" t="s">
        <v>22</v>
      </c>
      <c r="R2718" s="10" t="s">
        <v>22</v>
      </c>
      <c r="S2718" s="10" t="s">
        <v>22</v>
      </c>
      <c r="T2718" s="10" t="s">
        <v>22</v>
      </c>
    </row>
    <row r="2719" spans="1:26" ht="24" customHeight="1" x14ac:dyDescent="0.2">
      <c r="A2719" s="9" t="s">
        <v>19960</v>
      </c>
      <c r="B2719" s="9" t="s">
        <v>14</v>
      </c>
      <c r="C2719" s="9" t="s">
        <v>12970</v>
      </c>
      <c r="D2719" s="6" t="s">
        <v>12971</v>
      </c>
      <c r="E2719" s="22">
        <v>45023</v>
      </c>
      <c r="F2719" s="22">
        <v>46849</v>
      </c>
      <c r="G2719" s="6" t="s">
        <v>12972</v>
      </c>
      <c r="H2719" s="6" t="s">
        <v>18</v>
      </c>
      <c r="I2719" s="6" t="s">
        <v>19</v>
      </c>
      <c r="J2719" s="6" t="s">
        <v>12973</v>
      </c>
      <c r="K2719" s="9" t="s">
        <v>16300</v>
      </c>
      <c r="L2719" s="10" t="s">
        <v>22</v>
      </c>
      <c r="M2719" s="10" t="s">
        <v>22</v>
      </c>
      <c r="N2719" s="10" t="s">
        <v>22</v>
      </c>
      <c r="O2719" s="10" t="s">
        <v>22</v>
      </c>
      <c r="P2719" s="10" t="s">
        <v>22</v>
      </c>
      <c r="Q2719" s="10" t="s">
        <v>22</v>
      </c>
      <c r="R2719" s="10" t="s">
        <v>22</v>
      </c>
      <c r="S2719" s="10" t="s">
        <v>22</v>
      </c>
      <c r="T2719" s="10" t="s">
        <v>22</v>
      </c>
      <c r="U2719" s="10" t="s">
        <v>22</v>
      </c>
      <c r="V2719" s="10" t="s">
        <v>22</v>
      </c>
      <c r="W2719" s="10" t="s">
        <v>22</v>
      </c>
      <c r="X2719" s="10" t="s">
        <v>22</v>
      </c>
      <c r="Y2719" s="10" t="s">
        <v>22</v>
      </c>
      <c r="Z2719" s="10" t="s">
        <v>22</v>
      </c>
    </row>
    <row r="2720" spans="1:26" ht="24" customHeight="1" x14ac:dyDescent="0.2">
      <c r="A2720" s="9" t="s">
        <v>19961</v>
      </c>
      <c r="B2720" s="9" t="s">
        <v>14</v>
      </c>
      <c r="C2720" s="9" t="s">
        <v>12974</v>
      </c>
      <c r="D2720" s="6" t="s">
        <v>12975</v>
      </c>
      <c r="E2720" s="22">
        <v>45023</v>
      </c>
      <c r="F2720" s="22">
        <v>46849</v>
      </c>
      <c r="G2720" s="6" t="s">
        <v>12976</v>
      </c>
      <c r="H2720" s="6" t="s">
        <v>62</v>
      </c>
      <c r="I2720" s="6" t="s">
        <v>591</v>
      </c>
      <c r="J2720" s="6" t="s">
        <v>12977</v>
      </c>
      <c r="K2720" s="9" t="s">
        <v>16301</v>
      </c>
      <c r="L2720" s="10" t="s">
        <v>22</v>
      </c>
      <c r="M2720" s="10" t="s">
        <v>22</v>
      </c>
      <c r="N2720" s="10" t="s">
        <v>22</v>
      </c>
      <c r="O2720" s="10" t="s">
        <v>22</v>
      </c>
      <c r="P2720" s="10" t="s">
        <v>22</v>
      </c>
      <c r="Q2720" s="10" t="s">
        <v>22</v>
      </c>
      <c r="R2720" s="10" t="s">
        <v>22</v>
      </c>
      <c r="S2720" s="10" t="s">
        <v>22</v>
      </c>
      <c r="T2720" s="10" t="s">
        <v>22</v>
      </c>
      <c r="U2720" s="10" t="s">
        <v>22</v>
      </c>
      <c r="V2720" s="10" t="s">
        <v>22</v>
      </c>
      <c r="W2720" s="10" t="s">
        <v>22</v>
      </c>
      <c r="X2720" s="10" t="s">
        <v>22</v>
      </c>
      <c r="Y2720" s="10" t="s">
        <v>22</v>
      </c>
      <c r="Z2720" s="10" t="s">
        <v>22</v>
      </c>
    </row>
    <row r="2721" spans="1:26" ht="24" customHeight="1" x14ac:dyDescent="0.2">
      <c r="A2721" s="9" t="s">
        <v>19962</v>
      </c>
      <c r="B2721" s="9" t="s">
        <v>14</v>
      </c>
      <c r="C2721" s="9" t="s">
        <v>12978</v>
      </c>
      <c r="D2721" s="6" t="s">
        <v>12979</v>
      </c>
      <c r="E2721" s="22">
        <v>45023</v>
      </c>
      <c r="F2721" s="22">
        <v>46849</v>
      </c>
      <c r="G2721" s="6" t="s">
        <v>12980</v>
      </c>
      <c r="H2721" s="6" t="s">
        <v>363</v>
      </c>
      <c r="I2721" s="6" t="s">
        <v>12981</v>
      </c>
      <c r="J2721" s="6" t="s">
        <v>12982</v>
      </c>
      <c r="K2721" s="9" t="s">
        <v>16302</v>
      </c>
      <c r="L2721" s="10" t="s">
        <v>22</v>
      </c>
      <c r="M2721" s="10" t="s">
        <v>22</v>
      </c>
      <c r="N2721" s="10" t="s">
        <v>22</v>
      </c>
      <c r="O2721" s="10" t="s">
        <v>22</v>
      </c>
      <c r="P2721" s="10" t="s">
        <v>22</v>
      </c>
      <c r="Q2721" s="10" t="s">
        <v>22</v>
      </c>
      <c r="R2721" s="10" t="s">
        <v>22</v>
      </c>
      <c r="S2721" s="10" t="s">
        <v>22</v>
      </c>
      <c r="T2721" s="10" t="s">
        <v>22</v>
      </c>
      <c r="U2721" s="10" t="s">
        <v>22</v>
      </c>
      <c r="V2721" s="10" t="s">
        <v>22</v>
      </c>
      <c r="W2721" s="10" t="s">
        <v>22</v>
      </c>
      <c r="X2721" s="10" t="s">
        <v>22</v>
      </c>
      <c r="Y2721" s="10" t="s">
        <v>22</v>
      </c>
      <c r="Z2721" s="10" t="s">
        <v>22</v>
      </c>
    </row>
    <row r="2722" spans="1:26" ht="24" customHeight="1" x14ac:dyDescent="0.2">
      <c r="A2722" s="9" t="s">
        <v>19963</v>
      </c>
      <c r="B2722" s="9" t="s">
        <v>14</v>
      </c>
      <c r="C2722" s="9" t="s">
        <v>12983</v>
      </c>
      <c r="D2722" s="6" t="s">
        <v>12984</v>
      </c>
      <c r="E2722" s="22">
        <v>45023</v>
      </c>
      <c r="F2722" s="22">
        <v>46849</v>
      </c>
      <c r="G2722" s="6" t="s">
        <v>12985</v>
      </c>
      <c r="H2722" s="6" t="s">
        <v>18</v>
      </c>
      <c r="I2722" s="6" t="s">
        <v>19</v>
      </c>
      <c r="J2722" s="6" t="s">
        <v>12986</v>
      </c>
      <c r="K2722" s="9" t="s">
        <v>16303</v>
      </c>
      <c r="L2722" s="10" t="s">
        <v>22</v>
      </c>
      <c r="M2722" s="10" t="s">
        <v>22</v>
      </c>
      <c r="N2722" s="10" t="s">
        <v>22</v>
      </c>
    </row>
    <row r="2723" spans="1:26" ht="24" customHeight="1" x14ac:dyDescent="0.2">
      <c r="A2723" s="9" t="s">
        <v>19964</v>
      </c>
      <c r="B2723" s="9" t="s">
        <v>14</v>
      </c>
      <c r="C2723" s="9" t="s">
        <v>12987</v>
      </c>
      <c r="D2723" s="6" t="s">
        <v>12988</v>
      </c>
      <c r="E2723" s="22">
        <v>45033</v>
      </c>
      <c r="F2723" s="22">
        <v>46859</v>
      </c>
      <c r="G2723" s="6" t="s">
        <v>12989</v>
      </c>
      <c r="H2723" s="6" t="s">
        <v>363</v>
      </c>
      <c r="I2723" s="6" t="s">
        <v>466</v>
      </c>
      <c r="J2723" s="6" t="s">
        <v>12990</v>
      </c>
      <c r="K2723" s="9" t="s">
        <v>16304</v>
      </c>
      <c r="L2723" s="10" t="s">
        <v>22</v>
      </c>
      <c r="M2723" s="10" t="s">
        <v>22</v>
      </c>
      <c r="N2723" s="10" t="s">
        <v>22</v>
      </c>
      <c r="O2723" s="10" t="s">
        <v>22</v>
      </c>
      <c r="P2723" s="10" t="s">
        <v>22</v>
      </c>
      <c r="Q2723" s="10" t="s">
        <v>22</v>
      </c>
      <c r="R2723" s="10" t="s">
        <v>22</v>
      </c>
      <c r="S2723" s="10" t="s">
        <v>22</v>
      </c>
      <c r="T2723" s="10" t="s">
        <v>22</v>
      </c>
      <c r="U2723" s="10" t="s">
        <v>22</v>
      </c>
      <c r="V2723" s="10" t="s">
        <v>22</v>
      </c>
      <c r="W2723" s="10" t="s">
        <v>22</v>
      </c>
      <c r="X2723" s="10" t="s">
        <v>22</v>
      </c>
      <c r="Y2723" s="10" t="s">
        <v>22</v>
      </c>
      <c r="Z2723" s="10" t="s">
        <v>22</v>
      </c>
    </row>
    <row r="2724" spans="1:26" ht="24" customHeight="1" x14ac:dyDescent="0.2">
      <c r="A2724" s="9" t="s">
        <v>19965</v>
      </c>
      <c r="B2724" s="9" t="s">
        <v>14</v>
      </c>
      <c r="C2724" s="9" t="s">
        <v>12991</v>
      </c>
      <c r="D2724" s="6" t="s">
        <v>12992</v>
      </c>
      <c r="E2724" s="22">
        <v>45033</v>
      </c>
      <c r="F2724" s="22">
        <v>46859</v>
      </c>
      <c r="G2724" s="6" t="s">
        <v>12993</v>
      </c>
      <c r="H2724" s="6" t="s">
        <v>2029</v>
      </c>
      <c r="I2724" s="6" t="s">
        <v>12994</v>
      </c>
      <c r="J2724" s="6" t="s">
        <v>12995</v>
      </c>
      <c r="K2724" s="9" t="s">
        <v>16305</v>
      </c>
      <c r="L2724" s="10" t="s">
        <v>22</v>
      </c>
      <c r="M2724" s="10" t="s">
        <v>22</v>
      </c>
      <c r="N2724" s="10" t="s">
        <v>22</v>
      </c>
      <c r="O2724" s="10" t="s">
        <v>22</v>
      </c>
      <c r="P2724" s="10" t="s">
        <v>22</v>
      </c>
      <c r="Q2724" s="10" t="s">
        <v>22</v>
      </c>
      <c r="R2724" s="10" t="s">
        <v>22</v>
      </c>
      <c r="S2724" s="10" t="s">
        <v>22</v>
      </c>
      <c r="T2724" s="10" t="s">
        <v>22</v>
      </c>
      <c r="U2724" s="10" t="s">
        <v>22</v>
      </c>
      <c r="V2724" s="10" t="s">
        <v>22</v>
      </c>
      <c r="W2724" s="10" t="s">
        <v>22</v>
      </c>
      <c r="X2724" s="10" t="s">
        <v>22</v>
      </c>
      <c r="Y2724" s="10" t="s">
        <v>22</v>
      </c>
      <c r="Z2724" s="10" t="s">
        <v>22</v>
      </c>
    </row>
    <row r="2725" spans="1:26" ht="24" customHeight="1" x14ac:dyDescent="0.2">
      <c r="A2725" s="9" t="s">
        <v>19966</v>
      </c>
      <c r="B2725" s="9" t="s">
        <v>14</v>
      </c>
      <c r="C2725" s="9" t="s">
        <v>12996</v>
      </c>
      <c r="D2725" s="6" t="s">
        <v>12997</v>
      </c>
      <c r="E2725" s="22">
        <v>45033</v>
      </c>
      <c r="F2725" s="22">
        <v>46859</v>
      </c>
      <c r="G2725" s="6" t="s">
        <v>12998</v>
      </c>
      <c r="H2725" s="6" t="s">
        <v>62</v>
      </c>
      <c r="I2725" s="6" t="s">
        <v>1066</v>
      </c>
      <c r="J2725" s="6" t="s">
        <v>12999</v>
      </c>
      <c r="K2725" s="9" t="s">
        <v>16306</v>
      </c>
      <c r="L2725" s="10" t="s">
        <v>22</v>
      </c>
      <c r="M2725" s="10" t="s">
        <v>22</v>
      </c>
      <c r="N2725" s="10" t="s">
        <v>22</v>
      </c>
      <c r="O2725" s="10" t="s">
        <v>22</v>
      </c>
      <c r="P2725" s="10" t="s">
        <v>22</v>
      </c>
      <c r="Q2725" s="10" t="s">
        <v>22</v>
      </c>
      <c r="R2725" s="10" t="s">
        <v>22</v>
      </c>
      <c r="S2725" s="10" t="s">
        <v>22</v>
      </c>
      <c r="T2725" s="10" t="s">
        <v>22</v>
      </c>
      <c r="U2725" s="10" t="s">
        <v>22</v>
      </c>
      <c r="V2725" s="10" t="s">
        <v>22</v>
      </c>
      <c r="W2725" s="10" t="s">
        <v>22</v>
      </c>
      <c r="X2725" s="10" t="s">
        <v>22</v>
      </c>
      <c r="Y2725" s="10" t="s">
        <v>22</v>
      </c>
      <c r="Z2725" s="10" t="s">
        <v>22</v>
      </c>
    </row>
    <row r="2726" spans="1:26" ht="24" customHeight="1" x14ac:dyDescent="0.2">
      <c r="A2726" s="9" t="s">
        <v>19967</v>
      </c>
      <c r="B2726" s="9" t="s">
        <v>14</v>
      </c>
      <c r="C2726" s="9" t="s">
        <v>13000</v>
      </c>
      <c r="D2726" s="6" t="s">
        <v>13001</v>
      </c>
      <c r="E2726" s="22">
        <v>45033</v>
      </c>
      <c r="F2726" s="22">
        <v>46859</v>
      </c>
      <c r="G2726" s="6" t="s">
        <v>13002</v>
      </c>
      <c r="H2726" s="6" t="s">
        <v>62</v>
      </c>
      <c r="I2726" s="6" t="s">
        <v>493</v>
      </c>
      <c r="J2726" s="6" t="s">
        <v>13003</v>
      </c>
      <c r="K2726" s="9" t="s">
        <v>16307</v>
      </c>
      <c r="L2726" s="10" t="s">
        <v>22</v>
      </c>
      <c r="M2726" s="10" t="s">
        <v>22</v>
      </c>
      <c r="N2726" s="10" t="s">
        <v>22</v>
      </c>
      <c r="O2726" s="10" t="s">
        <v>22</v>
      </c>
      <c r="P2726" s="10" t="s">
        <v>22</v>
      </c>
      <c r="Q2726" s="10" t="s">
        <v>22</v>
      </c>
      <c r="R2726" s="10" t="s">
        <v>22</v>
      </c>
      <c r="S2726" s="10" t="s">
        <v>22</v>
      </c>
      <c r="T2726" s="10" t="s">
        <v>22</v>
      </c>
      <c r="U2726" s="10" t="s">
        <v>22</v>
      </c>
      <c r="V2726" s="10" t="s">
        <v>22</v>
      </c>
      <c r="W2726" s="10" t="s">
        <v>22</v>
      </c>
      <c r="X2726" s="10" t="s">
        <v>22</v>
      </c>
      <c r="Y2726" s="10" t="s">
        <v>22</v>
      </c>
      <c r="Z2726" s="10" t="s">
        <v>22</v>
      </c>
    </row>
    <row r="2727" spans="1:26" ht="24" customHeight="1" x14ac:dyDescent="0.2">
      <c r="A2727" s="9" t="s">
        <v>19968</v>
      </c>
      <c r="B2727" s="9" t="s">
        <v>14</v>
      </c>
      <c r="C2727" s="9" t="s">
        <v>13004</v>
      </c>
      <c r="D2727" s="6" t="s">
        <v>13005</v>
      </c>
      <c r="E2727" s="22">
        <v>45033</v>
      </c>
      <c r="F2727" s="22">
        <v>46859</v>
      </c>
      <c r="G2727" s="6" t="s">
        <v>13006</v>
      </c>
      <c r="H2727" s="6" t="s">
        <v>202</v>
      </c>
      <c r="I2727" s="6" t="s">
        <v>3154</v>
      </c>
      <c r="J2727" s="6" t="s">
        <v>13007</v>
      </c>
      <c r="K2727" s="9" t="s">
        <v>16308</v>
      </c>
      <c r="L2727" s="10" t="s">
        <v>22</v>
      </c>
      <c r="M2727" s="10" t="s">
        <v>22</v>
      </c>
      <c r="N2727" s="10" t="s">
        <v>22</v>
      </c>
      <c r="O2727" s="10" t="s">
        <v>22</v>
      </c>
      <c r="P2727" s="10" t="s">
        <v>22</v>
      </c>
      <c r="Q2727" s="10" t="s">
        <v>22</v>
      </c>
      <c r="U2727" s="10" t="s">
        <v>22</v>
      </c>
      <c r="V2727" s="10" t="s">
        <v>22</v>
      </c>
      <c r="W2727" s="10" t="s">
        <v>22</v>
      </c>
      <c r="X2727" s="10" t="s">
        <v>22</v>
      </c>
      <c r="Y2727" s="10" t="s">
        <v>22</v>
      </c>
      <c r="Z2727" s="10" t="s">
        <v>22</v>
      </c>
    </row>
    <row r="2728" spans="1:26" ht="24" customHeight="1" x14ac:dyDescent="0.2">
      <c r="A2728" s="9" t="s">
        <v>19969</v>
      </c>
      <c r="B2728" s="9" t="s">
        <v>14</v>
      </c>
      <c r="C2728" s="9" t="s">
        <v>13008</v>
      </c>
      <c r="D2728" s="6" t="s">
        <v>13009</v>
      </c>
      <c r="E2728" s="22">
        <v>45033</v>
      </c>
      <c r="F2728" s="22">
        <v>46859</v>
      </c>
      <c r="G2728" s="6" t="s">
        <v>13010</v>
      </c>
      <c r="H2728" s="6" t="s">
        <v>62</v>
      </c>
      <c r="I2728" s="6" t="s">
        <v>1225</v>
      </c>
      <c r="J2728" s="6" t="s">
        <v>13011</v>
      </c>
      <c r="K2728" s="9" t="s">
        <v>16309</v>
      </c>
      <c r="L2728" s="10" t="s">
        <v>22</v>
      </c>
      <c r="M2728" s="10" t="s">
        <v>22</v>
      </c>
      <c r="N2728" s="10" t="s">
        <v>22</v>
      </c>
      <c r="O2728" s="10" t="s">
        <v>22</v>
      </c>
      <c r="P2728" s="10" t="s">
        <v>22</v>
      </c>
      <c r="Q2728" s="10" t="s">
        <v>22</v>
      </c>
      <c r="U2728" s="10" t="s">
        <v>22</v>
      </c>
      <c r="V2728" s="10" t="s">
        <v>22</v>
      </c>
      <c r="W2728" s="10" t="s">
        <v>22</v>
      </c>
      <c r="X2728" s="10" t="s">
        <v>22</v>
      </c>
      <c r="Y2728" s="10" t="s">
        <v>22</v>
      </c>
      <c r="Z2728" s="10" t="s">
        <v>22</v>
      </c>
    </row>
    <row r="2729" spans="1:26" ht="24" customHeight="1" x14ac:dyDescent="0.2">
      <c r="A2729" s="9" t="s">
        <v>19970</v>
      </c>
      <c r="B2729" s="9" t="s">
        <v>14</v>
      </c>
      <c r="C2729" s="9" t="s">
        <v>13012</v>
      </c>
      <c r="D2729" s="6" t="s">
        <v>13013</v>
      </c>
      <c r="E2729" s="22">
        <v>45033</v>
      </c>
      <c r="F2729" s="22">
        <v>46859</v>
      </c>
      <c r="G2729" s="6" t="s">
        <v>13014</v>
      </c>
      <c r="H2729" s="6" t="s">
        <v>18</v>
      </c>
      <c r="I2729" s="6" t="s">
        <v>19</v>
      </c>
      <c r="J2729" s="6" t="s">
        <v>13015</v>
      </c>
      <c r="K2729" s="9" t="s">
        <v>16310</v>
      </c>
      <c r="L2729" s="10" t="s">
        <v>22</v>
      </c>
      <c r="M2729" s="10" t="s">
        <v>22</v>
      </c>
      <c r="N2729" s="10" t="s">
        <v>22</v>
      </c>
      <c r="O2729" s="10" t="s">
        <v>22</v>
      </c>
      <c r="P2729" s="10" t="s">
        <v>22</v>
      </c>
      <c r="Q2729" s="10" t="s">
        <v>22</v>
      </c>
      <c r="R2729" s="10" t="s">
        <v>22</v>
      </c>
      <c r="S2729" s="10" t="s">
        <v>22</v>
      </c>
      <c r="T2729" s="10" t="s">
        <v>22</v>
      </c>
      <c r="U2729" s="10" t="s">
        <v>22</v>
      </c>
      <c r="V2729" s="10" t="s">
        <v>22</v>
      </c>
      <c r="W2729" s="10" t="s">
        <v>22</v>
      </c>
      <c r="X2729" s="10" t="s">
        <v>22</v>
      </c>
      <c r="Y2729" s="10" t="s">
        <v>22</v>
      </c>
      <c r="Z2729" s="10" t="s">
        <v>22</v>
      </c>
    </row>
    <row r="2730" spans="1:26" ht="24" customHeight="1" x14ac:dyDescent="0.2">
      <c r="A2730" s="9" t="s">
        <v>19971</v>
      </c>
      <c r="B2730" s="9" t="s">
        <v>14</v>
      </c>
      <c r="C2730" s="9" t="s">
        <v>13016</v>
      </c>
      <c r="D2730" s="6" t="s">
        <v>13017</v>
      </c>
      <c r="E2730" s="22">
        <v>45033</v>
      </c>
      <c r="F2730" s="22">
        <v>46859</v>
      </c>
      <c r="G2730" s="6" t="s">
        <v>13018</v>
      </c>
      <c r="H2730" s="6" t="s">
        <v>202</v>
      </c>
      <c r="I2730" s="6" t="s">
        <v>857</v>
      </c>
      <c r="J2730" s="6" t="s">
        <v>13019</v>
      </c>
      <c r="K2730" s="9" t="s">
        <v>16311</v>
      </c>
      <c r="L2730" s="10" t="s">
        <v>22</v>
      </c>
      <c r="M2730" s="10" t="s">
        <v>22</v>
      </c>
      <c r="N2730" s="10" t="s">
        <v>22</v>
      </c>
      <c r="O2730" s="10" t="s">
        <v>22</v>
      </c>
      <c r="P2730" s="10" t="s">
        <v>22</v>
      </c>
      <c r="Q2730" s="10" t="s">
        <v>22</v>
      </c>
      <c r="R2730" s="10" t="s">
        <v>22</v>
      </c>
      <c r="S2730" s="10" t="s">
        <v>22</v>
      </c>
      <c r="T2730" s="10" t="s">
        <v>22</v>
      </c>
      <c r="U2730" s="10" t="s">
        <v>22</v>
      </c>
      <c r="V2730" s="10" t="s">
        <v>22</v>
      </c>
      <c r="W2730" s="10" t="s">
        <v>22</v>
      </c>
      <c r="X2730" s="10" t="s">
        <v>22</v>
      </c>
      <c r="Y2730" s="10" t="s">
        <v>22</v>
      </c>
      <c r="Z2730" s="10" t="s">
        <v>22</v>
      </c>
    </row>
    <row r="2731" spans="1:26" ht="24" customHeight="1" x14ac:dyDescent="0.2">
      <c r="A2731" s="9" t="s">
        <v>19972</v>
      </c>
      <c r="B2731" s="9" t="s">
        <v>14</v>
      </c>
      <c r="C2731" s="9" t="s">
        <v>13020</v>
      </c>
      <c r="D2731" s="6" t="s">
        <v>10837</v>
      </c>
      <c r="E2731" s="22">
        <v>45033</v>
      </c>
      <c r="F2731" s="22">
        <v>46859</v>
      </c>
      <c r="G2731" s="6" t="s">
        <v>10838</v>
      </c>
      <c r="H2731" s="6" t="s">
        <v>363</v>
      </c>
      <c r="I2731" s="6" t="s">
        <v>558</v>
      </c>
      <c r="J2731" s="6" t="s">
        <v>13021</v>
      </c>
      <c r="K2731" s="9" t="s">
        <v>16312</v>
      </c>
      <c r="L2731" s="10" t="s">
        <v>22</v>
      </c>
      <c r="M2731" s="10" t="s">
        <v>22</v>
      </c>
      <c r="N2731" s="10" t="s">
        <v>22</v>
      </c>
      <c r="O2731" s="10" t="s">
        <v>22</v>
      </c>
      <c r="P2731" s="10" t="s">
        <v>22</v>
      </c>
      <c r="Q2731" s="10" t="s">
        <v>22</v>
      </c>
      <c r="R2731" s="10" t="s">
        <v>22</v>
      </c>
      <c r="S2731" s="10" t="s">
        <v>22</v>
      </c>
      <c r="T2731" s="10" t="s">
        <v>22</v>
      </c>
      <c r="U2731" s="10" t="s">
        <v>22</v>
      </c>
      <c r="V2731" s="10" t="s">
        <v>22</v>
      </c>
      <c r="W2731" s="10" t="s">
        <v>22</v>
      </c>
      <c r="X2731" s="10" t="s">
        <v>22</v>
      </c>
      <c r="Y2731" s="10" t="s">
        <v>22</v>
      </c>
      <c r="Z2731" s="10" t="s">
        <v>22</v>
      </c>
    </row>
    <row r="2732" spans="1:26" ht="24" customHeight="1" x14ac:dyDescent="0.2">
      <c r="A2732" s="9" t="s">
        <v>19973</v>
      </c>
      <c r="B2732" s="9" t="s">
        <v>14</v>
      </c>
      <c r="C2732" s="9" t="s">
        <v>13022</v>
      </c>
      <c r="D2732" s="6" t="s">
        <v>13023</v>
      </c>
      <c r="E2732" s="22">
        <v>45033</v>
      </c>
      <c r="F2732" s="22">
        <v>46859</v>
      </c>
      <c r="G2732" s="6" t="s">
        <v>13024</v>
      </c>
      <c r="H2732" s="6" t="s">
        <v>62</v>
      </c>
      <c r="I2732" s="6" t="s">
        <v>938</v>
      </c>
      <c r="J2732" s="6" t="s">
        <v>13025</v>
      </c>
      <c r="K2732" s="9" t="s">
        <v>16313</v>
      </c>
      <c r="L2732" s="10" t="s">
        <v>22</v>
      </c>
      <c r="M2732" s="10" t="s">
        <v>22</v>
      </c>
      <c r="N2732" s="10" t="s">
        <v>22</v>
      </c>
      <c r="O2732" s="10" t="s">
        <v>22</v>
      </c>
      <c r="P2732" s="10" t="s">
        <v>22</v>
      </c>
      <c r="Q2732" s="10" t="s">
        <v>22</v>
      </c>
      <c r="R2732" s="10" t="s">
        <v>22</v>
      </c>
      <c r="S2732" s="10" t="s">
        <v>22</v>
      </c>
      <c r="T2732" s="10" t="s">
        <v>22</v>
      </c>
      <c r="U2732" s="10" t="s">
        <v>22</v>
      </c>
      <c r="V2732" s="10" t="s">
        <v>22</v>
      </c>
      <c r="W2732" s="10" t="s">
        <v>22</v>
      </c>
      <c r="X2732" s="10" t="s">
        <v>22</v>
      </c>
      <c r="Y2732" s="10" t="s">
        <v>22</v>
      </c>
      <c r="Z2732" s="10" t="s">
        <v>22</v>
      </c>
    </row>
    <row r="2733" spans="1:26" ht="24" customHeight="1" x14ac:dyDescent="0.2">
      <c r="A2733" s="9" t="s">
        <v>19974</v>
      </c>
      <c r="B2733" s="9" t="s">
        <v>14</v>
      </c>
      <c r="C2733" s="9" t="s">
        <v>13026</v>
      </c>
      <c r="D2733" s="6" t="s">
        <v>13027</v>
      </c>
      <c r="E2733" s="22">
        <v>45036</v>
      </c>
      <c r="F2733" s="22">
        <v>46862</v>
      </c>
      <c r="G2733" s="6" t="s">
        <v>13028</v>
      </c>
      <c r="H2733" s="6" t="s">
        <v>202</v>
      </c>
      <c r="I2733" s="6" t="s">
        <v>3655</v>
      </c>
      <c r="J2733" s="6" t="s">
        <v>13029</v>
      </c>
      <c r="K2733" s="9" t="s">
        <v>16314</v>
      </c>
      <c r="L2733" s="10" t="s">
        <v>22</v>
      </c>
      <c r="M2733" s="10" t="s">
        <v>22</v>
      </c>
      <c r="N2733" s="10" t="s">
        <v>22</v>
      </c>
      <c r="O2733" s="10" t="s">
        <v>22</v>
      </c>
      <c r="P2733" s="10" t="s">
        <v>22</v>
      </c>
      <c r="Q2733" s="10" t="s">
        <v>22</v>
      </c>
      <c r="R2733" s="10" t="s">
        <v>22</v>
      </c>
      <c r="S2733" s="10" t="s">
        <v>22</v>
      </c>
      <c r="T2733" s="10" t="s">
        <v>22</v>
      </c>
      <c r="U2733" s="10" t="s">
        <v>22</v>
      </c>
      <c r="V2733" s="10" t="s">
        <v>22</v>
      </c>
      <c r="W2733" s="10" t="s">
        <v>22</v>
      </c>
      <c r="X2733" s="10" t="s">
        <v>22</v>
      </c>
      <c r="Y2733" s="10" t="s">
        <v>22</v>
      </c>
      <c r="Z2733" s="10" t="s">
        <v>22</v>
      </c>
    </row>
    <row r="2734" spans="1:26" ht="24" customHeight="1" x14ac:dyDescent="0.2">
      <c r="A2734" s="9" t="s">
        <v>19975</v>
      </c>
      <c r="B2734" s="9" t="s">
        <v>14</v>
      </c>
      <c r="C2734" s="9" t="s">
        <v>13030</v>
      </c>
      <c r="D2734" s="6" t="s">
        <v>13031</v>
      </c>
      <c r="E2734" s="22">
        <v>45036</v>
      </c>
      <c r="F2734" s="22">
        <v>46862</v>
      </c>
      <c r="G2734" s="6" t="s">
        <v>13032</v>
      </c>
      <c r="H2734" s="6" t="s">
        <v>62</v>
      </c>
      <c r="I2734" s="6" t="s">
        <v>290</v>
      </c>
      <c r="J2734" s="6" t="s">
        <v>13033</v>
      </c>
      <c r="K2734" s="9" t="s">
        <v>16315</v>
      </c>
      <c r="L2734" s="10" t="s">
        <v>22</v>
      </c>
      <c r="M2734" s="10" t="s">
        <v>22</v>
      </c>
      <c r="N2734" s="10" t="s">
        <v>22</v>
      </c>
      <c r="O2734" s="10" t="s">
        <v>22</v>
      </c>
      <c r="P2734" s="10" t="s">
        <v>22</v>
      </c>
      <c r="Q2734" s="10" t="s">
        <v>22</v>
      </c>
      <c r="R2734" s="10" t="s">
        <v>22</v>
      </c>
      <c r="S2734" s="10" t="s">
        <v>22</v>
      </c>
      <c r="T2734" s="10" t="s">
        <v>22</v>
      </c>
    </row>
    <row r="2735" spans="1:26" ht="24" customHeight="1" x14ac:dyDescent="0.2">
      <c r="A2735" s="9" t="s">
        <v>19976</v>
      </c>
      <c r="B2735" s="9" t="s">
        <v>14</v>
      </c>
      <c r="C2735" s="9" t="s">
        <v>13034</v>
      </c>
      <c r="D2735" s="6" t="s">
        <v>13035</v>
      </c>
      <c r="E2735" s="22">
        <v>45037</v>
      </c>
      <c r="F2735" s="22">
        <v>46863</v>
      </c>
      <c r="G2735" s="6" t="s">
        <v>13036</v>
      </c>
      <c r="H2735" s="6" t="s">
        <v>18</v>
      </c>
      <c r="I2735" s="6" t="s">
        <v>19</v>
      </c>
      <c r="J2735" s="6" t="s">
        <v>13037</v>
      </c>
      <c r="K2735" s="9" t="s">
        <v>12780</v>
      </c>
      <c r="L2735" s="10" t="s">
        <v>22</v>
      </c>
      <c r="M2735" s="10" t="s">
        <v>22</v>
      </c>
      <c r="N2735" s="10" t="s">
        <v>22</v>
      </c>
      <c r="O2735" s="10" t="s">
        <v>22</v>
      </c>
      <c r="P2735" s="10" t="s">
        <v>22</v>
      </c>
      <c r="Q2735" s="10" t="s">
        <v>22</v>
      </c>
      <c r="R2735" s="10" t="s">
        <v>22</v>
      </c>
      <c r="S2735" s="10" t="s">
        <v>22</v>
      </c>
      <c r="T2735" s="10" t="s">
        <v>22</v>
      </c>
      <c r="U2735" s="10" t="s">
        <v>22</v>
      </c>
      <c r="V2735" s="10" t="s">
        <v>22</v>
      </c>
      <c r="W2735" s="10" t="s">
        <v>22</v>
      </c>
      <c r="X2735" s="10" t="s">
        <v>22</v>
      </c>
      <c r="Y2735" s="10" t="s">
        <v>22</v>
      </c>
      <c r="Z2735" s="10" t="s">
        <v>22</v>
      </c>
    </row>
    <row r="2736" spans="1:26" ht="24" customHeight="1" x14ac:dyDescent="0.2">
      <c r="A2736" s="9" t="s">
        <v>19977</v>
      </c>
      <c r="B2736" s="9" t="s">
        <v>14</v>
      </c>
      <c r="C2736" s="9" t="s">
        <v>13038</v>
      </c>
      <c r="D2736" s="6" t="s">
        <v>13039</v>
      </c>
      <c r="E2736" s="22">
        <v>45037</v>
      </c>
      <c r="F2736" s="22">
        <v>46863</v>
      </c>
      <c r="G2736" s="6" t="s">
        <v>13039</v>
      </c>
      <c r="H2736" s="6" t="s">
        <v>18</v>
      </c>
      <c r="I2736" s="6" t="s">
        <v>19</v>
      </c>
      <c r="J2736" s="6" t="s">
        <v>13040</v>
      </c>
      <c r="K2736" s="9" t="s">
        <v>16316</v>
      </c>
      <c r="L2736" s="10" t="s">
        <v>22</v>
      </c>
      <c r="M2736" s="10" t="s">
        <v>22</v>
      </c>
      <c r="N2736" s="10" t="s">
        <v>22</v>
      </c>
      <c r="O2736" s="10" t="s">
        <v>22</v>
      </c>
      <c r="P2736" s="10" t="s">
        <v>22</v>
      </c>
      <c r="Q2736" s="10" t="s">
        <v>22</v>
      </c>
      <c r="R2736" s="10" t="s">
        <v>22</v>
      </c>
      <c r="S2736" s="10" t="s">
        <v>22</v>
      </c>
      <c r="T2736" s="10" t="s">
        <v>22</v>
      </c>
      <c r="U2736" s="10" t="s">
        <v>22</v>
      </c>
      <c r="V2736" s="10" t="s">
        <v>22</v>
      </c>
      <c r="W2736" s="10" t="s">
        <v>22</v>
      </c>
      <c r="X2736" s="10" t="s">
        <v>22</v>
      </c>
      <c r="Y2736" s="10" t="s">
        <v>22</v>
      </c>
      <c r="Z2736" s="10" t="s">
        <v>22</v>
      </c>
    </row>
    <row r="2737" spans="1:26" ht="24" customHeight="1" x14ac:dyDescent="0.2">
      <c r="A2737" s="9" t="s">
        <v>19978</v>
      </c>
      <c r="B2737" s="9" t="s">
        <v>14</v>
      </c>
      <c r="C2737" s="9" t="s">
        <v>13041</v>
      </c>
      <c r="D2737" s="6" t="s">
        <v>13042</v>
      </c>
      <c r="E2737" s="22">
        <v>45037</v>
      </c>
      <c r="F2737" s="22">
        <v>46863</v>
      </c>
      <c r="G2737" s="6" t="s">
        <v>13043</v>
      </c>
      <c r="H2737" s="6" t="s">
        <v>18</v>
      </c>
      <c r="I2737" s="6" t="s">
        <v>19</v>
      </c>
      <c r="J2737" s="6" t="s">
        <v>13044</v>
      </c>
      <c r="L2737" s="10" t="s">
        <v>22</v>
      </c>
      <c r="M2737" s="10" t="s">
        <v>22</v>
      </c>
      <c r="N2737" s="10" t="s">
        <v>22</v>
      </c>
      <c r="O2737" s="10" t="s">
        <v>22</v>
      </c>
      <c r="P2737" s="10" t="s">
        <v>22</v>
      </c>
      <c r="Q2737" s="10" t="s">
        <v>22</v>
      </c>
      <c r="R2737" s="10" t="s">
        <v>22</v>
      </c>
      <c r="S2737" s="10" t="s">
        <v>22</v>
      </c>
      <c r="T2737" s="10" t="s">
        <v>22</v>
      </c>
      <c r="U2737" s="10" t="s">
        <v>22</v>
      </c>
      <c r="V2737" s="10" t="s">
        <v>22</v>
      </c>
      <c r="W2737" s="10" t="s">
        <v>22</v>
      </c>
      <c r="X2737" s="10" t="s">
        <v>22</v>
      </c>
      <c r="Y2737" s="10" t="s">
        <v>22</v>
      </c>
      <c r="Z2737" s="10" t="s">
        <v>22</v>
      </c>
    </row>
    <row r="2738" spans="1:26" ht="24" customHeight="1" x14ac:dyDescent="0.2">
      <c r="A2738" s="9" t="s">
        <v>19979</v>
      </c>
      <c r="B2738" s="9" t="s">
        <v>14</v>
      </c>
      <c r="C2738" s="9" t="s">
        <v>13045</v>
      </c>
      <c r="D2738" s="6" t="s">
        <v>13046</v>
      </c>
      <c r="E2738" s="22">
        <v>45040</v>
      </c>
      <c r="F2738" s="22">
        <v>46866</v>
      </c>
      <c r="G2738" s="6" t="s">
        <v>13047</v>
      </c>
      <c r="H2738" s="6" t="s">
        <v>229</v>
      </c>
      <c r="I2738" s="6" t="s">
        <v>825</v>
      </c>
      <c r="J2738" s="6" t="s">
        <v>13048</v>
      </c>
      <c r="L2738" s="10" t="s">
        <v>22</v>
      </c>
      <c r="M2738" s="10" t="s">
        <v>22</v>
      </c>
      <c r="N2738" s="10" t="s">
        <v>22</v>
      </c>
      <c r="O2738" s="10" t="s">
        <v>22</v>
      </c>
      <c r="P2738" s="10" t="s">
        <v>22</v>
      </c>
      <c r="Q2738" s="10" t="s">
        <v>22</v>
      </c>
      <c r="U2738" s="10" t="s">
        <v>22</v>
      </c>
      <c r="V2738" s="10" t="s">
        <v>22</v>
      </c>
      <c r="W2738" s="10" t="s">
        <v>22</v>
      </c>
    </row>
    <row r="2739" spans="1:26" ht="24" customHeight="1" x14ac:dyDescent="0.2">
      <c r="A2739" s="9" t="s">
        <v>19980</v>
      </c>
      <c r="B2739" s="9" t="s">
        <v>14</v>
      </c>
      <c r="C2739" s="9" t="s">
        <v>13049</v>
      </c>
      <c r="D2739" s="6" t="s">
        <v>13050</v>
      </c>
      <c r="E2739" s="22">
        <v>45040</v>
      </c>
      <c r="F2739" s="22">
        <v>46866</v>
      </c>
      <c r="G2739" s="6" t="s">
        <v>13051</v>
      </c>
      <c r="H2739" s="6" t="s">
        <v>18</v>
      </c>
      <c r="I2739" s="6" t="s">
        <v>19</v>
      </c>
      <c r="J2739" s="6" t="s">
        <v>13052</v>
      </c>
      <c r="K2739" s="9" t="s">
        <v>16317</v>
      </c>
      <c r="L2739" s="10" t="s">
        <v>22</v>
      </c>
      <c r="M2739" s="10" t="s">
        <v>22</v>
      </c>
      <c r="N2739" s="10" t="s">
        <v>22</v>
      </c>
      <c r="O2739" s="10" t="s">
        <v>22</v>
      </c>
      <c r="P2739" s="10" t="s">
        <v>22</v>
      </c>
      <c r="Q2739" s="10" t="s">
        <v>22</v>
      </c>
      <c r="R2739" s="10" t="s">
        <v>22</v>
      </c>
      <c r="S2739" s="10" t="s">
        <v>22</v>
      </c>
      <c r="T2739" s="10" t="s">
        <v>22</v>
      </c>
      <c r="U2739" s="10" t="s">
        <v>22</v>
      </c>
      <c r="V2739" s="10" t="s">
        <v>22</v>
      </c>
      <c r="W2739" s="10" t="s">
        <v>22</v>
      </c>
      <c r="X2739" s="10" t="s">
        <v>22</v>
      </c>
      <c r="Y2739" s="10" t="s">
        <v>22</v>
      </c>
      <c r="Z2739" s="10" t="s">
        <v>22</v>
      </c>
    </row>
    <row r="2740" spans="1:26" ht="24" customHeight="1" x14ac:dyDescent="0.2">
      <c r="A2740" s="9" t="s">
        <v>19981</v>
      </c>
      <c r="B2740" s="9" t="s">
        <v>14</v>
      </c>
      <c r="C2740" s="9" t="s">
        <v>13053</v>
      </c>
      <c r="D2740" s="6" t="s">
        <v>13054</v>
      </c>
      <c r="E2740" s="22">
        <v>45044</v>
      </c>
      <c r="F2740" s="22">
        <v>46870</v>
      </c>
      <c r="G2740" s="6" t="s">
        <v>13055</v>
      </c>
      <c r="H2740" s="6" t="s">
        <v>62</v>
      </c>
      <c r="I2740" s="6" t="s">
        <v>842</v>
      </c>
      <c r="J2740" s="6" t="s">
        <v>13056</v>
      </c>
      <c r="K2740" s="9" t="s">
        <v>16318</v>
      </c>
      <c r="L2740" s="10" t="s">
        <v>22</v>
      </c>
      <c r="M2740" s="10" t="s">
        <v>22</v>
      </c>
      <c r="N2740" s="10" t="s">
        <v>22</v>
      </c>
      <c r="O2740" s="10" t="s">
        <v>22</v>
      </c>
      <c r="P2740" s="10" t="s">
        <v>22</v>
      </c>
      <c r="Q2740" s="10" t="s">
        <v>22</v>
      </c>
      <c r="R2740" s="10" t="s">
        <v>22</v>
      </c>
      <c r="S2740" s="10" t="s">
        <v>22</v>
      </c>
      <c r="T2740" s="10" t="s">
        <v>22</v>
      </c>
      <c r="U2740" s="10" t="s">
        <v>22</v>
      </c>
      <c r="V2740" s="10" t="s">
        <v>22</v>
      </c>
      <c r="W2740" s="10" t="s">
        <v>22</v>
      </c>
      <c r="X2740" s="10" t="s">
        <v>22</v>
      </c>
      <c r="Y2740" s="10" t="s">
        <v>22</v>
      </c>
      <c r="Z2740" s="10" t="s">
        <v>22</v>
      </c>
    </row>
    <row r="2741" spans="1:26" ht="24" customHeight="1" x14ac:dyDescent="0.2">
      <c r="A2741" s="9" t="s">
        <v>19982</v>
      </c>
      <c r="B2741" s="9" t="s">
        <v>14</v>
      </c>
      <c r="C2741" s="9" t="s">
        <v>13057</v>
      </c>
      <c r="D2741" s="6" t="s">
        <v>13058</v>
      </c>
      <c r="E2741" s="22">
        <v>45044</v>
      </c>
      <c r="F2741" s="22">
        <v>46870</v>
      </c>
      <c r="G2741" s="6" t="s">
        <v>13059</v>
      </c>
      <c r="H2741" s="6" t="s">
        <v>62</v>
      </c>
      <c r="I2741" s="6" t="s">
        <v>493</v>
      </c>
      <c r="J2741" s="6" t="s">
        <v>13060</v>
      </c>
      <c r="K2741" s="9" t="s">
        <v>16319</v>
      </c>
      <c r="L2741" s="10" t="s">
        <v>22</v>
      </c>
      <c r="M2741" s="10" t="s">
        <v>22</v>
      </c>
      <c r="N2741" s="10" t="s">
        <v>22</v>
      </c>
      <c r="O2741" s="10" t="s">
        <v>22</v>
      </c>
      <c r="P2741" s="10" t="s">
        <v>22</v>
      </c>
      <c r="Q2741" s="10" t="s">
        <v>22</v>
      </c>
      <c r="R2741" s="10" t="s">
        <v>22</v>
      </c>
      <c r="S2741" s="10" t="s">
        <v>22</v>
      </c>
      <c r="T2741" s="10" t="s">
        <v>22</v>
      </c>
      <c r="U2741" s="10" t="s">
        <v>22</v>
      </c>
      <c r="V2741" s="10" t="s">
        <v>22</v>
      </c>
      <c r="W2741" s="10" t="s">
        <v>22</v>
      </c>
      <c r="X2741" s="10" t="s">
        <v>22</v>
      </c>
      <c r="Y2741" s="10" t="s">
        <v>22</v>
      </c>
      <c r="Z2741" s="10" t="s">
        <v>22</v>
      </c>
    </row>
    <row r="2742" spans="1:26" ht="24" customHeight="1" x14ac:dyDescent="0.2">
      <c r="A2742" s="9" t="s">
        <v>19983</v>
      </c>
      <c r="B2742" s="9" t="s">
        <v>14</v>
      </c>
      <c r="C2742" s="9" t="s">
        <v>13061</v>
      </c>
      <c r="D2742" s="6" t="s">
        <v>13062</v>
      </c>
      <c r="E2742" s="22">
        <v>45044</v>
      </c>
      <c r="F2742" s="22">
        <v>46870</v>
      </c>
      <c r="G2742" s="6" t="s">
        <v>13063</v>
      </c>
      <c r="H2742" s="6" t="s">
        <v>62</v>
      </c>
      <c r="I2742" s="6" t="s">
        <v>414</v>
      </c>
      <c r="J2742" s="6" t="s">
        <v>13064</v>
      </c>
      <c r="K2742" s="9" t="s">
        <v>16320</v>
      </c>
      <c r="L2742" s="10" t="s">
        <v>22</v>
      </c>
      <c r="M2742" s="10" t="s">
        <v>22</v>
      </c>
      <c r="N2742" s="10" t="s">
        <v>22</v>
      </c>
      <c r="O2742" s="10" t="s">
        <v>22</v>
      </c>
      <c r="P2742" s="10" t="s">
        <v>22</v>
      </c>
      <c r="Q2742" s="10" t="s">
        <v>22</v>
      </c>
      <c r="R2742" s="10" t="s">
        <v>22</v>
      </c>
      <c r="S2742" s="10" t="s">
        <v>22</v>
      </c>
      <c r="T2742" s="10" t="s">
        <v>22</v>
      </c>
      <c r="U2742" s="10" t="s">
        <v>22</v>
      </c>
      <c r="V2742" s="10" t="s">
        <v>22</v>
      </c>
      <c r="W2742" s="10" t="s">
        <v>22</v>
      </c>
      <c r="X2742" s="10" t="s">
        <v>22</v>
      </c>
      <c r="Y2742" s="10" t="s">
        <v>22</v>
      </c>
      <c r="Z2742" s="10" t="s">
        <v>22</v>
      </c>
    </row>
    <row r="2743" spans="1:26" ht="24" customHeight="1" x14ac:dyDescent="0.2">
      <c r="A2743" s="9" t="s">
        <v>19984</v>
      </c>
      <c r="B2743" s="9" t="s">
        <v>14</v>
      </c>
      <c r="C2743" s="9" t="s">
        <v>13065</v>
      </c>
      <c r="D2743" s="6" t="s">
        <v>13066</v>
      </c>
      <c r="E2743" s="22">
        <v>45057</v>
      </c>
      <c r="F2743" s="22">
        <v>46883</v>
      </c>
      <c r="G2743" s="6" t="s">
        <v>13067</v>
      </c>
      <c r="H2743" s="6" t="s">
        <v>18</v>
      </c>
      <c r="I2743" s="6" t="s">
        <v>19</v>
      </c>
      <c r="J2743" s="6" t="s">
        <v>1156</v>
      </c>
      <c r="K2743" s="9" t="s">
        <v>16321</v>
      </c>
      <c r="L2743" s="10" t="s">
        <v>22</v>
      </c>
      <c r="M2743" s="10" t="s">
        <v>22</v>
      </c>
      <c r="N2743" s="10" t="s">
        <v>22</v>
      </c>
      <c r="O2743" s="10" t="s">
        <v>22</v>
      </c>
      <c r="P2743" s="10" t="s">
        <v>22</v>
      </c>
      <c r="Q2743" s="10" t="s">
        <v>22</v>
      </c>
      <c r="R2743" s="10" t="s">
        <v>22</v>
      </c>
      <c r="S2743" s="10" t="s">
        <v>22</v>
      </c>
      <c r="T2743" s="10" t="s">
        <v>22</v>
      </c>
      <c r="U2743" s="10" t="s">
        <v>22</v>
      </c>
      <c r="V2743" s="10" t="s">
        <v>22</v>
      </c>
      <c r="W2743" s="10" t="s">
        <v>22</v>
      </c>
      <c r="X2743" s="10" t="s">
        <v>22</v>
      </c>
      <c r="Y2743" s="10" t="s">
        <v>22</v>
      </c>
      <c r="Z2743" s="10" t="s">
        <v>22</v>
      </c>
    </row>
    <row r="2744" spans="1:26" ht="24" customHeight="1" x14ac:dyDescent="0.2">
      <c r="A2744" s="9" t="s">
        <v>19985</v>
      </c>
      <c r="B2744" s="9" t="s">
        <v>14</v>
      </c>
      <c r="C2744" s="9" t="s">
        <v>13068</v>
      </c>
      <c r="D2744" s="6" t="s">
        <v>13069</v>
      </c>
      <c r="E2744" s="22">
        <v>45057</v>
      </c>
      <c r="F2744" s="22">
        <v>46883</v>
      </c>
      <c r="G2744" s="6" t="s">
        <v>13070</v>
      </c>
      <c r="H2744" s="6" t="s">
        <v>202</v>
      </c>
      <c r="I2744" s="6" t="s">
        <v>6179</v>
      </c>
      <c r="J2744" s="6" t="s">
        <v>13071</v>
      </c>
      <c r="K2744" s="9" t="s">
        <v>16322</v>
      </c>
      <c r="L2744" s="10" t="s">
        <v>22</v>
      </c>
      <c r="M2744" s="10" t="s">
        <v>22</v>
      </c>
      <c r="N2744" s="10" t="s">
        <v>22</v>
      </c>
      <c r="O2744" s="10" t="s">
        <v>22</v>
      </c>
      <c r="P2744" s="10" t="s">
        <v>22</v>
      </c>
      <c r="Q2744" s="10" t="s">
        <v>22</v>
      </c>
      <c r="R2744" s="10" t="s">
        <v>22</v>
      </c>
      <c r="S2744" s="10" t="s">
        <v>22</v>
      </c>
      <c r="T2744" s="10" t="s">
        <v>22</v>
      </c>
      <c r="U2744" s="10" t="s">
        <v>22</v>
      </c>
      <c r="V2744" s="10" t="s">
        <v>22</v>
      </c>
      <c r="W2744" s="10" t="s">
        <v>22</v>
      </c>
      <c r="X2744" s="10" t="s">
        <v>22</v>
      </c>
      <c r="Y2744" s="10" t="s">
        <v>22</v>
      </c>
      <c r="Z2744" s="10" t="s">
        <v>22</v>
      </c>
    </row>
    <row r="2745" spans="1:26" ht="24" customHeight="1" x14ac:dyDescent="0.2">
      <c r="A2745" s="9" t="s">
        <v>19986</v>
      </c>
      <c r="B2745" s="9" t="s">
        <v>14</v>
      </c>
      <c r="C2745" s="9" t="s">
        <v>13072</v>
      </c>
      <c r="D2745" s="6" t="s">
        <v>13073</v>
      </c>
      <c r="E2745" s="22">
        <v>45057</v>
      </c>
      <c r="F2745" s="22">
        <v>46883</v>
      </c>
      <c r="G2745" s="6" t="s">
        <v>13074</v>
      </c>
      <c r="H2745" s="6" t="s">
        <v>62</v>
      </c>
      <c r="I2745" s="6" t="s">
        <v>1125</v>
      </c>
      <c r="J2745" s="6" t="s">
        <v>13075</v>
      </c>
      <c r="K2745" s="9" t="s">
        <v>16323</v>
      </c>
      <c r="L2745" s="10" t="s">
        <v>22</v>
      </c>
      <c r="M2745" s="10" t="s">
        <v>22</v>
      </c>
      <c r="N2745" s="10" t="s">
        <v>22</v>
      </c>
      <c r="O2745" s="10" t="s">
        <v>22</v>
      </c>
      <c r="P2745" s="10" t="s">
        <v>22</v>
      </c>
      <c r="Q2745" s="10" t="s">
        <v>22</v>
      </c>
      <c r="R2745" s="10" t="s">
        <v>22</v>
      </c>
      <c r="S2745" s="10" t="s">
        <v>22</v>
      </c>
      <c r="T2745" s="10" t="s">
        <v>22</v>
      </c>
      <c r="U2745" s="10" t="s">
        <v>22</v>
      </c>
      <c r="V2745" s="10" t="s">
        <v>22</v>
      </c>
      <c r="W2745" s="10" t="s">
        <v>22</v>
      </c>
      <c r="X2745" s="10" t="s">
        <v>22</v>
      </c>
      <c r="Y2745" s="10" t="s">
        <v>22</v>
      </c>
      <c r="Z2745" s="10" t="s">
        <v>22</v>
      </c>
    </row>
    <row r="2746" spans="1:26" ht="24" customHeight="1" x14ac:dyDescent="0.2">
      <c r="A2746" s="9" t="s">
        <v>19987</v>
      </c>
      <c r="B2746" s="9" t="s">
        <v>14</v>
      </c>
      <c r="C2746" s="9" t="s">
        <v>13076</v>
      </c>
      <c r="D2746" s="6" t="s">
        <v>13077</v>
      </c>
      <c r="E2746" s="22">
        <v>45063</v>
      </c>
      <c r="F2746" s="22">
        <v>46889</v>
      </c>
      <c r="G2746" s="6" t="s">
        <v>13078</v>
      </c>
      <c r="H2746" s="6" t="s">
        <v>62</v>
      </c>
      <c r="I2746" s="6" t="s">
        <v>73</v>
      </c>
      <c r="J2746" s="6" t="s">
        <v>13079</v>
      </c>
      <c r="K2746" s="9" t="s">
        <v>16324</v>
      </c>
      <c r="L2746" s="10" t="s">
        <v>22</v>
      </c>
      <c r="M2746" s="10" t="s">
        <v>22</v>
      </c>
      <c r="N2746" s="10" t="s">
        <v>22</v>
      </c>
      <c r="O2746" s="10" t="s">
        <v>22</v>
      </c>
      <c r="P2746" s="10" t="s">
        <v>22</v>
      </c>
      <c r="Q2746" s="10" t="s">
        <v>22</v>
      </c>
      <c r="R2746" s="10" t="s">
        <v>22</v>
      </c>
      <c r="S2746" s="10" t="s">
        <v>22</v>
      </c>
      <c r="T2746" s="10" t="s">
        <v>22</v>
      </c>
      <c r="U2746" s="10" t="s">
        <v>22</v>
      </c>
      <c r="V2746" s="10" t="s">
        <v>22</v>
      </c>
      <c r="W2746" s="10" t="s">
        <v>22</v>
      </c>
      <c r="X2746" s="10" t="s">
        <v>22</v>
      </c>
      <c r="Y2746" s="10" t="s">
        <v>22</v>
      </c>
      <c r="Z2746" s="10" t="s">
        <v>22</v>
      </c>
    </row>
    <row r="2747" spans="1:26" ht="24" customHeight="1" x14ac:dyDescent="0.2">
      <c r="A2747" s="9" t="s">
        <v>19988</v>
      </c>
      <c r="B2747" s="9" t="s">
        <v>14</v>
      </c>
      <c r="C2747" s="9" t="s">
        <v>13080</v>
      </c>
      <c r="D2747" s="6" t="s">
        <v>13081</v>
      </c>
      <c r="E2747" s="22">
        <v>45063</v>
      </c>
      <c r="F2747" s="22">
        <v>46889</v>
      </c>
      <c r="G2747" s="6" t="s">
        <v>13082</v>
      </c>
      <c r="H2747" s="6" t="s">
        <v>62</v>
      </c>
      <c r="I2747" s="6" t="s">
        <v>493</v>
      </c>
      <c r="J2747" s="6" t="s">
        <v>13083</v>
      </c>
      <c r="L2747" s="10" t="s">
        <v>22</v>
      </c>
      <c r="M2747" s="10" t="s">
        <v>22</v>
      </c>
      <c r="N2747" s="10" t="s">
        <v>22</v>
      </c>
      <c r="O2747" s="10" t="s">
        <v>22</v>
      </c>
      <c r="P2747" s="10" t="s">
        <v>22</v>
      </c>
      <c r="Q2747" s="10" t="s">
        <v>22</v>
      </c>
      <c r="R2747" s="10" t="s">
        <v>22</v>
      </c>
      <c r="S2747" s="10" t="s">
        <v>22</v>
      </c>
      <c r="T2747" s="10" t="s">
        <v>22</v>
      </c>
      <c r="U2747" s="10" t="s">
        <v>22</v>
      </c>
      <c r="V2747" s="10" t="s">
        <v>22</v>
      </c>
      <c r="W2747" s="10" t="s">
        <v>22</v>
      </c>
      <c r="X2747" s="10" t="s">
        <v>22</v>
      </c>
      <c r="Y2747" s="10" t="s">
        <v>22</v>
      </c>
      <c r="Z2747" s="10" t="s">
        <v>22</v>
      </c>
    </row>
    <row r="2748" spans="1:26" ht="24" customHeight="1" x14ac:dyDescent="0.2">
      <c r="A2748" s="9" t="s">
        <v>19989</v>
      </c>
      <c r="B2748" s="9" t="s">
        <v>14</v>
      </c>
      <c r="C2748" s="9" t="s">
        <v>13084</v>
      </c>
      <c r="D2748" s="6" t="s">
        <v>13085</v>
      </c>
      <c r="E2748" s="22">
        <v>45063</v>
      </c>
      <c r="F2748" s="22">
        <v>46889</v>
      </c>
      <c r="G2748" s="6" t="s">
        <v>13086</v>
      </c>
      <c r="H2748" s="6" t="s">
        <v>62</v>
      </c>
      <c r="I2748" s="6" t="s">
        <v>842</v>
      </c>
      <c r="J2748" s="6" t="s">
        <v>13056</v>
      </c>
      <c r="K2748" s="9" t="s">
        <v>16325</v>
      </c>
      <c r="L2748" s="10" t="s">
        <v>22</v>
      </c>
      <c r="M2748" s="10" t="s">
        <v>22</v>
      </c>
      <c r="N2748" s="10" t="s">
        <v>22</v>
      </c>
      <c r="O2748" s="10" t="s">
        <v>22</v>
      </c>
      <c r="P2748" s="10" t="s">
        <v>22</v>
      </c>
      <c r="Q2748" s="10" t="s">
        <v>22</v>
      </c>
      <c r="R2748" s="10" t="s">
        <v>22</v>
      </c>
      <c r="S2748" s="10" t="s">
        <v>22</v>
      </c>
      <c r="T2748" s="10" t="s">
        <v>22</v>
      </c>
      <c r="U2748" s="10" t="s">
        <v>22</v>
      </c>
      <c r="V2748" s="10" t="s">
        <v>22</v>
      </c>
      <c r="W2748" s="10" t="s">
        <v>22</v>
      </c>
      <c r="X2748" s="10" t="s">
        <v>22</v>
      </c>
      <c r="Y2748" s="10" t="s">
        <v>22</v>
      </c>
      <c r="Z2748" s="10" t="s">
        <v>22</v>
      </c>
    </row>
    <row r="2749" spans="1:26" ht="24" customHeight="1" x14ac:dyDescent="0.2">
      <c r="A2749" s="9" t="s">
        <v>19990</v>
      </c>
      <c r="B2749" s="9" t="s">
        <v>14</v>
      </c>
      <c r="C2749" s="9" t="s">
        <v>13087</v>
      </c>
      <c r="D2749" s="6" t="s">
        <v>13088</v>
      </c>
      <c r="E2749" s="22">
        <v>45063</v>
      </c>
      <c r="F2749" s="22">
        <v>46889</v>
      </c>
      <c r="G2749" s="6" t="s">
        <v>13089</v>
      </c>
      <c r="H2749" s="6" t="s">
        <v>18</v>
      </c>
      <c r="I2749" s="6" t="s">
        <v>19</v>
      </c>
      <c r="J2749" s="6" t="s">
        <v>13090</v>
      </c>
      <c r="K2749" s="9" t="s">
        <v>16326</v>
      </c>
      <c r="M2749" s="10" t="s">
        <v>22</v>
      </c>
      <c r="N2749" s="10" t="s">
        <v>22</v>
      </c>
      <c r="V2749" s="10" t="s">
        <v>22</v>
      </c>
      <c r="W2749" s="10" t="s">
        <v>22</v>
      </c>
    </row>
    <row r="2750" spans="1:26" ht="24" customHeight="1" x14ac:dyDescent="0.2">
      <c r="A2750" s="9" t="s">
        <v>19991</v>
      </c>
      <c r="B2750" s="9" t="s">
        <v>14</v>
      </c>
      <c r="C2750" s="9" t="s">
        <v>13091</v>
      </c>
      <c r="D2750" s="6" t="s">
        <v>13092</v>
      </c>
      <c r="E2750" s="22">
        <v>45063</v>
      </c>
      <c r="F2750" s="22">
        <v>46889</v>
      </c>
      <c r="G2750" s="6" t="s">
        <v>13093</v>
      </c>
      <c r="H2750" s="6" t="s">
        <v>18</v>
      </c>
      <c r="I2750" s="6" t="s">
        <v>172</v>
      </c>
      <c r="J2750" s="6" t="s">
        <v>13094</v>
      </c>
      <c r="K2750" s="9" t="s">
        <v>16327</v>
      </c>
      <c r="L2750" s="10" t="s">
        <v>22</v>
      </c>
      <c r="M2750" s="10" t="s">
        <v>22</v>
      </c>
      <c r="N2750" s="10" t="s">
        <v>22</v>
      </c>
      <c r="O2750" s="10" t="s">
        <v>22</v>
      </c>
      <c r="P2750" s="10" t="s">
        <v>22</v>
      </c>
      <c r="Q2750" s="10" t="s">
        <v>22</v>
      </c>
      <c r="U2750" s="10" t="s">
        <v>22</v>
      </c>
      <c r="V2750" s="10" t="s">
        <v>22</v>
      </c>
      <c r="W2750" s="10" t="s">
        <v>22</v>
      </c>
      <c r="X2750" s="10" t="s">
        <v>22</v>
      </c>
      <c r="Y2750" s="10" t="s">
        <v>22</v>
      </c>
      <c r="Z2750" s="10" t="s">
        <v>22</v>
      </c>
    </row>
    <row r="2751" spans="1:26" ht="24" customHeight="1" x14ac:dyDescent="0.2">
      <c r="A2751" s="9" t="s">
        <v>19992</v>
      </c>
      <c r="B2751" s="9" t="s">
        <v>14</v>
      </c>
      <c r="C2751" s="9" t="s">
        <v>13095</v>
      </c>
      <c r="D2751" s="6" t="s">
        <v>13096</v>
      </c>
      <c r="E2751" s="22">
        <v>45063</v>
      </c>
      <c r="F2751" s="22">
        <v>46889</v>
      </c>
      <c r="G2751" s="6" t="s">
        <v>13097</v>
      </c>
      <c r="H2751" s="6" t="s">
        <v>202</v>
      </c>
      <c r="I2751" s="6" t="s">
        <v>6216</v>
      </c>
      <c r="J2751" s="6" t="s">
        <v>13098</v>
      </c>
      <c r="K2751" s="9" t="s">
        <v>16328</v>
      </c>
      <c r="L2751" s="10" t="s">
        <v>22</v>
      </c>
      <c r="M2751" s="10" t="s">
        <v>22</v>
      </c>
      <c r="N2751" s="10" t="s">
        <v>22</v>
      </c>
      <c r="O2751" s="10" t="s">
        <v>22</v>
      </c>
      <c r="P2751" s="10" t="s">
        <v>22</v>
      </c>
      <c r="Q2751" s="10" t="s">
        <v>22</v>
      </c>
      <c r="R2751" s="10" t="s">
        <v>22</v>
      </c>
      <c r="S2751" s="10" t="s">
        <v>22</v>
      </c>
      <c r="T2751" s="10" t="s">
        <v>22</v>
      </c>
      <c r="U2751" s="10" t="s">
        <v>22</v>
      </c>
      <c r="V2751" s="10" t="s">
        <v>22</v>
      </c>
      <c r="W2751" s="10" t="s">
        <v>22</v>
      </c>
      <c r="X2751" s="10" t="s">
        <v>22</v>
      </c>
      <c r="Y2751" s="10" t="s">
        <v>22</v>
      </c>
      <c r="Z2751" s="10" t="s">
        <v>22</v>
      </c>
    </row>
    <row r="2752" spans="1:26" ht="24" customHeight="1" x14ac:dyDescent="0.2">
      <c r="A2752" s="9" t="s">
        <v>19993</v>
      </c>
      <c r="B2752" s="9" t="s">
        <v>14</v>
      </c>
      <c r="C2752" s="9" t="s">
        <v>13099</v>
      </c>
      <c r="D2752" s="6" t="s">
        <v>13100</v>
      </c>
      <c r="E2752" s="22">
        <v>45064</v>
      </c>
      <c r="F2752" s="22">
        <v>46890</v>
      </c>
      <c r="G2752" s="6" t="s">
        <v>13101</v>
      </c>
      <c r="H2752" s="6" t="s">
        <v>202</v>
      </c>
      <c r="I2752" s="6" t="s">
        <v>2992</v>
      </c>
      <c r="J2752" s="6" t="s">
        <v>13102</v>
      </c>
      <c r="K2752" s="9" t="s">
        <v>16329</v>
      </c>
      <c r="L2752" s="10" t="s">
        <v>22</v>
      </c>
      <c r="M2752" s="10" t="s">
        <v>22</v>
      </c>
      <c r="N2752" s="10" t="s">
        <v>22</v>
      </c>
      <c r="O2752" s="10" t="s">
        <v>22</v>
      </c>
      <c r="P2752" s="10" t="s">
        <v>22</v>
      </c>
      <c r="Q2752" s="10" t="s">
        <v>22</v>
      </c>
      <c r="R2752" s="10" t="s">
        <v>22</v>
      </c>
      <c r="S2752" s="10" t="s">
        <v>22</v>
      </c>
      <c r="T2752" s="10" t="s">
        <v>22</v>
      </c>
      <c r="U2752" s="10" t="s">
        <v>22</v>
      </c>
      <c r="V2752" s="10" t="s">
        <v>22</v>
      </c>
      <c r="W2752" s="10" t="s">
        <v>22</v>
      </c>
      <c r="X2752" s="10" t="s">
        <v>22</v>
      </c>
      <c r="Y2752" s="10" t="s">
        <v>22</v>
      </c>
      <c r="Z2752" s="10" t="s">
        <v>22</v>
      </c>
    </row>
    <row r="2753" spans="1:26" ht="24" customHeight="1" x14ac:dyDescent="0.2">
      <c r="A2753" s="9" t="s">
        <v>19994</v>
      </c>
      <c r="B2753" s="9" t="s">
        <v>14</v>
      </c>
      <c r="C2753" s="9" t="s">
        <v>13103</v>
      </c>
      <c r="D2753" s="6" t="s">
        <v>13104</v>
      </c>
      <c r="E2753" s="22">
        <v>45071</v>
      </c>
      <c r="F2753" s="22">
        <v>46897</v>
      </c>
      <c r="G2753" s="6" t="s">
        <v>13105</v>
      </c>
      <c r="H2753" s="6" t="s">
        <v>18</v>
      </c>
      <c r="I2753" s="6" t="s">
        <v>19</v>
      </c>
      <c r="J2753" s="6" t="s">
        <v>13106</v>
      </c>
      <c r="K2753" s="9" t="s">
        <v>16330</v>
      </c>
      <c r="M2753" s="10" t="s">
        <v>22</v>
      </c>
      <c r="N2753" s="10" t="s">
        <v>22</v>
      </c>
      <c r="V2753" s="10" t="s">
        <v>22</v>
      </c>
      <c r="W2753" s="10" t="s">
        <v>22</v>
      </c>
    </row>
    <row r="2754" spans="1:26" ht="24" customHeight="1" x14ac:dyDescent="0.2">
      <c r="A2754" s="9" t="s">
        <v>19995</v>
      </c>
      <c r="B2754" s="9" t="s">
        <v>14</v>
      </c>
      <c r="C2754" s="9" t="s">
        <v>13107</v>
      </c>
      <c r="D2754" s="6" t="s">
        <v>13108</v>
      </c>
      <c r="E2754" s="22">
        <v>45071</v>
      </c>
      <c r="F2754" s="22">
        <v>46897</v>
      </c>
      <c r="G2754" s="6" t="s">
        <v>13109</v>
      </c>
      <c r="H2754" s="6" t="s">
        <v>18</v>
      </c>
      <c r="I2754" s="6" t="s">
        <v>19</v>
      </c>
      <c r="J2754" s="6" t="s">
        <v>13110</v>
      </c>
      <c r="K2754" s="9" t="s">
        <v>16331</v>
      </c>
      <c r="M2754" s="10" t="s">
        <v>22</v>
      </c>
      <c r="N2754" s="10" t="s">
        <v>22</v>
      </c>
      <c r="V2754" s="10" t="s">
        <v>22</v>
      </c>
      <c r="W2754" s="10" t="s">
        <v>22</v>
      </c>
    </row>
    <row r="2755" spans="1:26" ht="24" customHeight="1" x14ac:dyDescent="0.2">
      <c r="A2755" s="9" t="s">
        <v>19996</v>
      </c>
      <c r="B2755" s="9" t="s">
        <v>14</v>
      </c>
      <c r="C2755" s="9" t="s">
        <v>13111</v>
      </c>
      <c r="D2755" s="6" t="s">
        <v>13112</v>
      </c>
      <c r="E2755" s="22">
        <v>45071</v>
      </c>
      <c r="F2755" s="22">
        <v>46897</v>
      </c>
      <c r="G2755" s="6" t="s">
        <v>13113</v>
      </c>
      <c r="H2755" s="6" t="s">
        <v>62</v>
      </c>
      <c r="I2755" s="6" t="s">
        <v>493</v>
      </c>
      <c r="J2755" s="6" t="s">
        <v>13114</v>
      </c>
      <c r="K2755" s="9" t="s">
        <v>16332</v>
      </c>
      <c r="M2755" s="10" t="s">
        <v>22</v>
      </c>
      <c r="N2755" s="10" t="s">
        <v>22</v>
      </c>
      <c r="P2755" s="10" t="s">
        <v>22</v>
      </c>
      <c r="Q2755" s="10" t="s">
        <v>22</v>
      </c>
    </row>
    <row r="2756" spans="1:26" ht="24" customHeight="1" x14ac:dyDescent="0.2">
      <c r="A2756" s="9" t="s">
        <v>19997</v>
      </c>
      <c r="B2756" s="9" t="s">
        <v>14</v>
      </c>
      <c r="C2756" s="9" t="s">
        <v>13115</v>
      </c>
      <c r="D2756" s="6" t="s">
        <v>13116</v>
      </c>
      <c r="E2756" s="22">
        <v>45071</v>
      </c>
      <c r="F2756" s="22">
        <v>46897</v>
      </c>
      <c r="G2756" s="6" t="s">
        <v>13117</v>
      </c>
      <c r="H2756" s="6" t="s">
        <v>18</v>
      </c>
      <c r="I2756" s="6" t="s">
        <v>7031</v>
      </c>
      <c r="J2756" s="6" t="s">
        <v>13118</v>
      </c>
      <c r="L2756" s="10" t="s">
        <v>22</v>
      </c>
      <c r="M2756" s="10" t="s">
        <v>22</v>
      </c>
      <c r="N2756" s="10" t="s">
        <v>22</v>
      </c>
      <c r="O2756" s="10" t="s">
        <v>22</v>
      </c>
      <c r="P2756" s="10" t="s">
        <v>22</v>
      </c>
      <c r="Q2756" s="10" t="s">
        <v>22</v>
      </c>
      <c r="R2756" s="10" t="s">
        <v>22</v>
      </c>
      <c r="S2756" s="10" t="s">
        <v>22</v>
      </c>
      <c r="T2756" s="10" t="s">
        <v>22</v>
      </c>
      <c r="U2756" s="10" t="s">
        <v>22</v>
      </c>
      <c r="V2756" s="10" t="s">
        <v>22</v>
      </c>
      <c r="W2756" s="10" t="s">
        <v>22</v>
      </c>
      <c r="X2756" s="10" t="s">
        <v>22</v>
      </c>
      <c r="Y2756" s="10" t="s">
        <v>22</v>
      </c>
      <c r="Z2756" s="10" t="s">
        <v>22</v>
      </c>
    </row>
    <row r="2757" spans="1:26" ht="24" customHeight="1" x14ac:dyDescent="0.2">
      <c r="A2757" s="9" t="s">
        <v>19998</v>
      </c>
      <c r="B2757" s="9" t="s">
        <v>14</v>
      </c>
      <c r="C2757" s="9" t="s">
        <v>13119</v>
      </c>
      <c r="D2757" s="6" t="s">
        <v>13120</v>
      </c>
      <c r="E2757" s="22">
        <v>45075</v>
      </c>
      <c r="F2757" s="22">
        <v>46901</v>
      </c>
      <c r="G2757" s="6" t="s">
        <v>13121</v>
      </c>
      <c r="H2757" s="6" t="s">
        <v>363</v>
      </c>
      <c r="I2757" s="6" t="s">
        <v>364</v>
      </c>
      <c r="J2757" s="6" t="s">
        <v>13122</v>
      </c>
      <c r="K2757" s="9" t="s">
        <v>16333</v>
      </c>
      <c r="L2757" s="10" t="s">
        <v>22</v>
      </c>
      <c r="M2757" s="10" t="s">
        <v>22</v>
      </c>
      <c r="N2757" s="10" t="s">
        <v>22</v>
      </c>
      <c r="O2757" s="10" t="s">
        <v>22</v>
      </c>
      <c r="P2757" s="10" t="s">
        <v>22</v>
      </c>
      <c r="Q2757" s="10" t="s">
        <v>22</v>
      </c>
      <c r="R2757" s="10" t="s">
        <v>22</v>
      </c>
      <c r="S2757" s="10" t="s">
        <v>22</v>
      </c>
      <c r="T2757" s="10" t="s">
        <v>22</v>
      </c>
      <c r="U2757" s="10" t="s">
        <v>22</v>
      </c>
      <c r="V2757" s="10" t="s">
        <v>22</v>
      </c>
      <c r="W2757" s="10" t="s">
        <v>22</v>
      </c>
      <c r="X2757" s="10" t="s">
        <v>22</v>
      </c>
      <c r="Y2757" s="10" t="s">
        <v>22</v>
      </c>
      <c r="Z2757" s="10" t="s">
        <v>22</v>
      </c>
    </row>
    <row r="2758" spans="1:26" ht="24" customHeight="1" x14ac:dyDescent="0.2">
      <c r="A2758" s="9" t="s">
        <v>19999</v>
      </c>
      <c r="B2758" s="9" t="s">
        <v>14</v>
      </c>
      <c r="C2758" s="9" t="s">
        <v>13123</v>
      </c>
      <c r="D2758" s="6" t="s">
        <v>13124</v>
      </c>
      <c r="E2758" s="22">
        <v>45075</v>
      </c>
      <c r="F2758" s="22">
        <v>46901</v>
      </c>
      <c r="G2758" s="6" t="s">
        <v>13125</v>
      </c>
      <c r="H2758" s="6" t="s">
        <v>202</v>
      </c>
      <c r="I2758" s="6" t="s">
        <v>3050</v>
      </c>
      <c r="J2758" s="6" t="s">
        <v>13126</v>
      </c>
      <c r="K2758" s="9" t="s">
        <v>16334</v>
      </c>
      <c r="L2758" s="10" t="s">
        <v>22</v>
      </c>
      <c r="M2758" s="10" t="s">
        <v>22</v>
      </c>
      <c r="N2758" s="10" t="s">
        <v>22</v>
      </c>
      <c r="R2758" s="10" t="s">
        <v>22</v>
      </c>
      <c r="S2758" s="10" t="s">
        <v>22</v>
      </c>
      <c r="T2758" s="10" t="s">
        <v>22</v>
      </c>
      <c r="U2758" s="10" t="s">
        <v>22</v>
      </c>
      <c r="V2758" s="10" t="s">
        <v>22</v>
      </c>
      <c r="W2758" s="10" t="s">
        <v>22</v>
      </c>
    </row>
    <row r="2759" spans="1:26" ht="24" customHeight="1" x14ac:dyDescent="0.2">
      <c r="A2759" s="9" t="s">
        <v>20000</v>
      </c>
      <c r="B2759" s="9" t="s">
        <v>14</v>
      </c>
      <c r="C2759" s="9" t="s">
        <v>13127</v>
      </c>
      <c r="D2759" s="6" t="s">
        <v>13128</v>
      </c>
      <c r="E2759" s="22">
        <v>45075</v>
      </c>
      <c r="F2759" s="22">
        <v>46901</v>
      </c>
      <c r="G2759" s="6" t="s">
        <v>13129</v>
      </c>
      <c r="H2759" s="6" t="s">
        <v>18</v>
      </c>
      <c r="I2759" s="6" t="s">
        <v>19</v>
      </c>
      <c r="J2759" s="6" t="s">
        <v>16335</v>
      </c>
      <c r="K2759" s="9" t="s">
        <v>16336</v>
      </c>
      <c r="L2759" s="10" t="s">
        <v>22</v>
      </c>
      <c r="M2759" s="10" t="s">
        <v>22</v>
      </c>
      <c r="N2759" s="10" t="s">
        <v>22</v>
      </c>
      <c r="O2759" s="10" t="s">
        <v>22</v>
      </c>
      <c r="P2759" s="10" t="s">
        <v>22</v>
      </c>
      <c r="Q2759" s="10" t="s">
        <v>22</v>
      </c>
      <c r="R2759" s="10" t="s">
        <v>22</v>
      </c>
      <c r="S2759" s="10" t="s">
        <v>22</v>
      </c>
      <c r="T2759" s="10" t="s">
        <v>22</v>
      </c>
      <c r="U2759" s="10" t="s">
        <v>22</v>
      </c>
      <c r="V2759" s="10" t="s">
        <v>22</v>
      </c>
      <c r="W2759" s="10" t="s">
        <v>22</v>
      </c>
      <c r="X2759" s="10" t="s">
        <v>22</v>
      </c>
      <c r="Y2759" s="10" t="s">
        <v>22</v>
      </c>
      <c r="Z2759" s="10" t="s">
        <v>22</v>
      </c>
    </row>
    <row r="2760" spans="1:26" ht="24" customHeight="1" x14ac:dyDescent="0.2">
      <c r="A2760" s="9" t="s">
        <v>20001</v>
      </c>
      <c r="B2760" s="9" t="s">
        <v>14</v>
      </c>
      <c r="C2760" s="9" t="s">
        <v>13130</v>
      </c>
      <c r="D2760" s="6" t="s">
        <v>13131</v>
      </c>
      <c r="E2760" s="22">
        <v>45083</v>
      </c>
      <c r="F2760" s="22">
        <v>46909</v>
      </c>
      <c r="G2760" s="6" t="s">
        <v>13132</v>
      </c>
      <c r="H2760" s="6" t="s">
        <v>202</v>
      </c>
      <c r="I2760" s="6" t="s">
        <v>879</v>
      </c>
      <c r="J2760" s="6" t="s">
        <v>13133</v>
      </c>
      <c r="K2760" s="9" t="s">
        <v>16337</v>
      </c>
      <c r="L2760" s="10" t="s">
        <v>22</v>
      </c>
      <c r="M2760" s="10" t="s">
        <v>22</v>
      </c>
      <c r="N2760" s="10" t="s">
        <v>22</v>
      </c>
      <c r="O2760" s="10" t="s">
        <v>22</v>
      </c>
      <c r="P2760" s="10" t="s">
        <v>22</v>
      </c>
      <c r="Q2760" s="10" t="s">
        <v>22</v>
      </c>
      <c r="R2760" s="10" t="s">
        <v>22</v>
      </c>
      <c r="S2760" s="10" t="s">
        <v>22</v>
      </c>
      <c r="T2760" s="10" t="s">
        <v>22</v>
      </c>
      <c r="U2760" s="10" t="s">
        <v>22</v>
      </c>
      <c r="V2760" s="10" t="s">
        <v>22</v>
      </c>
      <c r="W2760" s="10" t="s">
        <v>22</v>
      </c>
      <c r="X2760" s="10" t="s">
        <v>22</v>
      </c>
      <c r="Y2760" s="10" t="s">
        <v>22</v>
      </c>
      <c r="Z2760" s="10" t="s">
        <v>22</v>
      </c>
    </row>
    <row r="2761" spans="1:26" ht="24" customHeight="1" x14ac:dyDescent="0.2">
      <c r="A2761" s="9" t="s">
        <v>20002</v>
      </c>
      <c r="B2761" s="9" t="s">
        <v>14</v>
      </c>
      <c r="C2761" s="9" t="s">
        <v>13134</v>
      </c>
      <c r="D2761" s="6" t="s">
        <v>13135</v>
      </c>
      <c r="E2761" s="22">
        <v>45083</v>
      </c>
      <c r="F2761" s="22">
        <v>46909</v>
      </c>
      <c r="G2761" s="6" t="s">
        <v>13136</v>
      </c>
      <c r="H2761" s="6" t="s">
        <v>363</v>
      </c>
      <c r="I2761" s="6" t="s">
        <v>10264</v>
      </c>
      <c r="J2761" s="6" t="s">
        <v>13137</v>
      </c>
      <c r="K2761" s="9" t="s">
        <v>16338</v>
      </c>
      <c r="L2761" s="10" t="s">
        <v>22</v>
      </c>
      <c r="M2761" s="10" t="s">
        <v>22</v>
      </c>
      <c r="N2761" s="10" t="s">
        <v>22</v>
      </c>
      <c r="O2761" s="10" t="s">
        <v>22</v>
      </c>
      <c r="P2761" s="10" t="s">
        <v>22</v>
      </c>
      <c r="Q2761" s="10" t="s">
        <v>22</v>
      </c>
      <c r="R2761" s="10" t="s">
        <v>22</v>
      </c>
      <c r="S2761" s="10" t="s">
        <v>22</v>
      </c>
      <c r="T2761" s="10" t="s">
        <v>22</v>
      </c>
      <c r="U2761" s="10" t="s">
        <v>22</v>
      </c>
      <c r="V2761" s="10" t="s">
        <v>22</v>
      </c>
      <c r="W2761" s="10" t="s">
        <v>22</v>
      </c>
      <c r="X2761" s="10" t="s">
        <v>22</v>
      </c>
      <c r="Y2761" s="10" t="s">
        <v>22</v>
      </c>
      <c r="Z2761" s="10" t="s">
        <v>22</v>
      </c>
    </row>
    <row r="2762" spans="1:26" ht="24" customHeight="1" x14ac:dyDescent="0.2">
      <c r="A2762" s="9" t="s">
        <v>20003</v>
      </c>
      <c r="B2762" s="9" t="s">
        <v>14</v>
      </c>
      <c r="C2762" s="9" t="s">
        <v>13138</v>
      </c>
      <c r="D2762" s="6" t="s">
        <v>13139</v>
      </c>
      <c r="E2762" s="22">
        <v>45083</v>
      </c>
      <c r="F2762" s="22">
        <v>46909</v>
      </c>
      <c r="G2762" s="6" t="s">
        <v>13140</v>
      </c>
      <c r="H2762" s="6" t="s">
        <v>18</v>
      </c>
      <c r="I2762" s="6" t="s">
        <v>19</v>
      </c>
      <c r="J2762" s="6" t="s">
        <v>13141</v>
      </c>
      <c r="K2762" s="9" t="s">
        <v>16339</v>
      </c>
      <c r="L2762" s="10" t="s">
        <v>22</v>
      </c>
      <c r="M2762" s="10" t="s">
        <v>22</v>
      </c>
      <c r="N2762" s="10" t="s">
        <v>22</v>
      </c>
      <c r="O2762" s="10" t="s">
        <v>22</v>
      </c>
      <c r="P2762" s="10" t="s">
        <v>22</v>
      </c>
      <c r="Q2762" s="10" t="s">
        <v>22</v>
      </c>
      <c r="R2762" s="10" t="s">
        <v>22</v>
      </c>
      <c r="S2762" s="10" t="s">
        <v>22</v>
      </c>
      <c r="T2762" s="10" t="s">
        <v>22</v>
      </c>
      <c r="U2762" s="10" t="s">
        <v>22</v>
      </c>
      <c r="V2762" s="10" t="s">
        <v>22</v>
      </c>
      <c r="W2762" s="10" t="s">
        <v>22</v>
      </c>
      <c r="X2762" s="10" t="s">
        <v>22</v>
      </c>
      <c r="Y2762" s="10" t="s">
        <v>22</v>
      </c>
      <c r="Z2762" s="10" t="s">
        <v>22</v>
      </c>
    </row>
    <row r="2763" spans="1:26" ht="24" customHeight="1" x14ac:dyDescent="0.2">
      <c r="A2763" s="9" t="s">
        <v>20004</v>
      </c>
      <c r="B2763" s="9" t="s">
        <v>14</v>
      </c>
      <c r="C2763" s="9" t="s">
        <v>13142</v>
      </c>
      <c r="D2763" s="6" t="s">
        <v>13143</v>
      </c>
      <c r="E2763" s="22">
        <v>45085</v>
      </c>
      <c r="F2763" s="22">
        <v>46911</v>
      </c>
      <c r="G2763" s="6" t="s">
        <v>13144</v>
      </c>
      <c r="H2763" s="6" t="s">
        <v>202</v>
      </c>
      <c r="I2763" s="6" t="s">
        <v>954</v>
      </c>
      <c r="J2763" s="6" t="s">
        <v>13145</v>
      </c>
      <c r="K2763" s="9" t="s">
        <v>16340</v>
      </c>
      <c r="M2763" s="10" t="s">
        <v>22</v>
      </c>
      <c r="N2763" s="10" t="s">
        <v>22</v>
      </c>
      <c r="S2763" s="10" t="s">
        <v>22</v>
      </c>
      <c r="T2763" s="10" t="s">
        <v>22</v>
      </c>
      <c r="V2763" s="10" t="s">
        <v>22</v>
      </c>
      <c r="W2763" s="10" t="s">
        <v>22</v>
      </c>
    </row>
    <row r="2764" spans="1:26" ht="24" customHeight="1" x14ac:dyDescent="0.2">
      <c r="A2764" s="9" t="s">
        <v>20005</v>
      </c>
      <c r="B2764" s="9" t="s">
        <v>14</v>
      </c>
      <c r="C2764" s="9" t="s">
        <v>13146</v>
      </c>
      <c r="D2764" s="6" t="s">
        <v>13147</v>
      </c>
      <c r="E2764" s="22">
        <v>45085</v>
      </c>
      <c r="F2764" s="22">
        <v>46911</v>
      </c>
      <c r="G2764" s="6" t="s">
        <v>13148</v>
      </c>
      <c r="H2764" s="6" t="s">
        <v>62</v>
      </c>
      <c r="I2764" s="6" t="s">
        <v>493</v>
      </c>
      <c r="J2764" s="6" t="s">
        <v>13149</v>
      </c>
      <c r="L2764" s="10" t="s">
        <v>22</v>
      </c>
      <c r="M2764" s="10" t="s">
        <v>22</v>
      </c>
      <c r="N2764" s="10" t="s">
        <v>22</v>
      </c>
      <c r="R2764" s="10" t="s">
        <v>22</v>
      </c>
      <c r="S2764" s="10" t="s">
        <v>22</v>
      </c>
      <c r="T2764" s="10" t="s">
        <v>22</v>
      </c>
      <c r="U2764" s="10" t="s">
        <v>22</v>
      </c>
      <c r="V2764" s="10" t="s">
        <v>22</v>
      </c>
      <c r="W2764" s="10" t="s">
        <v>22</v>
      </c>
    </row>
    <row r="2765" spans="1:26" ht="24" customHeight="1" x14ac:dyDescent="0.2">
      <c r="A2765" s="9" t="s">
        <v>20006</v>
      </c>
      <c r="B2765" s="9" t="s">
        <v>14</v>
      </c>
      <c r="C2765" s="9" t="s">
        <v>13150</v>
      </c>
      <c r="D2765" s="6" t="s">
        <v>13151</v>
      </c>
      <c r="E2765" s="22">
        <v>45085</v>
      </c>
      <c r="F2765" s="22">
        <v>46911</v>
      </c>
      <c r="G2765" s="6" t="s">
        <v>13152</v>
      </c>
      <c r="H2765" s="6" t="s">
        <v>62</v>
      </c>
      <c r="I2765" s="6" t="s">
        <v>264</v>
      </c>
      <c r="J2765" s="6" t="s">
        <v>13153</v>
      </c>
      <c r="K2765" s="9" t="s">
        <v>16341</v>
      </c>
      <c r="L2765" s="10" t="s">
        <v>22</v>
      </c>
      <c r="M2765" s="10" t="s">
        <v>22</v>
      </c>
      <c r="N2765" s="10" t="s">
        <v>22</v>
      </c>
      <c r="O2765" s="10" t="s">
        <v>22</v>
      </c>
      <c r="P2765" s="10" t="s">
        <v>22</v>
      </c>
      <c r="Q2765" s="10" t="s">
        <v>22</v>
      </c>
      <c r="R2765" s="10" t="s">
        <v>22</v>
      </c>
      <c r="S2765" s="10" t="s">
        <v>22</v>
      </c>
      <c r="T2765" s="10" t="s">
        <v>22</v>
      </c>
      <c r="U2765" s="10" t="s">
        <v>22</v>
      </c>
      <c r="V2765" s="10" t="s">
        <v>22</v>
      </c>
      <c r="W2765" s="10" t="s">
        <v>22</v>
      </c>
      <c r="X2765" s="10" t="s">
        <v>22</v>
      </c>
      <c r="Y2765" s="10" t="s">
        <v>22</v>
      </c>
      <c r="Z2765" s="10" t="s">
        <v>22</v>
      </c>
    </row>
    <row r="2766" spans="1:26" ht="24" customHeight="1" x14ac:dyDescent="0.2">
      <c r="A2766" s="9" t="s">
        <v>20007</v>
      </c>
      <c r="B2766" s="9" t="s">
        <v>14</v>
      </c>
      <c r="C2766" s="9" t="s">
        <v>13154</v>
      </c>
      <c r="D2766" s="6" t="s">
        <v>13155</v>
      </c>
      <c r="E2766" s="22">
        <v>45085</v>
      </c>
      <c r="F2766" s="22">
        <v>46911</v>
      </c>
      <c r="G2766" s="6" t="s">
        <v>13156</v>
      </c>
      <c r="H2766" s="6" t="s">
        <v>18</v>
      </c>
      <c r="I2766" s="6" t="s">
        <v>19</v>
      </c>
      <c r="J2766" s="6" t="s">
        <v>13157</v>
      </c>
      <c r="K2766" s="9" t="s">
        <v>16342</v>
      </c>
      <c r="L2766" s="10" t="s">
        <v>22</v>
      </c>
      <c r="M2766" s="10" t="s">
        <v>22</v>
      </c>
      <c r="N2766" s="10" t="s">
        <v>22</v>
      </c>
      <c r="O2766" s="10" t="s">
        <v>22</v>
      </c>
      <c r="P2766" s="10" t="s">
        <v>22</v>
      </c>
      <c r="Q2766" s="10" t="s">
        <v>22</v>
      </c>
      <c r="R2766" s="10" t="s">
        <v>22</v>
      </c>
      <c r="S2766" s="10" t="s">
        <v>22</v>
      </c>
      <c r="T2766" s="10" t="s">
        <v>22</v>
      </c>
      <c r="U2766" s="10" t="s">
        <v>22</v>
      </c>
      <c r="V2766" s="10" t="s">
        <v>22</v>
      </c>
      <c r="W2766" s="10" t="s">
        <v>22</v>
      </c>
      <c r="X2766" s="10" t="s">
        <v>22</v>
      </c>
      <c r="Y2766" s="10" t="s">
        <v>22</v>
      </c>
      <c r="Z2766" s="10" t="s">
        <v>22</v>
      </c>
    </row>
    <row r="2767" spans="1:26" ht="24" customHeight="1" x14ac:dyDescent="0.2">
      <c r="A2767" s="9" t="s">
        <v>20008</v>
      </c>
      <c r="B2767" s="9" t="s">
        <v>14</v>
      </c>
      <c r="C2767" s="9" t="s">
        <v>13158</v>
      </c>
      <c r="D2767" s="6" t="s">
        <v>13159</v>
      </c>
      <c r="E2767" s="22">
        <v>45089</v>
      </c>
      <c r="F2767" s="22">
        <v>46915</v>
      </c>
      <c r="G2767" s="6" t="s">
        <v>13160</v>
      </c>
      <c r="H2767" s="6" t="s">
        <v>18</v>
      </c>
      <c r="I2767" s="6" t="s">
        <v>522</v>
      </c>
      <c r="J2767" s="6" t="s">
        <v>13161</v>
      </c>
      <c r="K2767" s="9" t="s">
        <v>16343</v>
      </c>
      <c r="L2767" s="10" t="s">
        <v>22</v>
      </c>
      <c r="M2767" s="10" t="s">
        <v>22</v>
      </c>
      <c r="N2767" s="10" t="s">
        <v>22</v>
      </c>
      <c r="O2767" s="10" t="s">
        <v>22</v>
      </c>
      <c r="P2767" s="10" t="s">
        <v>22</v>
      </c>
      <c r="Q2767" s="10" t="s">
        <v>22</v>
      </c>
      <c r="U2767" s="10" t="s">
        <v>22</v>
      </c>
      <c r="V2767" s="10" t="s">
        <v>22</v>
      </c>
      <c r="W2767" s="10" t="s">
        <v>22</v>
      </c>
      <c r="X2767" s="10" t="s">
        <v>22</v>
      </c>
      <c r="Y2767" s="10" t="s">
        <v>22</v>
      </c>
      <c r="Z2767" s="10" t="s">
        <v>22</v>
      </c>
    </row>
    <row r="2768" spans="1:26" ht="24" customHeight="1" x14ac:dyDescent="0.2">
      <c r="A2768" s="9" t="s">
        <v>20009</v>
      </c>
      <c r="B2768" s="9" t="s">
        <v>14</v>
      </c>
      <c r="C2768" s="9" t="s">
        <v>13162</v>
      </c>
      <c r="D2768" s="6" t="s">
        <v>13163</v>
      </c>
      <c r="E2768" s="22">
        <v>45089</v>
      </c>
      <c r="F2768" s="22">
        <v>46915</v>
      </c>
      <c r="G2768" s="6" t="s">
        <v>13164</v>
      </c>
      <c r="H2768" s="6" t="s">
        <v>202</v>
      </c>
      <c r="I2768" s="6" t="s">
        <v>863</v>
      </c>
      <c r="J2768" s="6" t="s">
        <v>13165</v>
      </c>
      <c r="K2768" s="9" t="s">
        <v>16344</v>
      </c>
      <c r="L2768" s="10" t="s">
        <v>22</v>
      </c>
      <c r="M2768" s="10" t="s">
        <v>22</v>
      </c>
      <c r="N2768" s="10" t="s">
        <v>22</v>
      </c>
      <c r="O2768" s="10" t="s">
        <v>22</v>
      </c>
      <c r="P2768" s="10" t="s">
        <v>22</v>
      </c>
      <c r="Q2768" s="10" t="s">
        <v>22</v>
      </c>
      <c r="R2768" s="10" t="s">
        <v>22</v>
      </c>
      <c r="S2768" s="10" t="s">
        <v>22</v>
      </c>
      <c r="T2768" s="10" t="s">
        <v>22</v>
      </c>
      <c r="U2768" s="10" t="s">
        <v>22</v>
      </c>
      <c r="V2768" s="10" t="s">
        <v>22</v>
      </c>
      <c r="W2768" s="10" t="s">
        <v>22</v>
      </c>
      <c r="X2768" s="10" t="s">
        <v>22</v>
      </c>
      <c r="Y2768" s="10" t="s">
        <v>22</v>
      </c>
      <c r="Z2768" s="10" t="s">
        <v>22</v>
      </c>
    </row>
    <row r="2769" spans="1:26" ht="24" customHeight="1" x14ac:dyDescent="0.2">
      <c r="A2769" s="9" t="s">
        <v>20010</v>
      </c>
      <c r="B2769" s="9" t="s">
        <v>14</v>
      </c>
      <c r="C2769" s="9" t="s">
        <v>13166</v>
      </c>
      <c r="D2769" s="6" t="s">
        <v>13167</v>
      </c>
      <c r="E2769" s="22">
        <v>45089</v>
      </c>
      <c r="F2769" s="22">
        <v>46915</v>
      </c>
      <c r="G2769" s="6" t="s">
        <v>13168</v>
      </c>
      <c r="H2769" s="6" t="s">
        <v>62</v>
      </c>
      <c r="I2769" s="6" t="s">
        <v>186</v>
      </c>
      <c r="J2769" s="6" t="s">
        <v>13169</v>
      </c>
      <c r="K2769" s="9" t="s">
        <v>16345</v>
      </c>
      <c r="N2769" s="10" t="s">
        <v>22</v>
      </c>
      <c r="W2769" s="10" t="s">
        <v>22</v>
      </c>
    </row>
    <row r="2770" spans="1:26" ht="24" customHeight="1" x14ac:dyDescent="0.2">
      <c r="A2770" s="9" t="s">
        <v>20011</v>
      </c>
      <c r="B2770" s="9" t="s">
        <v>14</v>
      </c>
      <c r="C2770" s="9" t="s">
        <v>13170</v>
      </c>
      <c r="D2770" s="6" t="s">
        <v>13171</v>
      </c>
      <c r="E2770" s="22">
        <v>45089</v>
      </c>
      <c r="F2770" s="22">
        <v>46915</v>
      </c>
      <c r="G2770" s="6" t="s">
        <v>13172</v>
      </c>
      <c r="H2770" s="6" t="s">
        <v>18</v>
      </c>
      <c r="I2770" s="6" t="s">
        <v>26</v>
      </c>
      <c r="J2770" s="6" t="s">
        <v>13173</v>
      </c>
      <c r="K2770" s="9" t="s">
        <v>16346</v>
      </c>
      <c r="M2770" s="10" t="s">
        <v>22</v>
      </c>
      <c r="N2770" s="10" t="s">
        <v>22</v>
      </c>
      <c r="P2770" s="10" t="s">
        <v>22</v>
      </c>
      <c r="Q2770" s="10" t="s">
        <v>22</v>
      </c>
      <c r="V2770" s="10" t="s">
        <v>22</v>
      </c>
      <c r="W2770" s="10" t="s">
        <v>22</v>
      </c>
      <c r="Y2770" s="10" t="s">
        <v>22</v>
      </c>
      <c r="Z2770" s="10" t="s">
        <v>22</v>
      </c>
    </row>
    <row r="2771" spans="1:26" ht="24" customHeight="1" x14ac:dyDescent="0.2">
      <c r="A2771" s="9" t="s">
        <v>20012</v>
      </c>
      <c r="B2771" s="9" t="s">
        <v>14</v>
      </c>
      <c r="C2771" s="9" t="s">
        <v>13174</v>
      </c>
      <c r="D2771" s="6" t="s">
        <v>13175</v>
      </c>
      <c r="E2771" s="22">
        <v>45091</v>
      </c>
      <c r="F2771" s="22">
        <v>46917</v>
      </c>
      <c r="G2771" s="6" t="s">
        <v>13176</v>
      </c>
      <c r="H2771" s="6" t="s">
        <v>363</v>
      </c>
      <c r="I2771" s="6" t="s">
        <v>10264</v>
      </c>
      <c r="J2771" s="6" t="s">
        <v>13177</v>
      </c>
      <c r="K2771" s="9" t="s">
        <v>16347</v>
      </c>
      <c r="L2771" s="10" t="s">
        <v>22</v>
      </c>
      <c r="M2771" s="10" t="s">
        <v>22</v>
      </c>
      <c r="N2771" s="10" t="s">
        <v>22</v>
      </c>
      <c r="O2771" s="10" t="s">
        <v>22</v>
      </c>
      <c r="P2771" s="10" t="s">
        <v>22</v>
      </c>
      <c r="Q2771" s="10" t="s">
        <v>22</v>
      </c>
      <c r="R2771" s="10" t="s">
        <v>22</v>
      </c>
      <c r="S2771" s="10" t="s">
        <v>22</v>
      </c>
      <c r="T2771" s="10" t="s">
        <v>22</v>
      </c>
      <c r="U2771" s="10" t="s">
        <v>22</v>
      </c>
      <c r="V2771" s="10" t="s">
        <v>22</v>
      </c>
      <c r="W2771" s="10" t="s">
        <v>22</v>
      </c>
      <c r="X2771" s="10" t="s">
        <v>22</v>
      </c>
      <c r="Y2771" s="10" t="s">
        <v>22</v>
      </c>
      <c r="Z2771" s="10" t="s">
        <v>22</v>
      </c>
    </row>
    <row r="2772" spans="1:26" ht="24" customHeight="1" x14ac:dyDescent="0.2">
      <c r="A2772" s="9" t="s">
        <v>20013</v>
      </c>
      <c r="B2772" s="9" t="s">
        <v>14</v>
      </c>
      <c r="C2772" s="9" t="s">
        <v>13178</v>
      </c>
      <c r="D2772" s="6" t="s">
        <v>13179</v>
      </c>
      <c r="E2772" s="22">
        <v>45093</v>
      </c>
      <c r="F2772" s="22">
        <v>46919</v>
      </c>
      <c r="G2772" s="6" t="s">
        <v>13180</v>
      </c>
      <c r="H2772" s="6" t="s">
        <v>13181</v>
      </c>
      <c r="I2772" s="6" t="s">
        <v>13182</v>
      </c>
      <c r="J2772" s="6" t="s">
        <v>13183</v>
      </c>
      <c r="K2772" s="9" t="s">
        <v>16348</v>
      </c>
      <c r="L2772" s="10" t="s">
        <v>22</v>
      </c>
      <c r="M2772" s="10" t="s">
        <v>22</v>
      </c>
      <c r="N2772" s="10" t="s">
        <v>22</v>
      </c>
      <c r="O2772" s="10" t="s">
        <v>22</v>
      </c>
      <c r="P2772" s="10" t="s">
        <v>22</v>
      </c>
      <c r="Q2772" s="10" t="s">
        <v>22</v>
      </c>
      <c r="R2772" s="10" t="s">
        <v>22</v>
      </c>
      <c r="S2772" s="10" t="s">
        <v>22</v>
      </c>
      <c r="T2772" s="10" t="s">
        <v>22</v>
      </c>
    </row>
    <row r="2773" spans="1:26" ht="24" customHeight="1" x14ac:dyDescent="0.2">
      <c r="A2773" s="9" t="s">
        <v>20014</v>
      </c>
      <c r="B2773" s="9" t="s">
        <v>14</v>
      </c>
      <c r="C2773" s="9" t="s">
        <v>13184</v>
      </c>
      <c r="D2773" s="6" t="s">
        <v>13185</v>
      </c>
      <c r="E2773" s="22">
        <v>45093</v>
      </c>
      <c r="F2773" s="22">
        <v>46919</v>
      </c>
      <c r="G2773" s="6" t="s">
        <v>13186</v>
      </c>
      <c r="H2773" s="6" t="s">
        <v>62</v>
      </c>
      <c r="I2773" s="6" t="s">
        <v>306</v>
      </c>
      <c r="J2773" s="6" t="s">
        <v>13187</v>
      </c>
      <c r="K2773" s="9" t="s">
        <v>16349</v>
      </c>
      <c r="L2773" s="10" t="s">
        <v>22</v>
      </c>
      <c r="M2773" s="10" t="s">
        <v>22</v>
      </c>
      <c r="N2773" s="10" t="s">
        <v>22</v>
      </c>
      <c r="O2773" s="10" t="s">
        <v>22</v>
      </c>
      <c r="P2773" s="10" t="s">
        <v>22</v>
      </c>
      <c r="Q2773" s="10" t="s">
        <v>22</v>
      </c>
      <c r="R2773" s="10" t="s">
        <v>22</v>
      </c>
      <c r="S2773" s="10" t="s">
        <v>22</v>
      </c>
      <c r="T2773" s="10" t="s">
        <v>22</v>
      </c>
      <c r="V2773" s="10" t="s">
        <v>22</v>
      </c>
      <c r="W2773" s="10" t="s">
        <v>22</v>
      </c>
      <c r="Y2773" s="10" t="s">
        <v>22</v>
      </c>
      <c r="Z2773" s="10" t="s">
        <v>22</v>
      </c>
    </row>
    <row r="2774" spans="1:26" ht="24" customHeight="1" x14ac:dyDescent="0.2">
      <c r="A2774" s="9" t="s">
        <v>20015</v>
      </c>
      <c r="B2774" s="9" t="s">
        <v>14</v>
      </c>
      <c r="C2774" s="9" t="s">
        <v>13188</v>
      </c>
      <c r="D2774" s="6" t="s">
        <v>13189</v>
      </c>
      <c r="E2774" s="22">
        <v>45093</v>
      </c>
      <c r="F2774" s="22">
        <v>46919</v>
      </c>
      <c r="G2774" s="6" t="s">
        <v>13190</v>
      </c>
      <c r="H2774" s="6" t="s">
        <v>701</v>
      </c>
      <c r="I2774" s="6" t="s">
        <v>3293</v>
      </c>
      <c r="J2774" s="6" t="s">
        <v>13191</v>
      </c>
      <c r="K2774" s="9" t="s">
        <v>16350</v>
      </c>
      <c r="L2774" s="10" t="s">
        <v>22</v>
      </c>
      <c r="M2774" s="10" t="s">
        <v>22</v>
      </c>
      <c r="N2774" s="10" t="s">
        <v>22</v>
      </c>
      <c r="O2774" s="10" t="s">
        <v>22</v>
      </c>
      <c r="P2774" s="10" t="s">
        <v>22</v>
      </c>
      <c r="Q2774" s="10" t="s">
        <v>22</v>
      </c>
      <c r="R2774" s="10" t="s">
        <v>22</v>
      </c>
      <c r="S2774" s="10" t="s">
        <v>22</v>
      </c>
      <c r="T2774" s="10" t="s">
        <v>22</v>
      </c>
      <c r="U2774" s="10" t="s">
        <v>22</v>
      </c>
      <c r="V2774" s="10" t="s">
        <v>22</v>
      </c>
      <c r="W2774" s="10" t="s">
        <v>22</v>
      </c>
      <c r="X2774" s="10" t="s">
        <v>22</v>
      </c>
      <c r="Y2774" s="10" t="s">
        <v>22</v>
      </c>
      <c r="Z2774" s="10" t="s">
        <v>22</v>
      </c>
    </row>
    <row r="2775" spans="1:26" ht="24" customHeight="1" x14ac:dyDescent="0.2">
      <c r="A2775" s="9" t="s">
        <v>20016</v>
      </c>
      <c r="B2775" s="9" t="s">
        <v>14</v>
      </c>
      <c r="C2775" s="9" t="s">
        <v>13192</v>
      </c>
      <c r="D2775" s="6" t="s">
        <v>16351</v>
      </c>
      <c r="E2775" s="22">
        <v>45093</v>
      </c>
      <c r="F2775" s="22">
        <v>46919</v>
      </c>
      <c r="G2775" s="6" t="s">
        <v>16352</v>
      </c>
      <c r="H2775" s="6" t="s">
        <v>18</v>
      </c>
      <c r="I2775" s="6" t="s">
        <v>19</v>
      </c>
      <c r="J2775" s="6" t="s">
        <v>13193</v>
      </c>
      <c r="K2775" s="9" t="s">
        <v>16353</v>
      </c>
      <c r="L2775" s="10" t="s">
        <v>22</v>
      </c>
      <c r="M2775" s="10" t="s">
        <v>22</v>
      </c>
      <c r="N2775" s="10" t="s">
        <v>22</v>
      </c>
      <c r="O2775" s="10" t="s">
        <v>22</v>
      </c>
      <c r="P2775" s="10" t="s">
        <v>22</v>
      </c>
      <c r="Q2775" s="10" t="s">
        <v>22</v>
      </c>
      <c r="R2775" s="10" t="s">
        <v>22</v>
      </c>
      <c r="S2775" s="10" t="s">
        <v>22</v>
      </c>
      <c r="T2775" s="10" t="s">
        <v>22</v>
      </c>
      <c r="U2775" s="10" t="s">
        <v>22</v>
      </c>
      <c r="V2775" s="10" t="s">
        <v>22</v>
      </c>
      <c r="W2775" s="10" t="s">
        <v>22</v>
      </c>
      <c r="X2775" s="10" t="s">
        <v>22</v>
      </c>
      <c r="Y2775" s="10" t="s">
        <v>22</v>
      </c>
      <c r="Z2775" s="10" t="s">
        <v>22</v>
      </c>
    </row>
    <row r="2776" spans="1:26" ht="24" customHeight="1" x14ac:dyDescent="0.2">
      <c r="A2776" s="9" t="s">
        <v>20017</v>
      </c>
      <c r="B2776" s="9" t="s">
        <v>14</v>
      </c>
      <c r="C2776" s="9" t="s">
        <v>13194</v>
      </c>
      <c r="D2776" s="6" t="s">
        <v>13195</v>
      </c>
      <c r="E2776" s="22">
        <v>45093</v>
      </c>
      <c r="F2776" s="22">
        <v>46919</v>
      </c>
      <c r="G2776" s="6" t="s">
        <v>13196</v>
      </c>
      <c r="H2776" s="6" t="s">
        <v>363</v>
      </c>
      <c r="I2776" s="6" t="s">
        <v>364</v>
      </c>
      <c r="J2776" s="6" t="s">
        <v>13197</v>
      </c>
      <c r="K2776" s="9" t="s">
        <v>16354</v>
      </c>
      <c r="L2776" s="10" t="s">
        <v>22</v>
      </c>
      <c r="M2776" s="10" t="s">
        <v>22</v>
      </c>
      <c r="N2776" s="10" t="s">
        <v>22</v>
      </c>
      <c r="O2776" s="10" t="s">
        <v>22</v>
      </c>
      <c r="P2776" s="10" t="s">
        <v>22</v>
      </c>
      <c r="Q2776" s="10" t="s">
        <v>22</v>
      </c>
      <c r="R2776" s="10" t="s">
        <v>22</v>
      </c>
      <c r="S2776" s="10" t="s">
        <v>22</v>
      </c>
      <c r="T2776" s="10" t="s">
        <v>22</v>
      </c>
      <c r="U2776" s="10" t="s">
        <v>22</v>
      </c>
      <c r="V2776" s="10" t="s">
        <v>22</v>
      </c>
      <c r="W2776" s="10" t="s">
        <v>22</v>
      </c>
      <c r="X2776" s="10" t="s">
        <v>22</v>
      </c>
      <c r="Y2776" s="10" t="s">
        <v>22</v>
      </c>
      <c r="Z2776" s="10" t="s">
        <v>22</v>
      </c>
    </row>
    <row r="2777" spans="1:26" ht="24" customHeight="1" x14ac:dyDescent="0.2">
      <c r="A2777" s="9" t="s">
        <v>20018</v>
      </c>
      <c r="B2777" s="9" t="s">
        <v>14</v>
      </c>
      <c r="C2777" s="9" t="s">
        <v>13198</v>
      </c>
      <c r="D2777" s="6" t="s">
        <v>13199</v>
      </c>
      <c r="E2777" s="22">
        <v>45099</v>
      </c>
      <c r="F2777" s="22">
        <v>46925</v>
      </c>
      <c r="G2777" s="6" t="s">
        <v>13200</v>
      </c>
      <c r="H2777" s="6" t="s">
        <v>18</v>
      </c>
      <c r="I2777" s="6" t="s">
        <v>19</v>
      </c>
      <c r="J2777" s="6" t="s">
        <v>13201</v>
      </c>
      <c r="K2777" s="9" t="s">
        <v>16355</v>
      </c>
      <c r="L2777" s="10" t="s">
        <v>22</v>
      </c>
      <c r="M2777" s="10" t="s">
        <v>22</v>
      </c>
      <c r="N2777" s="10" t="s">
        <v>22</v>
      </c>
      <c r="O2777" s="10" t="s">
        <v>22</v>
      </c>
      <c r="P2777" s="10" t="s">
        <v>22</v>
      </c>
      <c r="Q2777" s="10" t="s">
        <v>22</v>
      </c>
      <c r="R2777" s="10" t="s">
        <v>22</v>
      </c>
      <c r="S2777" s="10" t="s">
        <v>22</v>
      </c>
      <c r="T2777" s="10" t="s">
        <v>22</v>
      </c>
      <c r="U2777" s="10" t="s">
        <v>22</v>
      </c>
      <c r="V2777" s="10" t="s">
        <v>22</v>
      </c>
      <c r="W2777" s="10" t="s">
        <v>22</v>
      </c>
      <c r="X2777" s="10" t="s">
        <v>22</v>
      </c>
      <c r="Y2777" s="10" t="s">
        <v>22</v>
      </c>
      <c r="Z2777" s="10" t="s">
        <v>22</v>
      </c>
    </row>
    <row r="2778" spans="1:26" ht="24" customHeight="1" x14ac:dyDescent="0.2">
      <c r="A2778" s="9" t="s">
        <v>20019</v>
      </c>
      <c r="B2778" s="9" t="s">
        <v>14</v>
      </c>
      <c r="C2778" s="9" t="s">
        <v>13202</v>
      </c>
      <c r="D2778" s="6" t="s">
        <v>13203</v>
      </c>
      <c r="E2778" s="22">
        <v>45099</v>
      </c>
      <c r="F2778" s="22">
        <v>46925</v>
      </c>
      <c r="G2778" s="6" t="s">
        <v>13204</v>
      </c>
      <c r="H2778" s="6" t="s">
        <v>202</v>
      </c>
      <c r="I2778" s="6" t="s">
        <v>3154</v>
      </c>
      <c r="J2778" s="6" t="s">
        <v>13205</v>
      </c>
      <c r="K2778" s="9" t="s">
        <v>16356</v>
      </c>
      <c r="M2778" s="10" t="s">
        <v>22</v>
      </c>
      <c r="N2778" s="10" t="s">
        <v>22</v>
      </c>
      <c r="V2778" s="10" t="s">
        <v>22</v>
      </c>
      <c r="W2778" s="10" t="s">
        <v>22</v>
      </c>
    </row>
    <row r="2779" spans="1:26" ht="24" customHeight="1" x14ac:dyDescent="0.2">
      <c r="A2779" s="9" t="s">
        <v>20020</v>
      </c>
      <c r="B2779" s="9" t="s">
        <v>14</v>
      </c>
      <c r="C2779" s="9" t="s">
        <v>13206</v>
      </c>
      <c r="D2779" s="6" t="s">
        <v>13207</v>
      </c>
      <c r="E2779" s="22">
        <v>45105</v>
      </c>
      <c r="F2779" s="22">
        <v>46931</v>
      </c>
      <c r="G2779" s="6" t="s">
        <v>13208</v>
      </c>
      <c r="H2779" s="6" t="s">
        <v>62</v>
      </c>
      <c r="I2779" s="6" t="s">
        <v>306</v>
      </c>
      <c r="J2779" s="6" t="s">
        <v>13209</v>
      </c>
      <c r="K2779" s="9" t="s">
        <v>16357</v>
      </c>
      <c r="L2779" s="10" t="s">
        <v>22</v>
      </c>
      <c r="M2779" s="10" t="s">
        <v>22</v>
      </c>
      <c r="N2779" s="10" t="s">
        <v>22</v>
      </c>
      <c r="O2779" s="10" t="s">
        <v>22</v>
      </c>
      <c r="P2779" s="10" t="s">
        <v>22</v>
      </c>
      <c r="Q2779" s="10" t="s">
        <v>22</v>
      </c>
      <c r="U2779" s="10" t="s">
        <v>22</v>
      </c>
      <c r="V2779" s="10" t="s">
        <v>22</v>
      </c>
      <c r="W2779" s="10" t="s">
        <v>22</v>
      </c>
      <c r="X2779" s="10" t="s">
        <v>22</v>
      </c>
      <c r="Y2779" s="10" t="s">
        <v>22</v>
      </c>
      <c r="Z2779" s="10" t="s">
        <v>22</v>
      </c>
    </row>
    <row r="2780" spans="1:26" ht="24" customHeight="1" x14ac:dyDescent="0.2">
      <c r="A2780" s="9" t="s">
        <v>20021</v>
      </c>
      <c r="B2780" s="9" t="s">
        <v>14</v>
      </c>
      <c r="C2780" s="9" t="s">
        <v>13210</v>
      </c>
      <c r="D2780" s="6" t="s">
        <v>13211</v>
      </c>
      <c r="E2780" s="22">
        <v>45112</v>
      </c>
      <c r="F2780" s="22">
        <v>46938</v>
      </c>
      <c r="G2780" s="6" t="s">
        <v>13212</v>
      </c>
      <c r="H2780" s="6" t="s">
        <v>62</v>
      </c>
      <c r="I2780" s="6" t="s">
        <v>493</v>
      </c>
      <c r="J2780" s="6" t="s">
        <v>13213</v>
      </c>
      <c r="K2780" s="9" t="s">
        <v>16358</v>
      </c>
      <c r="L2780" s="10" t="s">
        <v>22</v>
      </c>
      <c r="M2780" s="10" t="s">
        <v>22</v>
      </c>
      <c r="N2780" s="10" t="s">
        <v>22</v>
      </c>
      <c r="O2780" s="10" t="s">
        <v>22</v>
      </c>
      <c r="P2780" s="10" t="s">
        <v>22</v>
      </c>
      <c r="Q2780" s="10" t="s">
        <v>22</v>
      </c>
      <c r="R2780" s="10" t="s">
        <v>22</v>
      </c>
      <c r="S2780" s="10" t="s">
        <v>22</v>
      </c>
      <c r="T2780" s="10" t="s">
        <v>22</v>
      </c>
      <c r="U2780" s="10" t="s">
        <v>22</v>
      </c>
      <c r="V2780" s="10" t="s">
        <v>22</v>
      </c>
      <c r="W2780" s="10" t="s">
        <v>22</v>
      </c>
      <c r="X2780" s="10" t="s">
        <v>22</v>
      </c>
      <c r="Y2780" s="10" t="s">
        <v>22</v>
      </c>
      <c r="Z2780" s="10" t="s">
        <v>22</v>
      </c>
    </row>
    <row r="2781" spans="1:26" ht="24" customHeight="1" x14ac:dyDescent="0.2">
      <c r="A2781" s="9" t="s">
        <v>20022</v>
      </c>
      <c r="B2781" s="9" t="s">
        <v>14</v>
      </c>
      <c r="C2781" s="9" t="s">
        <v>13214</v>
      </c>
      <c r="D2781" s="6" t="s">
        <v>13215</v>
      </c>
      <c r="E2781" s="22">
        <v>45113</v>
      </c>
      <c r="F2781" s="22">
        <v>46939</v>
      </c>
      <c r="G2781" s="6" t="s">
        <v>13216</v>
      </c>
      <c r="H2781" s="6" t="s">
        <v>62</v>
      </c>
      <c r="I2781" s="6" t="s">
        <v>493</v>
      </c>
      <c r="J2781" s="6" t="s">
        <v>13217</v>
      </c>
      <c r="K2781" s="9" t="s">
        <v>16359</v>
      </c>
      <c r="M2781" s="10" t="s">
        <v>22</v>
      </c>
      <c r="N2781" s="10" t="s">
        <v>22</v>
      </c>
      <c r="P2781" s="10" t="s">
        <v>22</v>
      </c>
      <c r="Q2781" s="10" t="s">
        <v>22</v>
      </c>
      <c r="S2781" s="10" t="s">
        <v>22</v>
      </c>
      <c r="T2781" s="10" t="s">
        <v>22</v>
      </c>
    </row>
    <row r="2782" spans="1:26" ht="24" customHeight="1" x14ac:dyDescent="0.2">
      <c r="A2782" s="9" t="s">
        <v>20023</v>
      </c>
      <c r="B2782" s="9" t="s">
        <v>14</v>
      </c>
      <c r="C2782" s="9" t="s">
        <v>13218</v>
      </c>
      <c r="D2782" s="6" t="s">
        <v>13219</v>
      </c>
      <c r="E2782" s="22">
        <v>45117</v>
      </c>
      <c r="F2782" s="22">
        <v>46943</v>
      </c>
      <c r="G2782" s="6" t="s">
        <v>13219</v>
      </c>
      <c r="H2782" s="6" t="s">
        <v>363</v>
      </c>
      <c r="I2782" s="6" t="s">
        <v>466</v>
      </c>
      <c r="J2782" s="6" t="s">
        <v>13220</v>
      </c>
      <c r="L2782" s="10" t="s">
        <v>22</v>
      </c>
      <c r="M2782" s="10" t="s">
        <v>22</v>
      </c>
      <c r="N2782" s="10" t="s">
        <v>22</v>
      </c>
      <c r="O2782" s="10" t="s">
        <v>22</v>
      </c>
      <c r="P2782" s="10" t="s">
        <v>22</v>
      </c>
      <c r="Q2782" s="10" t="s">
        <v>22</v>
      </c>
    </row>
    <row r="2783" spans="1:26" ht="24" customHeight="1" x14ac:dyDescent="0.2">
      <c r="A2783" s="9" t="s">
        <v>20024</v>
      </c>
      <c r="B2783" s="9" t="s">
        <v>14</v>
      </c>
      <c r="C2783" s="9" t="s">
        <v>13221</v>
      </c>
      <c r="D2783" s="6" t="s">
        <v>13222</v>
      </c>
      <c r="E2783" s="22">
        <v>45125</v>
      </c>
      <c r="F2783" s="22">
        <v>46951</v>
      </c>
      <c r="G2783" s="6" t="s">
        <v>13223</v>
      </c>
      <c r="H2783" s="6" t="s">
        <v>62</v>
      </c>
      <c r="I2783" s="6" t="s">
        <v>357</v>
      </c>
      <c r="J2783" s="6" t="s">
        <v>13224</v>
      </c>
      <c r="K2783" s="9" t="s">
        <v>16360</v>
      </c>
      <c r="L2783" s="10" t="s">
        <v>22</v>
      </c>
      <c r="M2783" s="10" t="s">
        <v>22</v>
      </c>
      <c r="N2783" s="10" t="s">
        <v>22</v>
      </c>
      <c r="O2783" s="10" t="s">
        <v>22</v>
      </c>
      <c r="P2783" s="10" t="s">
        <v>22</v>
      </c>
      <c r="Q2783" s="10" t="s">
        <v>22</v>
      </c>
      <c r="R2783" s="10" t="s">
        <v>22</v>
      </c>
      <c r="S2783" s="10" t="s">
        <v>22</v>
      </c>
      <c r="T2783" s="10" t="s">
        <v>22</v>
      </c>
      <c r="U2783" s="10" t="s">
        <v>22</v>
      </c>
      <c r="V2783" s="10" t="s">
        <v>22</v>
      </c>
      <c r="W2783" s="10" t="s">
        <v>22</v>
      </c>
      <c r="X2783" s="10" t="s">
        <v>22</v>
      </c>
      <c r="Y2783" s="10" t="s">
        <v>22</v>
      </c>
      <c r="Z2783" s="10" t="s">
        <v>22</v>
      </c>
    </row>
    <row r="2784" spans="1:26" ht="24" customHeight="1" x14ac:dyDescent="0.2">
      <c r="A2784" s="9" t="s">
        <v>20025</v>
      </c>
      <c r="B2784" s="9" t="s">
        <v>14</v>
      </c>
      <c r="C2784" s="9" t="s">
        <v>13225</v>
      </c>
      <c r="D2784" s="6" t="s">
        <v>13226</v>
      </c>
      <c r="E2784" s="22">
        <v>45125</v>
      </c>
      <c r="F2784" s="22">
        <v>46951</v>
      </c>
      <c r="G2784" s="6" t="s">
        <v>13227</v>
      </c>
      <c r="H2784" s="6" t="s">
        <v>363</v>
      </c>
      <c r="I2784" s="6" t="s">
        <v>597</v>
      </c>
      <c r="J2784" s="6" t="s">
        <v>13228</v>
      </c>
      <c r="K2784" s="9" t="s">
        <v>16361</v>
      </c>
      <c r="L2784" s="10" t="s">
        <v>22</v>
      </c>
      <c r="M2784" s="10" t="s">
        <v>22</v>
      </c>
      <c r="N2784" s="10" t="s">
        <v>22</v>
      </c>
      <c r="O2784" s="10" t="s">
        <v>22</v>
      </c>
      <c r="P2784" s="10" t="s">
        <v>22</v>
      </c>
      <c r="Q2784" s="10" t="s">
        <v>22</v>
      </c>
      <c r="R2784" s="10" t="s">
        <v>22</v>
      </c>
      <c r="S2784" s="10" t="s">
        <v>22</v>
      </c>
      <c r="T2784" s="10" t="s">
        <v>22</v>
      </c>
      <c r="U2784" s="10" t="s">
        <v>22</v>
      </c>
      <c r="V2784" s="10" t="s">
        <v>22</v>
      </c>
      <c r="W2784" s="10" t="s">
        <v>22</v>
      </c>
      <c r="X2784" s="10" t="s">
        <v>22</v>
      </c>
      <c r="Y2784" s="10" t="s">
        <v>22</v>
      </c>
      <c r="Z2784" s="10" t="s">
        <v>22</v>
      </c>
    </row>
    <row r="2785" spans="1:26" ht="24" customHeight="1" x14ac:dyDescent="0.2">
      <c r="A2785" s="9" t="s">
        <v>20026</v>
      </c>
      <c r="B2785" s="9" t="s">
        <v>14</v>
      </c>
      <c r="C2785" s="9" t="s">
        <v>13229</v>
      </c>
      <c r="D2785" s="6" t="s">
        <v>13230</v>
      </c>
      <c r="E2785" s="22">
        <v>45128</v>
      </c>
      <c r="F2785" s="22">
        <v>46954</v>
      </c>
      <c r="G2785" s="6" t="s">
        <v>13231</v>
      </c>
      <c r="H2785" s="6" t="s">
        <v>363</v>
      </c>
      <c r="I2785" s="6" t="s">
        <v>466</v>
      </c>
      <c r="J2785" s="6" t="s">
        <v>13232</v>
      </c>
      <c r="K2785" s="9" t="s">
        <v>16362</v>
      </c>
      <c r="M2785" s="10" t="s">
        <v>22</v>
      </c>
      <c r="N2785" s="10" t="s">
        <v>22</v>
      </c>
      <c r="P2785" s="10" t="s">
        <v>22</v>
      </c>
      <c r="Q2785" s="10" t="s">
        <v>22</v>
      </c>
      <c r="V2785" s="10" t="s">
        <v>22</v>
      </c>
      <c r="W2785" s="10" t="s">
        <v>22</v>
      </c>
      <c r="Y2785" s="10" t="s">
        <v>22</v>
      </c>
      <c r="Z2785" s="10" t="s">
        <v>22</v>
      </c>
    </row>
    <row r="2786" spans="1:26" ht="24" customHeight="1" x14ac:dyDescent="0.2">
      <c r="A2786" s="9" t="s">
        <v>20027</v>
      </c>
      <c r="B2786" s="9" t="s">
        <v>14</v>
      </c>
      <c r="C2786" s="9" t="s">
        <v>13233</v>
      </c>
      <c r="D2786" s="6" t="s">
        <v>9411</v>
      </c>
      <c r="E2786" s="22">
        <v>45128</v>
      </c>
      <c r="F2786" s="22">
        <v>46954</v>
      </c>
      <c r="G2786" s="6" t="s">
        <v>13234</v>
      </c>
      <c r="H2786" s="6" t="s">
        <v>202</v>
      </c>
      <c r="I2786" s="6" t="s">
        <v>3050</v>
      </c>
      <c r="J2786" s="6" t="s">
        <v>13235</v>
      </c>
      <c r="K2786" s="9" t="s">
        <v>16363</v>
      </c>
      <c r="L2786" s="10" t="s">
        <v>22</v>
      </c>
      <c r="M2786" s="10" t="s">
        <v>22</v>
      </c>
      <c r="N2786" s="10" t="s">
        <v>22</v>
      </c>
      <c r="O2786" s="10" t="s">
        <v>22</v>
      </c>
      <c r="P2786" s="10" t="s">
        <v>22</v>
      </c>
      <c r="Q2786" s="10" t="s">
        <v>22</v>
      </c>
      <c r="U2786" s="10" t="s">
        <v>22</v>
      </c>
      <c r="V2786" s="10" t="s">
        <v>22</v>
      </c>
      <c r="W2786" s="10" t="s">
        <v>22</v>
      </c>
      <c r="X2786" s="10" t="s">
        <v>22</v>
      </c>
      <c r="Y2786" s="10" t="s">
        <v>22</v>
      </c>
      <c r="Z2786" s="10" t="s">
        <v>22</v>
      </c>
    </row>
    <row r="2787" spans="1:26" ht="24" customHeight="1" x14ac:dyDescent="0.2">
      <c r="A2787" s="9" t="s">
        <v>20028</v>
      </c>
      <c r="B2787" s="9" t="s">
        <v>14</v>
      </c>
      <c r="C2787" s="9" t="s">
        <v>13236</v>
      </c>
      <c r="D2787" s="6" t="s">
        <v>13237</v>
      </c>
      <c r="E2787" s="22">
        <v>45128</v>
      </c>
      <c r="F2787" s="22">
        <v>46954</v>
      </c>
      <c r="G2787" s="6" t="s">
        <v>13238</v>
      </c>
      <c r="H2787" s="6" t="s">
        <v>62</v>
      </c>
      <c r="I2787" s="6" t="s">
        <v>73</v>
      </c>
      <c r="J2787" s="6" t="s">
        <v>13239</v>
      </c>
      <c r="K2787" s="9" t="s">
        <v>16364</v>
      </c>
      <c r="M2787" s="10" t="s">
        <v>22</v>
      </c>
      <c r="N2787" s="10" t="s">
        <v>22</v>
      </c>
      <c r="V2787" s="10" t="s">
        <v>22</v>
      </c>
      <c r="W2787" s="10" t="s">
        <v>22</v>
      </c>
    </row>
    <row r="2788" spans="1:26" ht="24" customHeight="1" x14ac:dyDescent="0.2">
      <c r="A2788" s="9" t="s">
        <v>20029</v>
      </c>
      <c r="B2788" s="9" t="s">
        <v>14</v>
      </c>
      <c r="C2788" s="9" t="s">
        <v>13240</v>
      </c>
      <c r="D2788" s="6" t="s">
        <v>13241</v>
      </c>
      <c r="E2788" s="22">
        <v>45128</v>
      </c>
      <c r="F2788" s="22">
        <v>46954</v>
      </c>
      <c r="G2788" s="6" t="s">
        <v>13242</v>
      </c>
      <c r="H2788" s="6" t="s">
        <v>202</v>
      </c>
      <c r="I2788" s="6" t="s">
        <v>879</v>
      </c>
      <c r="J2788" s="6" t="s">
        <v>13243</v>
      </c>
      <c r="K2788" s="9" t="s">
        <v>16365</v>
      </c>
      <c r="L2788" s="10" t="s">
        <v>22</v>
      </c>
      <c r="M2788" s="10" t="s">
        <v>22</v>
      </c>
      <c r="N2788" s="10" t="s">
        <v>22</v>
      </c>
      <c r="O2788" s="10" t="s">
        <v>22</v>
      </c>
      <c r="P2788" s="10" t="s">
        <v>22</v>
      </c>
      <c r="Q2788" s="10" t="s">
        <v>22</v>
      </c>
    </row>
    <row r="2789" spans="1:26" ht="24" customHeight="1" x14ac:dyDescent="0.2">
      <c r="A2789" s="9" t="s">
        <v>20030</v>
      </c>
      <c r="B2789" s="9" t="s">
        <v>14</v>
      </c>
      <c r="C2789" s="9" t="s">
        <v>13244</v>
      </c>
      <c r="D2789" s="6" t="s">
        <v>13245</v>
      </c>
      <c r="E2789" s="22">
        <v>45139</v>
      </c>
      <c r="F2789" s="22">
        <v>46965</v>
      </c>
      <c r="G2789" s="6" t="s">
        <v>13246</v>
      </c>
      <c r="H2789" s="6" t="s">
        <v>202</v>
      </c>
      <c r="I2789" s="6" t="s">
        <v>2117</v>
      </c>
      <c r="J2789" s="6" t="s">
        <v>13247</v>
      </c>
      <c r="K2789" s="9" t="s">
        <v>16366</v>
      </c>
      <c r="L2789" s="10" t="s">
        <v>22</v>
      </c>
      <c r="M2789" s="10" t="s">
        <v>22</v>
      </c>
      <c r="N2789" s="10" t="s">
        <v>22</v>
      </c>
      <c r="O2789" s="10" t="s">
        <v>22</v>
      </c>
      <c r="P2789" s="10" t="s">
        <v>22</v>
      </c>
      <c r="Q2789" s="10" t="s">
        <v>22</v>
      </c>
      <c r="U2789" s="10" t="s">
        <v>22</v>
      </c>
      <c r="V2789" s="10" t="s">
        <v>22</v>
      </c>
      <c r="W2789" s="10" t="s">
        <v>22</v>
      </c>
      <c r="X2789" s="10" t="s">
        <v>22</v>
      </c>
      <c r="Y2789" s="10" t="s">
        <v>22</v>
      </c>
      <c r="Z2789" s="10" t="s">
        <v>22</v>
      </c>
    </row>
    <row r="2790" spans="1:26" ht="24" customHeight="1" x14ac:dyDescent="0.2">
      <c r="A2790" s="9" t="s">
        <v>20031</v>
      </c>
      <c r="B2790" s="9" t="s">
        <v>14</v>
      </c>
      <c r="C2790" s="9" t="s">
        <v>13248</v>
      </c>
      <c r="D2790" s="6" t="s">
        <v>13249</v>
      </c>
      <c r="E2790" s="22">
        <v>45139</v>
      </c>
      <c r="F2790" s="22">
        <v>46965</v>
      </c>
      <c r="G2790" s="6" t="s">
        <v>13250</v>
      </c>
      <c r="H2790" s="6" t="s">
        <v>202</v>
      </c>
      <c r="I2790" s="6" t="s">
        <v>873</v>
      </c>
      <c r="J2790" s="6" t="s">
        <v>13251</v>
      </c>
      <c r="K2790" s="9" t="s">
        <v>16367</v>
      </c>
      <c r="L2790" s="10" t="s">
        <v>22</v>
      </c>
      <c r="M2790" s="10" t="s">
        <v>22</v>
      </c>
      <c r="N2790" s="10" t="s">
        <v>22</v>
      </c>
      <c r="O2790" s="10" t="s">
        <v>22</v>
      </c>
      <c r="P2790" s="10" t="s">
        <v>22</v>
      </c>
      <c r="Q2790" s="10" t="s">
        <v>22</v>
      </c>
      <c r="R2790" s="10" t="s">
        <v>22</v>
      </c>
      <c r="S2790" s="10" t="s">
        <v>22</v>
      </c>
      <c r="T2790" s="10" t="s">
        <v>22</v>
      </c>
      <c r="U2790" s="10" t="s">
        <v>22</v>
      </c>
      <c r="V2790" s="10" t="s">
        <v>22</v>
      </c>
      <c r="W2790" s="10" t="s">
        <v>22</v>
      </c>
      <c r="X2790" s="10" t="s">
        <v>22</v>
      </c>
      <c r="Y2790" s="10" t="s">
        <v>22</v>
      </c>
      <c r="Z2790" s="10" t="s">
        <v>22</v>
      </c>
    </row>
    <row r="2791" spans="1:26" ht="24" customHeight="1" x14ac:dyDescent="0.2">
      <c r="A2791" s="9" t="s">
        <v>20032</v>
      </c>
      <c r="B2791" s="9" t="s">
        <v>14</v>
      </c>
      <c r="C2791" s="9" t="s">
        <v>13252</v>
      </c>
      <c r="D2791" s="6" t="s">
        <v>13253</v>
      </c>
      <c r="E2791" s="22">
        <v>45141</v>
      </c>
      <c r="F2791" s="22">
        <v>46967</v>
      </c>
      <c r="G2791" s="6" t="s">
        <v>13254</v>
      </c>
      <c r="H2791" s="6" t="s">
        <v>18</v>
      </c>
      <c r="I2791" s="6" t="s">
        <v>19</v>
      </c>
      <c r="J2791" s="6" t="s">
        <v>13255</v>
      </c>
      <c r="K2791" s="9" t="s">
        <v>16368</v>
      </c>
      <c r="L2791" s="10" t="s">
        <v>22</v>
      </c>
      <c r="M2791" s="10" t="s">
        <v>22</v>
      </c>
      <c r="N2791" s="10" t="s">
        <v>22</v>
      </c>
      <c r="U2791" s="10" t="s">
        <v>22</v>
      </c>
      <c r="V2791" s="10" t="s">
        <v>22</v>
      </c>
      <c r="W2791" s="10" t="s">
        <v>22</v>
      </c>
    </row>
    <row r="2792" spans="1:26" ht="24" customHeight="1" x14ac:dyDescent="0.2">
      <c r="A2792" s="9" t="s">
        <v>20033</v>
      </c>
      <c r="B2792" s="9" t="s">
        <v>14</v>
      </c>
      <c r="C2792" s="9" t="s">
        <v>13256</v>
      </c>
      <c r="D2792" s="6" t="s">
        <v>13257</v>
      </c>
      <c r="E2792" s="22">
        <v>45146</v>
      </c>
      <c r="F2792" s="22">
        <v>46972</v>
      </c>
      <c r="G2792" s="6" t="s">
        <v>13257</v>
      </c>
      <c r="H2792" s="6" t="s">
        <v>62</v>
      </c>
      <c r="I2792" s="6" t="s">
        <v>186</v>
      </c>
      <c r="J2792" s="6" t="s">
        <v>13258</v>
      </c>
      <c r="K2792" s="9" t="s">
        <v>16369</v>
      </c>
      <c r="L2792" s="10" t="s">
        <v>22</v>
      </c>
      <c r="M2792" s="10" t="s">
        <v>22</v>
      </c>
      <c r="N2792" s="10" t="s">
        <v>22</v>
      </c>
      <c r="O2792" s="10" t="s">
        <v>22</v>
      </c>
      <c r="P2792" s="10" t="s">
        <v>22</v>
      </c>
      <c r="Q2792" s="10" t="s">
        <v>22</v>
      </c>
      <c r="U2792" s="10" t="s">
        <v>22</v>
      </c>
      <c r="V2792" s="10" t="s">
        <v>22</v>
      </c>
      <c r="W2792" s="10" t="s">
        <v>22</v>
      </c>
      <c r="X2792" s="10" t="s">
        <v>22</v>
      </c>
      <c r="Y2792" s="10" t="s">
        <v>22</v>
      </c>
      <c r="Z2792" s="10" t="s">
        <v>22</v>
      </c>
    </row>
    <row r="2793" spans="1:26" ht="24" customHeight="1" x14ac:dyDescent="0.2">
      <c r="A2793" s="9" t="s">
        <v>20034</v>
      </c>
      <c r="B2793" s="9" t="s">
        <v>14</v>
      </c>
      <c r="C2793" s="9" t="s">
        <v>13259</v>
      </c>
      <c r="D2793" s="6" t="s">
        <v>13260</v>
      </c>
      <c r="E2793" s="22">
        <v>45146</v>
      </c>
      <c r="F2793" s="22">
        <v>46972</v>
      </c>
      <c r="G2793" s="6" t="s">
        <v>13261</v>
      </c>
      <c r="H2793" s="6" t="s">
        <v>62</v>
      </c>
      <c r="I2793" s="6" t="s">
        <v>73</v>
      </c>
      <c r="J2793" s="6" t="s">
        <v>13262</v>
      </c>
      <c r="K2793" s="9" t="s">
        <v>16370</v>
      </c>
      <c r="L2793" s="10" t="s">
        <v>22</v>
      </c>
      <c r="M2793" s="10" t="s">
        <v>22</v>
      </c>
      <c r="N2793" s="10" t="s">
        <v>22</v>
      </c>
      <c r="O2793" s="10" t="s">
        <v>22</v>
      </c>
      <c r="P2793" s="10" t="s">
        <v>22</v>
      </c>
      <c r="Q2793" s="10" t="s">
        <v>22</v>
      </c>
      <c r="R2793" s="10" t="s">
        <v>22</v>
      </c>
      <c r="S2793" s="10" t="s">
        <v>22</v>
      </c>
      <c r="T2793" s="10" t="s">
        <v>22</v>
      </c>
      <c r="U2793" s="10" t="s">
        <v>22</v>
      </c>
      <c r="V2793" s="10" t="s">
        <v>22</v>
      </c>
      <c r="W2793" s="10" t="s">
        <v>22</v>
      </c>
      <c r="X2793" s="10" t="s">
        <v>22</v>
      </c>
      <c r="Y2793" s="10" t="s">
        <v>22</v>
      </c>
      <c r="Z2793" s="10" t="s">
        <v>22</v>
      </c>
    </row>
    <row r="2794" spans="1:26" ht="24" customHeight="1" x14ac:dyDescent="0.2">
      <c r="A2794" s="9" t="s">
        <v>20035</v>
      </c>
      <c r="B2794" s="9" t="s">
        <v>14</v>
      </c>
      <c r="C2794" s="9" t="s">
        <v>13263</v>
      </c>
      <c r="D2794" s="6" t="s">
        <v>13264</v>
      </c>
      <c r="E2794" s="22">
        <v>45161</v>
      </c>
      <c r="F2794" s="22">
        <v>46987</v>
      </c>
      <c r="G2794" s="6" t="s">
        <v>13265</v>
      </c>
      <c r="H2794" s="6" t="s">
        <v>18</v>
      </c>
      <c r="I2794" s="6" t="s">
        <v>26</v>
      </c>
      <c r="J2794" s="6" t="s">
        <v>13266</v>
      </c>
      <c r="K2794" s="9" t="s">
        <v>16371</v>
      </c>
      <c r="L2794" s="10" t="s">
        <v>22</v>
      </c>
      <c r="M2794" s="10" t="s">
        <v>22</v>
      </c>
      <c r="N2794" s="10" t="s">
        <v>22</v>
      </c>
      <c r="O2794" s="10" t="s">
        <v>22</v>
      </c>
      <c r="P2794" s="10" t="s">
        <v>22</v>
      </c>
      <c r="Q2794" s="10" t="s">
        <v>22</v>
      </c>
      <c r="R2794" s="10" t="s">
        <v>22</v>
      </c>
      <c r="S2794" s="10" t="s">
        <v>22</v>
      </c>
      <c r="T2794" s="10" t="s">
        <v>22</v>
      </c>
      <c r="U2794" s="10" t="s">
        <v>22</v>
      </c>
      <c r="V2794" s="10" t="s">
        <v>22</v>
      </c>
      <c r="W2794" s="10" t="s">
        <v>22</v>
      </c>
      <c r="X2794" s="10" t="s">
        <v>22</v>
      </c>
      <c r="Y2794" s="10" t="s">
        <v>22</v>
      </c>
      <c r="Z2794" s="10" t="s">
        <v>22</v>
      </c>
    </row>
    <row r="2795" spans="1:26" ht="24" customHeight="1" x14ac:dyDescent="0.2">
      <c r="A2795" s="9" t="s">
        <v>20036</v>
      </c>
      <c r="B2795" s="9" t="s">
        <v>14</v>
      </c>
      <c r="C2795" s="9" t="s">
        <v>13267</v>
      </c>
      <c r="D2795" s="6" t="s">
        <v>13268</v>
      </c>
      <c r="E2795" s="22">
        <v>45161</v>
      </c>
      <c r="F2795" s="22">
        <v>46987</v>
      </c>
      <c r="G2795" s="6" t="s">
        <v>13269</v>
      </c>
      <c r="H2795" s="6" t="s">
        <v>2029</v>
      </c>
      <c r="I2795" s="6" t="s">
        <v>12859</v>
      </c>
      <c r="J2795" s="6" t="s">
        <v>13270</v>
      </c>
      <c r="K2795" s="9" t="s">
        <v>16372</v>
      </c>
      <c r="L2795" s="10" t="s">
        <v>22</v>
      </c>
      <c r="M2795" s="10" t="s">
        <v>22</v>
      </c>
      <c r="N2795" s="10" t="s">
        <v>22</v>
      </c>
      <c r="O2795" s="10" t="s">
        <v>22</v>
      </c>
      <c r="P2795" s="10" t="s">
        <v>22</v>
      </c>
      <c r="Q2795" s="10" t="s">
        <v>22</v>
      </c>
      <c r="U2795" s="10" t="s">
        <v>22</v>
      </c>
      <c r="V2795" s="10" t="s">
        <v>22</v>
      </c>
      <c r="W2795" s="10" t="s">
        <v>22</v>
      </c>
      <c r="X2795" s="10" t="s">
        <v>22</v>
      </c>
      <c r="Y2795" s="10" t="s">
        <v>22</v>
      </c>
      <c r="Z2795" s="10" t="s">
        <v>22</v>
      </c>
    </row>
    <row r="2796" spans="1:26" ht="24" customHeight="1" x14ac:dyDescent="0.2">
      <c r="A2796" s="9" t="s">
        <v>20037</v>
      </c>
      <c r="B2796" s="9" t="s">
        <v>14</v>
      </c>
      <c r="C2796" s="9" t="s">
        <v>13271</v>
      </c>
      <c r="D2796" s="6" t="s">
        <v>13272</v>
      </c>
      <c r="E2796" s="22">
        <v>45161</v>
      </c>
      <c r="F2796" s="22">
        <v>46987</v>
      </c>
      <c r="G2796" s="6" t="s">
        <v>13273</v>
      </c>
      <c r="H2796" s="6" t="s">
        <v>202</v>
      </c>
      <c r="I2796" s="6" t="s">
        <v>5138</v>
      </c>
      <c r="J2796" s="6" t="s">
        <v>13274</v>
      </c>
      <c r="K2796" s="9" t="s">
        <v>16373</v>
      </c>
      <c r="L2796" s="10" t="s">
        <v>22</v>
      </c>
      <c r="M2796" s="10" t="s">
        <v>22</v>
      </c>
      <c r="N2796" s="10" t="s">
        <v>22</v>
      </c>
      <c r="O2796" s="10" t="s">
        <v>22</v>
      </c>
      <c r="P2796" s="10" t="s">
        <v>22</v>
      </c>
      <c r="Q2796" s="10" t="s">
        <v>22</v>
      </c>
      <c r="R2796" s="10" t="s">
        <v>22</v>
      </c>
      <c r="S2796" s="10" t="s">
        <v>22</v>
      </c>
      <c r="T2796" s="10" t="s">
        <v>22</v>
      </c>
      <c r="U2796" s="10" t="s">
        <v>22</v>
      </c>
      <c r="V2796" s="10" t="s">
        <v>22</v>
      </c>
      <c r="W2796" s="10" t="s">
        <v>22</v>
      </c>
      <c r="X2796" s="10" t="s">
        <v>22</v>
      </c>
      <c r="Y2796" s="10" t="s">
        <v>22</v>
      </c>
      <c r="Z2796" s="10" t="s">
        <v>22</v>
      </c>
    </row>
    <row r="2797" spans="1:26" ht="24" customHeight="1" x14ac:dyDescent="0.2">
      <c r="A2797" s="9" t="s">
        <v>20038</v>
      </c>
      <c r="B2797" s="9" t="s">
        <v>14</v>
      </c>
      <c r="C2797" s="9" t="s">
        <v>13275</v>
      </c>
      <c r="D2797" s="6" t="s">
        <v>13276</v>
      </c>
      <c r="E2797" s="22">
        <v>45161</v>
      </c>
      <c r="F2797" s="22">
        <v>46987</v>
      </c>
      <c r="G2797" s="6" t="s">
        <v>13277</v>
      </c>
      <c r="H2797" s="6" t="s">
        <v>363</v>
      </c>
      <c r="I2797" s="6" t="s">
        <v>364</v>
      </c>
      <c r="J2797" s="6" t="s">
        <v>13278</v>
      </c>
      <c r="K2797" s="9" t="s">
        <v>16374</v>
      </c>
      <c r="L2797" s="10" t="s">
        <v>22</v>
      </c>
      <c r="M2797" s="10" t="s">
        <v>22</v>
      </c>
      <c r="N2797" s="10" t="s">
        <v>22</v>
      </c>
      <c r="O2797" s="10" t="s">
        <v>22</v>
      </c>
      <c r="P2797" s="10" t="s">
        <v>22</v>
      </c>
      <c r="Q2797" s="10" t="s">
        <v>22</v>
      </c>
      <c r="R2797" s="10" t="s">
        <v>22</v>
      </c>
      <c r="S2797" s="10" t="s">
        <v>22</v>
      </c>
      <c r="T2797" s="10" t="s">
        <v>22</v>
      </c>
      <c r="U2797" s="10" t="s">
        <v>22</v>
      </c>
      <c r="V2797" s="10" t="s">
        <v>22</v>
      </c>
      <c r="W2797" s="10" t="s">
        <v>22</v>
      </c>
      <c r="X2797" s="10" t="s">
        <v>22</v>
      </c>
      <c r="Y2797" s="10" t="s">
        <v>22</v>
      </c>
      <c r="Z2797" s="10" t="s">
        <v>22</v>
      </c>
    </row>
    <row r="2798" spans="1:26" ht="24" customHeight="1" x14ac:dyDescent="0.2">
      <c r="A2798" s="9" t="s">
        <v>20039</v>
      </c>
      <c r="B2798" s="9" t="s">
        <v>14</v>
      </c>
      <c r="C2798" s="9" t="s">
        <v>13279</v>
      </c>
      <c r="D2798" s="6" t="s">
        <v>13280</v>
      </c>
      <c r="E2798" s="22">
        <v>45161</v>
      </c>
      <c r="F2798" s="22">
        <v>46987</v>
      </c>
      <c r="G2798" s="6" t="s">
        <v>13281</v>
      </c>
      <c r="H2798" s="6" t="s">
        <v>18</v>
      </c>
      <c r="I2798" s="6" t="s">
        <v>19</v>
      </c>
      <c r="J2798" s="6" t="s">
        <v>13282</v>
      </c>
      <c r="K2798" s="9" t="s">
        <v>16375</v>
      </c>
      <c r="L2798" s="10" t="s">
        <v>22</v>
      </c>
      <c r="M2798" s="10" t="s">
        <v>22</v>
      </c>
      <c r="N2798" s="10" t="s">
        <v>22</v>
      </c>
      <c r="O2798" s="10" t="s">
        <v>22</v>
      </c>
      <c r="P2798" s="10" t="s">
        <v>22</v>
      </c>
      <c r="Q2798" s="10" t="s">
        <v>22</v>
      </c>
      <c r="R2798" s="10" t="s">
        <v>22</v>
      </c>
      <c r="S2798" s="10" t="s">
        <v>22</v>
      </c>
      <c r="T2798" s="10" t="s">
        <v>22</v>
      </c>
      <c r="U2798" s="10" t="s">
        <v>22</v>
      </c>
      <c r="V2798" s="10" t="s">
        <v>22</v>
      </c>
      <c r="W2798" s="10" t="s">
        <v>22</v>
      </c>
      <c r="X2798" s="10" t="s">
        <v>22</v>
      </c>
      <c r="Y2798" s="10" t="s">
        <v>22</v>
      </c>
      <c r="Z2798" s="10" t="s">
        <v>22</v>
      </c>
    </row>
    <row r="2799" spans="1:26" ht="24" customHeight="1" x14ac:dyDescent="0.2">
      <c r="A2799" s="9" t="s">
        <v>20040</v>
      </c>
      <c r="B2799" s="9" t="s">
        <v>14</v>
      </c>
      <c r="C2799" s="9" t="s">
        <v>13283</v>
      </c>
      <c r="D2799" s="6" t="s">
        <v>13284</v>
      </c>
      <c r="E2799" s="22">
        <v>45161</v>
      </c>
      <c r="F2799" s="22">
        <v>46987</v>
      </c>
      <c r="G2799" s="6" t="s">
        <v>13285</v>
      </c>
      <c r="H2799" s="6" t="s">
        <v>18</v>
      </c>
      <c r="I2799" s="6" t="s">
        <v>19</v>
      </c>
      <c r="J2799" s="6" t="s">
        <v>13286</v>
      </c>
      <c r="L2799" s="10" t="s">
        <v>22</v>
      </c>
      <c r="M2799" s="10" t="s">
        <v>22</v>
      </c>
      <c r="N2799" s="10" t="s">
        <v>22</v>
      </c>
      <c r="O2799" s="10" t="s">
        <v>22</v>
      </c>
      <c r="P2799" s="10" t="s">
        <v>22</v>
      </c>
      <c r="Q2799" s="10" t="s">
        <v>22</v>
      </c>
      <c r="R2799" s="10" t="s">
        <v>22</v>
      </c>
      <c r="S2799" s="10" t="s">
        <v>22</v>
      </c>
      <c r="T2799" s="10" t="s">
        <v>22</v>
      </c>
      <c r="U2799" s="10" t="s">
        <v>22</v>
      </c>
      <c r="V2799" s="10" t="s">
        <v>22</v>
      </c>
      <c r="W2799" s="10" t="s">
        <v>22</v>
      </c>
      <c r="X2799" s="10" t="s">
        <v>22</v>
      </c>
      <c r="Y2799" s="10" t="s">
        <v>22</v>
      </c>
      <c r="Z2799" s="10" t="s">
        <v>22</v>
      </c>
    </row>
    <row r="2800" spans="1:26" ht="24" customHeight="1" x14ac:dyDescent="0.2">
      <c r="A2800" s="9" t="s">
        <v>20041</v>
      </c>
      <c r="B2800" s="9" t="s">
        <v>14</v>
      </c>
      <c r="C2800" s="9" t="s">
        <v>13287</v>
      </c>
      <c r="D2800" s="6" t="s">
        <v>13288</v>
      </c>
      <c r="E2800" s="22">
        <v>45163</v>
      </c>
      <c r="F2800" s="22">
        <v>46989</v>
      </c>
      <c r="G2800" s="6" t="s">
        <v>13289</v>
      </c>
      <c r="H2800" s="6" t="s">
        <v>62</v>
      </c>
      <c r="I2800" s="6" t="s">
        <v>994</v>
      </c>
      <c r="J2800" s="6" t="s">
        <v>13290</v>
      </c>
      <c r="K2800" s="9" t="s">
        <v>16376</v>
      </c>
      <c r="L2800" s="10" t="s">
        <v>22</v>
      </c>
      <c r="M2800" s="10" t="s">
        <v>22</v>
      </c>
      <c r="N2800" s="10" t="s">
        <v>22</v>
      </c>
      <c r="O2800" s="10" t="s">
        <v>22</v>
      </c>
      <c r="P2800" s="10" t="s">
        <v>22</v>
      </c>
      <c r="Q2800" s="10" t="s">
        <v>22</v>
      </c>
      <c r="R2800" s="10" t="s">
        <v>22</v>
      </c>
      <c r="S2800" s="10" t="s">
        <v>22</v>
      </c>
      <c r="T2800" s="10" t="s">
        <v>22</v>
      </c>
      <c r="U2800" s="10" t="s">
        <v>22</v>
      </c>
      <c r="V2800" s="10" t="s">
        <v>22</v>
      </c>
      <c r="W2800" s="10" t="s">
        <v>22</v>
      </c>
      <c r="X2800" s="10" t="s">
        <v>22</v>
      </c>
      <c r="Y2800" s="10" t="s">
        <v>22</v>
      </c>
      <c r="Z2800" s="10" t="s">
        <v>22</v>
      </c>
    </row>
    <row r="2801" spans="1:26" ht="24" customHeight="1" x14ac:dyDescent="0.2">
      <c r="A2801" s="9" t="s">
        <v>20042</v>
      </c>
      <c r="B2801" s="9" t="s">
        <v>14</v>
      </c>
      <c r="C2801" s="9" t="s">
        <v>13291</v>
      </c>
      <c r="D2801" s="6" t="s">
        <v>13292</v>
      </c>
      <c r="E2801" s="22">
        <v>45166</v>
      </c>
      <c r="F2801" s="22">
        <v>46992</v>
      </c>
      <c r="G2801" s="6" t="s">
        <v>13293</v>
      </c>
      <c r="H2801" s="6" t="s">
        <v>18</v>
      </c>
      <c r="I2801" s="6" t="s">
        <v>19</v>
      </c>
      <c r="J2801" s="6" t="s">
        <v>13294</v>
      </c>
      <c r="L2801" s="10" t="s">
        <v>22</v>
      </c>
      <c r="M2801" s="10" t="s">
        <v>22</v>
      </c>
      <c r="N2801" s="10" t="s">
        <v>22</v>
      </c>
      <c r="O2801" s="10" t="s">
        <v>22</v>
      </c>
      <c r="P2801" s="10" t="s">
        <v>22</v>
      </c>
      <c r="Q2801" s="10" t="s">
        <v>22</v>
      </c>
      <c r="U2801" s="10" t="s">
        <v>22</v>
      </c>
      <c r="V2801" s="10" t="s">
        <v>22</v>
      </c>
      <c r="W2801" s="10" t="s">
        <v>22</v>
      </c>
      <c r="X2801" s="10" t="s">
        <v>22</v>
      </c>
      <c r="Y2801" s="10" t="s">
        <v>22</v>
      </c>
      <c r="Z2801" s="10" t="s">
        <v>22</v>
      </c>
    </row>
    <row r="2802" spans="1:26" ht="24" customHeight="1" x14ac:dyDescent="0.2">
      <c r="A2802" s="9" t="s">
        <v>20043</v>
      </c>
      <c r="B2802" s="9" t="s">
        <v>14</v>
      </c>
      <c r="C2802" s="9" t="s">
        <v>13295</v>
      </c>
      <c r="D2802" s="6" t="s">
        <v>13296</v>
      </c>
      <c r="E2802" s="22">
        <v>45170</v>
      </c>
      <c r="F2802" s="22">
        <v>46996</v>
      </c>
      <c r="G2802" s="6" t="s">
        <v>13297</v>
      </c>
      <c r="H2802" s="6" t="s">
        <v>18</v>
      </c>
      <c r="I2802" s="6" t="s">
        <v>19</v>
      </c>
      <c r="J2802" s="6" t="s">
        <v>13298</v>
      </c>
      <c r="K2802" s="9" t="s">
        <v>16377</v>
      </c>
      <c r="L2802" s="10" t="s">
        <v>22</v>
      </c>
      <c r="M2802" s="10" t="s">
        <v>22</v>
      </c>
      <c r="N2802" s="10" t="s">
        <v>22</v>
      </c>
      <c r="O2802" s="10" t="s">
        <v>22</v>
      </c>
      <c r="P2802" s="10" t="s">
        <v>22</v>
      </c>
      <c r="Q2802" s="10" t="s">
        <v>22</v>
      </c>
      <c r="U2802" s="10" t="s">
        <v>22</v>
      </c>
      <c r="V2802" s="10" t="s">
        <v>22</v>
      </c>
      <c r="W2802" s="10" t="s">
        <v>22</v>
      </c>
      <c r="X2802" s="10" t="s">
        <v>22</v>
      </c>
      <c r="Y2802" s="10" t="s">
        <v>22</v>
      </c>
      <c r="Z2802" s="10" t="s">
        <v>22</v>
      </c>
    </row>
    <row r="2803" spans="1:26" ht="24" customHeight="1" x14ac:dyDescent="0.2">
      <c r="A2803" s="9" t="s">
        <v>20044</v>
      </c>
      <c r="B2803" s="9" t="s">
        <v>14</v>
      </c>
      <c r="C2803" s="9" t="s">
        <v>13299</v>
      </c>
      <c r="D2803" s="6" t="s">
        <v>13300</v>
      </c>
      <c r="E2803" s="22">
        <v>45170</v>
      </c>
      <c r="F2803" s="22">
        <v>46996</v>
      </c>
      <c r="G2803" s="6" t="s">
        <v>13301</v>
      </c>
      <c r="H2803" s="6" t="s">
        <v>13302</v>
      </c>
      <c r="I2803" s="6" t="s">
        <v>13303</v>
      </c>
      <c r="J2803" s="6" t="s">
        <v>13304</v>
      </c>
      <c r="K2803" s="9" t="s">
        <v>16378</v>
      </c>
      <c r="L2803" s="10" t="s">
        <v>22</v>
      </c>
      <c r="M2803" s="10" t="s">
        <v>22</v>
      </c>
      <c r="N2803" s="10" t="s">
        <v>22</v>
      </c>
      <c r="O2803" s="10" t="s">
        <v>22</v>
      </c>
      <c r="P2803" s="10" t="s">
        <v>22</v>
      </c>
      <c r="Q2803" s="10" t="s">
        <v>22</v>
      </c>
      <c r="R2803" s="10" t="s">
        <v>22</v>
      </c>
      <c r="S2803" s="10" t="s">
        <v>22</v>
      </c>
      <c r="T2803" s="10" t="s">
        <v>22</v>
      </c>
      <c r="U2803" s="10" t="s">
        <v>22</v>
      </c>
      <c r="V2803" s="10" t="s">
        <v>22</v>
      </c>
      <c r="W2803" s="10" t="s">
        <v>22</v>
      </c>
      <c r="X2803" s="10" t="s">
        <v>22</v>
      </c>
      <c r="Y2803" s="10" t="s">
        <v>22</v>
      </c>
      <c r="Z2803" s="10" t="s">
        <v>22</v>
      </c>
    </row>
    <row r="2804" spans="1:26" ht="24" customHeight="1" x14ac:dyDescent="0.2">
      <c r="A2804" s="9" t="s">
        <v>20045</v>
      </c>
      <c r="B2804" s="9" t="s">
        <v>14</v>
      </c>
      <c r="C2804" s="9" t="s">
        <v>13305</v>
      </c>
      <c r="D2804" s="6" t="s">
        <v>13306</v>
      </c>
      <c r="E2804" s="22">
        <v>45170</v>
      </c>
      <c r="F2804" s="22">
        <v>46996</v>
      </c>
      <c r="G2804" s="6" t="s">
        <v>13307</v>
      </c>
      <c r="H2804" s="6" t="s">
        <v>62</v>
      </c>
      <c r="I2804" s="6" t="s">
        <v>290</v>
      </c>
      <c r="J2804" s="6" t="s">
        <v>13308</v>
      </c>
      <c r="L2804" s="10" t="s">
        <v>22</v>
      </c>
      <c r="M2804" s="10" t="s">
        <v>22</v>
      </c>
      <c r="N2804" s="10" t="s">
        <v>22</v>
      </c>
      <c r="O2804" s="10" t="s">
        <v>22</v>
      </c>
      <c r="P2804" s="10" t="s">
        <v>22</v>
      </c>
      <c r="Q2804" s="10" t="s">
        <v>22</v>
      </c>
      <c r="R2804" s="10" t="s">
        <v>22</v>
      </c>
      <c r="S2804" s="10" t="s">
        <v>22</v>
      </c>
      <c r="T2804" s="10" t="s">
        <v>22</v>
      </c>
      <c r="U2804" s="10" t="s">
        <v>22</v>
      </c>
      <c r="V2804" s="10" t="s">
        <v>22</v>
      </c>
      <c r="W2804" s="10" t="s">
        <v>22</v>
      </c>
      <c r="X2804" s="10" t="s">
        <v>22</v>
      </c>
      <c r="Y2804" s="10" t="s">
        <v>22</v>
      </c>
      <c r="Z2804" s="10" t="s">
        <v>22</v>
      </c>
    </row>
    <row r="2805" spans="1:26" ht="24" customHeight="1" x14ac:dyDescent="0.2">
      <c r="A2805" s="9" t="s">
        <v>20046</v>
      </c>
      <c r="B2805" s="9" t="s">
        <v>14</v>
      </c>
      <c r="C2805" s="9" t="s">
        <v>13309</v>
      </c>
      <c r="D2805" s="6" t="s">
        <v>13310</v>
      </c>
      <c r="E2805" s="22">
        <v>45174</v>
      </c>
      <c r="F2805" s="22">
        <v>47000</v>
      </c>
      <c r="G2805" s="6" t="s">
        <v>13311</v>
      </c>
      <c r="H2805" s="6" t="s">
        <v>13312</v>
      </c>
      <c r="I2805" s="6" t="s">
        <v>13313</v>
      </c>
      <c r="J2805" s="6" t="s">
        <v>13314</v>
      </c>
      <c r="K2805" s="9" t="s">
        <v>16379</v>
      </c>
      <c r="L2805" s="10" t="s">
        <v>22</v>
      </c>
      <c r="M2805" s="10" t="s">
        <v>22</v>
      </c>
      <c r="N2805" s="10" t="s">
        <v>22</v>
      </c>
      <c r="O2805" s="10" t="s">
        <v>22</v>
      </c>
      <c r="P2805" s="10" t="s">
        <v>22</v>
      </c>
      <c r="Q2805" s="10" t="s">
        <v>22</v>
      </c>
      <c r="R2805" s="10" t="s">
        <v>22</v>
      </c>
      <c r="S2805" s="10" t="s">
        <v>22</v>
      </c>
      <c r="T2805" s="10" t="s">
        <v>22</v>
      </c>
      <c r="U2805" s="10" t="s">
        <v>22</v>
      </c>
      <c r="V2805" s="10" t="s">
        <v>22</v>
      </c>
      <c r="W2805" s="10" t="s">
        <v>22</v>
      </c>
      <c r="X2805" s="10" t="s">
        <v>22</v>
      </c>
      <c r="Y2805" s="10" t="s">
        <v>22</v>
      </c>
      <c r="Z2805" s="10" t="s">
        <v>22</v>
      </c>
    </row>
    <row r="2806" spans="1:26" ht="24" customHeight="1" x14ac:dyDescent="0.2">
      <c r="A2806" s="9" t="s">
        <v>20047</v>
      </c>
      <c r="B2806" s="9" t="s">
        <v>14</v>
      </c>
      <c r="C2806" s="9" t="s">
        <v>13315</v>
      </c>
      <c r="D2806" s="6" t="s">
        <v>13316</v>
      </c>
      <c r="E2806" s="22">
        <v>45174</v>
      </c>
      <c r="F2806" s="22">
        <v>47000</v>
      </c>
      <c r="G2806" s="6" t="s">
        <v>13317</v>
      </c>
      <c r="H2806" s="6" t="s">
        <v>18</v>
      </c>
      <c r="I2806" s="6" t="s">
        <v>19</v>
      </c>
      <c r="J2806" s="6" t="s">
        <v>13318</v>
      </c>
      <c r="K2806" s="9" t="s">
        <v>16380</v>
      </c>
      <c r="L2806" s="10" t="s">
        <v>22</v>
      </c>
      <c r="M2806" s="10" t="s">
        <v>22</v>
      </c>
      <c r="N2806" s="10" t="s">
        <v>22</v>
      </c>
      <c r="O2806" s="10" t="s">
        <v>22</v>
      </c>
      <c r="P2806" s="10" t="s">
        <v>22</v>
      </c>
      <c r="Q2806" s="10" t="s">
        <v>22</v>
      </c>
      <c r="R2806" s="10" t="s">
        <v>22</v>
      </c>
      <c r="S2806" s="10" t="s">
        <v>22</v>
      </c>
      <c r="T2806" s="10" t="s">
        <v>22</v>
      </c>
      <c r="U2806" s="10" t="s">
        <v>22</v>
      </c>
      <c r="V2806" s="10" t="s">
        <v>22</v>
      </c>
      <c r="W2806" s="10" t="s">
        <v>22</v>
      </c>
      <c r="X2806" s="10" t="s">
        <v>22</v>
      </c>
      <c r="Y2806" s="10" t="s">
        <v>22</v>
      </c>
      <c r="Z2806" s="10" t="s">
        <v>22</v>
      </c>
    </row>
    <row r="2807" spans="1:26" ht="24" customHeight="1" x14ac:dyDescent="0.2">
      <c r="A2807" s="9" t="s">
        <v>20048</v>
      </c>
      <c r="B2807" s="9" t="s">
        <v>14</v>
      </c>
      <c r="C2807" s="9" t="s">
        <v>13319</v>
      </c>
      <c r="D2807" s="6" t="s">
        <v>13320</v>
      </c>
      <c r="E2807" s="22">
        <v>45182</v>
      </c>
      <c r="F2807" s="22">
        <v>47008</v>
      </c>
      <c r="G2807" s="6" t="s">
        <v>13321</v>
      </c>
      <c r="H2807" s="6" t="s">
        <v>18</v>
      </c>
      <c r="I2807" s="6" t="s">
        <v>19</v>
      </c>
      <c r="J2807" s="6" t="s">
        <v>13322</v>
      </c>
      <c r="K2807" s="9" t="s">
        <v>16381</v>
      </c>
      <c r="M2807" s="10" t="s">
        <v>22</v>
      </c>
      <c r="N2807" s="10" t="s">
        <v>22</v>
      </c>
      <c r="V2807" s="10" t="s">
        <v>22</v>
      </c>
      <c r="W2807" s="10" t="s">
        <v>22</v>
      </c>
    </row>
    <row r="2808" spans="1:26" ht="24" customHeight="1" x14ac:dyDescent="0.2">
      <c r="A2808" s="9" t="s">
        <v>20049</v>
      </c>
      <c r="B2808" s="9" t="s">
        <v>14</v>
      </c>
      <c r="C2808" s="9" t="s">
        <v>13323</v>
      </c>
      <c r="D2808" s="6" t="s">
        <v>13324</v>
      </c>
      <c r="E2808" s="22">
        <v>45182</v>
      </c>
      <c r="F2808" s="22">
        <v>47008</v>
      </c>
      <c r="G2808" s="6" t="s">
        <v>13325</v>
      </c>
      <c r="H2808" s="6" t="s">
        <v>62</v>
      </c>
      <c r="I2808" s="6" t="s">
        <v>357</v>
      </c>
      <c r="J2808" s="6" t="s">
        <v>13326</v>
      </c>
      <c r="L2808" s="10" t="s">
        <v>22</v>
      </c>
      <c r="M2808" s="10" t="s">
        <v>22</v>
      </c>
      <c r="N2808" s="10" t="s">
        <v>22</v>
      </c>
      <c r="O2808" s="10" t="s">
        <v>22</v>
      </c>
      <c r="P2808" s="10" t="s">
        <v>22</v>
      </c>
      <c r="Q2808" s="10" t="s">
        <v>22</v>
      </c>
      <c r="R2808" s="10" t="s">
        <v>22</v>
      </c>
      <c r="S2808" s="10" t="s">
        <v>22</v>
      </c>
      <c r="T2808" s="10" t="s">
        <v>22</v>
      </c>
      <c r="U2808" s="10" t="s">
        <v>22</v>
      </c>
      <c r="V2808" s="10" t="s">
        <v>22</v>
      </c>
      <c r="W2808" s="10" t="s">
        <v>22</v>
      </c>
      <c r="X2808" s="10" t="s">
        <v>22</v>
      </c>
      <c r="Y2808" s="10" t="s">
        <v>22</v>
      </c>
      <c r="Z2808" s="10" t="s">
        <v>22</v>
      </c>
    </row>
    <row r="2809" spans="1:26" ht="24" customHeight="1" x14ac:dyDescent="0.2">
      <c r="A2809" s="9" t="s">
        <v>20050</v>
      </c>
      <c r="B2809" s="9" t="s">
        <v>14</v>
      </c>
      <c r="C2809" s="9" t="s">
        <v>13327</v>
      </c>
      <c r="D2809" s="6" t="s">
        <v>13328</v>
      </c>
      <c r="E2809" s="22">
        <v>45188</v>
      </c>
      <c r="F2809" s="22">
        <v>47014</v>
      </c>
      <c r="G2809" s="6" t="s">
        <v>13329</v>
      </c>
      <c r="H2809" s="6" t="s">
        <v>62</v>
      </c>
      <c r="I2809" s="6" t="s">
        <v>2378</v>
      </c>
      <c r="J2809" s="6" t="s">
        <v>13330</v>
      </c>
      <c r="K2809" s="9" t="s">
        <v>16382</v>
      </c>
      <c r="L2809" s="10" t="s">
        <v>22</v>
      </c>
      <c r="M2809" s="10" t="s">
        <v>22</v>
      </c>
      <c r="N2809" s="10" t="s">
        <v>22</v>
      </c>
      <c r="O2809" s="10" t="s">
        <v>22</v>
      </c>
      <c r="P2809" s="10" t="s">
        <v>22</v>
      </c>
      <c r="Q2809" s="10" t="s">
        <v>22</v>
      </c>
      <c r="U2809" s="10" t="s">
        <v>22</v>
      </c>
      <c r="V2809" s="10" t="s">
        <v>22</v>
      </c>
      <c r="W2809" s="10" t="s">
        <v>22</v>
      </c>
      <c r="X2809" s="10" t="s">
        <v>22</v>
      </c>
      <c r="Y2809" s="10" t="s">
        <v>22</v>
      </c>
      <c r="Z2809" s="10" t="s">
        <v>22</v>
      </c>
    </row>
    <row r="2810" spans="1:26" ht="24" customHeight="1" x14ac:dyDescent="0.2">
      <c r="A2810" s="9" t="s">
        <v>20051</v>
      </c>
      <c r="B2810" s="9" t="s">
        <v>14</v>
      </c>
      <c r="C2810" s="9" t="s">
        <v>13331</v>
      </c>
      <c r="D2810" s="6" t="s">
        <v>13332</v>
      </c>
      <c r="E2810" s="22">
        <v>45188</v>
      </c>
      <c r="F2810" s="22">
        <v>47014</v>
      </c>
      <c r="G2810" s="6" t="s">
        <v>13333</v>
      </c>
      <c r="H2810" s="6" t="s">
        <v>202</v>
      </c>
      <c r="I2810" s="6" t="s">
        <v>5138</v>
      </c>
      <c r="J2810" s="6" t="s">
        <v>13334</v>
      </c>
      <c r="K2810" s="9" t="s">
        <v>16383</v>
      </c>
      <c r="L2810" s="10" t="s">
        <v>22</v>
      </c>
      <c r="M2810" s="10" t="s">
        <v>22</v>
      </c>
      <c r="N2810" s="10" t="s">
        <v>22</v>
      </c>
      <c r="O2810" s="10" t="s">
        <v>22</v>
      </c>
      <c r="P2810" s="10" t="s">
        <v>22</v>
      </c>
      <c r="Q2810" s="10" t="s">
        <v>22</v>
      </c>
      <c r="R2810" s="10" t="s">
        <v>22</v>
      </c>
      <c r="S2810" s="10" t="s">
        <v>22</v>
      </c>
      <c r="T2810" s="10" t="s">
        <v>22</v>
      </c>
      <c r="U2810" s="10" t="s">
        <v>22</v>
      </c>
      <c r="V2810" s="10" t="s">
        <v>22</v>
      </c>
      <c r="W2810" s="10" t="s">
        <v>22</v>
      </c>
      <c r="X2810" s="10" t="s">
        <v>22</v>
      </c>
      <c r="Y2810" s="10" t="s">
        <v>22</v>
      </c>
      <c r="Z2810" s="10" t="s">
        <v>22</v>
      </c>
    </row>
    <row r="2811" spans="1:26" ht="24" customHeight="1" x14ac:dyDescent="0.2">
      <c r="A2811" s="9" t="s">
        <v>20052</v>
      </c>
      <c r="B2811" s="9" t="s">
        <v>14</v>
      </c>
      <c r="C2811" s="9" t="s">
        <v>13335</v>
      </c>
      <c r="D2811" s="6" t="s">
        <v>13336</v>
      </c>
      <c r="E2811" s="22">
        <v>45190</v>
      </c>
      <c r="F2811" s="22">
        <v>47016</v>
      </c>
      <c r="G2811" s="6" t="s">
        <v>13337</v>
      </c>
      <c r="H2811" s="6" t="s">
        <v>62</v>
      </c>
      <c r="I2811" s="6" t="s">
        <v>186</v>
      </c>
      <c r="J2811" s="6" t="s">
        <v>13338</v>
      </c>
      <c r="K2811" s="9" t="s">
        <v>16384</v>
      </c>
      <c r="L2811" s="10" t="s">
        <v>22</v>
      </c>
      <c r="M2811" s="10" t="s">
        <v>22</v>
      </c>
      <c r="N2811" s="10" t="s">
        <v>22</v>
      </c>
      <c r="O2811" s="10" t="s">
        <v>22</v>
      </c>
      <c r="P2811" s="10" t="s">
        <v>22</v>
      </c>
      <c r="Q2811" s="10" t="s">
        <v>22</v>
      </c>
      <c r="R2811" s="10" t="s">
        <v>22</v>
      </c>
      <c r="S2811" s="10" t="s">
        <v>22</v>
      </c>
      <c r="T2811" s="10" t="s">
        <v>22</v>
      </c>
    </row>
    <row r="2812" spans="1:26" ht="24" customHeight="1" x14ac:dyDescent="0.2">
      <c r="A2812" s="9" t="s">
        <v>20053</v>
      </c>
      <c r="B2812" s="9" t="s">
        <v>14</v>
      </c>
      <c r="C2812" s="9" t="s">
        <v>13339</v>
      </c>
      <c r="D2812" s="6" t="s">
        <v>13340</v>
      </c>
      <c r="E2812" s="22">
        <v>45190</v>
      </c>
      <c r="F2812" s="22">
        <v>47016</v>
      </c>
      <c r="G2812" s="6" t="s">
        <v>13341</v>
      </c>
      <c r="H2812" s="6" t="s">
        <v>18</v>
      </c>
      <c r="I2812" s="6" t="s">
        <v>19</v>
      </c>
      <c r="J2812" s="6" t="s">
        <v>13342</v>
      </c>
      <c r="K2812" s="9" t="s">
        <v>16385</v>
      </c>
      <c r="L2812" s="10" t="s">
        <v>22</v>
      </c>
      <c r="M2812" s="10" t="s">
        <v>22</v>
      </c>
      <c r="N2812" s="10" t="s">
        <v>22</v>
      </c>
      <c r="O2812" s="10" t="s">
        <v>22</v>
      </c>
      <c r="P2812" s="10" t="s">
        <v>22</v>
      </c>
      <c r="Q2812" s="10" t="s">
        <v>22</v>
      </c>
      <c r="R2812" s="10" t="s">
        <v>22</v>
      </c>
      <c r="S2812" s="10" t="s">
        <v>22</v>
      </c>
      <c r="T2812" s="10" t="s">
        <v>22</v>
      </c>
    </row>
    <row r="2813" spans="1:26" ht="24" customHeight="1" x14ac:dyDescent="0.2">
      <c r="A2813" s="9" t="s">
        <v>20054</v>
      </c>
      <c r="B2813" s="9" t="s">
        <v>14</v>
      </c>
      <c r="C2813" s="9" t="s">
        <v>13343</v>
      </c>
      <c r="D2813" s="6" t="s">
        <v>13344</v>
      </c>
      <c r="E2813" s="22">
        <v>45198</v>
      </c>
      <c r="F2813" s="22">
        <v>47024</v>
      </c>
      <c r="G2813" s="6" t="s">
        <v>13345</v>
      </c>
      <c r="H2813" s="6" t="s">
        <v>202</v>
      </c>
      <c r="I2813" s="6" t="s">
        <v>863</v>
      </c>
      <c r="J2813" s="6" t="s">
        <v>13346</v>
      </c>
      <c r="L2813" s="10" t="s">
        <v>22</v>
      </c>
      <c r="M2813" s="10" t="s">
        <v>22</v>
      </c>
      <c r="N2813" s="10" t="s">
        <v>22</v>
      </c>
      <c r="O2813" s="10" t="s">
        <v>22</v>
      </c>
      <c r="P2813" s="10" t="s">
        <v>22</v>
      </c>
      <c r="Q2813" s="10" t="s">
        <v>22</v>
      </c>
      <c r="R2813" s="10" t="s">
        <v>22</v>
      </c>
      <c r="S2813" s="10" t="s">
        <v>22</v>
      </c>
      <c r="T2813" s="10" t="s">
        <v>22</v>
      </c>
      <c r="U2813" s="10" t="s">
        <v>22</v>
      </c>
      <c r="V2813" s="10" t="s">
        <v>22</v>
      </c>
      <c r="W2813" s="10" t="s">
        <v>22</v>
      </c>
      <c r="X2813" s="10" t="s">
        <v>22</v>
      </c>
      <c r="Y2813" s="10" t="s">
        <v>22</v>
      </c>
      <c r="Z2813" s="10" t="s">
        <v>22</v>
      </c>
    </row>
    <row r="2814" spans="1:26" ht="24" customHeight="1" x14ac:dyDescent="0.2">
      <c r="A2814" s="9" t="s">
        <v>20055</v>
      </c>
      <c r="B2814" s="9" t="s">
        <v>14</v>
      </c>
      <c r="C2814" s="9" t="s">
        <v>13347</v>
      </c>
      <c r="D2814" s="6" t="s">
        <v>13348</v>
      </c>
      <c r="E2814" s="22">
        <v>45198</v>
      </c>
      <c r="F2814" s="22">
        <v>47024</v>
      </c>
      <c r="G2814" s="6" t="s">
        <v>13349</v>
      </c>
      <c r="H2814" s="6" t="s">
        <v>18</v>
      </c>
      <c r="I2814" s="6" t="s">
        <v>26</v>
      </c>
      <c r="J2814" s="6" t="s">
        <v>13350</v>
      </c>
      <c r="K2814" s="9" t="s">
        <v>16386</v>
      </c>
      <c r="L2814" s="10" t="s">
        <v>22</v>
      </c>
      <c r="M2814" s="10" t="s">
        <v>22</v>
      </c>
      <c r="N2814" s="10" t="s">
        <v>22</v>
      </c>
      <c r="O2814" s="10" t="s">
        <v>22</v>
      </c>
      <c r="P2814" s="10" t="s">
        <v>22</v>
      </c>
      <c r="Q2814" s="10" t="s">
        <v>22</v>
      </c>
      <c r="R2814" s="10" t="s">
        <v>22</v>
      </c>
      <c r="S2814" s="10" t="s">
        <v>22</v>
      </c>
      <c r="T2814" s="10" t="s">
        <v>22</v>
      </c>
      <c r="U2814" s="10" t="s">
        <v>22</v>
      </c>
      <c r="V2814" s="10" t="s">
        <v>22</v>
      </c>
      <c r="W2814" s="10" t="s">
        <v>22</v>
      </c>
      <c r="X2814" s="10" t="s">
        <v>22</v>
      </c>
      <c r="Y2814" s="10" t="s">
        <v>22</v>
      </c>
      <c r="Z2814" s="10" t="s">
        <v>22</v>
      </c>
    </row>
    <row r="2815" spans="1:26" ht="24" customHeight="1" x14ac:dyDescent="0.2">
      <c r="A2815" s="9" t="s">
        <v>20056</v>
      </c>
      <c r="B2815" s="9" t="s">
        <v>14</v>
      </c>
      <c r="C2815" s="9" t="s">
        <v>13351</v>
      </c>
      <c r="D2815" s="6" t="s">
        <v>13352</v>
      </c>
      <c r="E2815" s="22">
        <v>45201</v>
      </c>
      <c r="F2815" s="22">
        <v>47027</v>
      </c>
      <c r="G2815" s="6" t="s">
        <v>13353</v>
      </c>
      <c r="H2815" s="6" t="s">
        <v>4409</v>
      </c>
      <c r="I2815" s="6" t="s">
        <v>6984</v>
      </c>
      <c r="J2815" s="6" t="s">
        <v>13354</v>
      </c>
      <c r="K2815" s="9" t="s">
        <v>16387</v>
      </c>
      <c r="L2815" s="10" t="s">
        <v>22</v>
      </c>
      <c r="M2815" s="10" t="s">
        <v>22</v>
      </c>
      <c r="N2815" s="10" t="s">
        <v>22</v>
      </c>
      <c r="O2815" s="10" t="s">
        <v>22</v>
      </c>
      <c r="P2815" s="10" t="s">
        <v>22</v>
      </c>
      <c r="Q2815" s="10" t="s">
        <v>22</v>
      </c>
      <c r="U2815" s="10" t="s">
        <v>22</v>
      </c>
      <c r="V2815" s="10" t="s">
        <v>22</v>
      </c>
      <c r="W2815" s="10" t="s">
        <v>22</v>
      </c>
      <c r="X2815" s="10" t="s">
        <v>22</v>
      </c>
      <c r="Y2815" s="10" t="s">
        <v>22</v>
      </c>
      <c r="Z2815" s="10" t="s">
        <v>22</v>
      </c>
    </row>
    <row r="2816" spans="1:26" ht="24" customHeight="1" x14ac:dyDescent="0.2">
      <c r="A2816" s="9" t="s">
        <v>20057</v>
      </c>
      <c r="B2816" s="9" t="s">
        <v>14</v>
      </c>
      <c r="C2816" s="9" t="s">
        <v>13355</v>
      </c>
      <c r="D2816" s="6" t="s">
        <v>13356</v>
      </c>
      <c r="E2816" s="22">
        <v>45203</v>
      </c>
      <c r="F2816" s="22">
        <v>47029</v>
      </c>
      <c r="G2816" s="6" t="s">
        <v>13357</v>
      </c>
      <c r="H2816" s="6" t="s">
        <v>62</v>
      </c>
      <c r="I2816" s="6" t="s">
        <v>551</v>
      </c>
      <c r="J2816" s="6" t="s">
        <v>13358</v>
      </c>
      <c r="K2816" s="9" t="s">
        <v>16388</v>
      </c>
      <c r="L2816" s="10" t="s">
        <v>22</v>
      </c>
      <c r="M2816" s="10" t="s">
        <v>22</v>
      </c>
      <c r="N2816" s="10" t="s">
        <v>22</v>
      </c>
      <c r="O2816" s="10" t="s">
        <v>22</v>
      </c>
      <c r="P2816" s="10" t="s">
        <v>22</v>
      </c>
      <c r="Q2816" s="10" t="s">
        <v>22</v>
      </c>
      <c r="U2816" s="10" t="s">
        <v>22</v>
      </c>
      <c r="V2816" s="10" t="s">
        <v>22</v>
      </c>
      <c r="W2816" s="10" t="s">
        <v>22</v>
      </c>
      <c r="X2816" s="10" t="s">
        <v>22</v>
      </c>
      <c r="Y2816" s="10" t="s">
        <v>22</v>
      </c>
      <c r="Z2816" s="10" t="s">
        <v>22</v>
      </c>
    </row>
    <row r="2817" spans="1:26" ht="24" customHeight="1" x14ac:dyDescent="0.2">
      <c r="A2817" s="9" t="s">
        <v>20058</v>
      </c>
      <c r="B2817" s="9" t="s">
        <v>14</v>
      </c>
      <c r="C2817" s="9" t="s">
        <v>13359</v>
      </c>
      <c r="D2817" s="6" t="s">
        <v>13360</v>
      </c>
      <c r="E2817" s="22">
        <v>45203</v>
      </c>
      <c r="F2817" s="22">
        <v>47029</v>
      </c>
      <c r="G2817" s="6" t="s">
        <v>13361</v>
      </c>
      <c r="H2817" s="6" t="s">
        <v>363</v>
      </c>
      <c r="I2817" s="6" t="s">
        <v>4334</v>
      </c>
      <c r="J2817" s="6" t="s">
        <v>13362</v>
      </c>
      <c r="K2817" s="9" t="s">
        <v>16389</v>
      </c>
      <c r="L2817" s="10" t="s">
        <v>22</v>
      </c>
      <c r="M2817" s="10" t="s">
        <v>22</v>
      </c>
      <c r="N2817" s="10" t="s">
        <v>22</v>
      </c>
      <c r="O2817" s="10" t="s">
        <v>22</v>
      </c>
      <c r="P2817" s="10" t="s">
        <v>22</v>
      </c>
      <c r="Q2817" s="10" t="s">
        <v>22</v>
      </c>
      <c r="R2817" s="10" t="s">
        <v>22</v>
      </c>
      <c r="S2817" s="10" t="s">
        <v>22</v>
      </c>
      <c r="T2817" s="10" t="s">
        <v>22</v>
      </c>
      <c r="U2817" s="10" t="s">
        <v>22</v>
      </c>
      <c r="V2817" s="10" t="s">
        <v>22</v>
      </c>
      <c r="W2817" s="10" t="s">
        <v>22</v>
      </c>
      <c r="X2817" s="10" t="s">
        <v>22</v>
      </c>
      <c r="Y2817" s="10" t="s">
        <v>22</v>
      </c>
      <c r="Z2817" s="10" t="s">
        <v>22</v>
      </c>
    </row>
    <row r="2818" spans="1:26" ht="24" customHeight="1" x14ac:dyDescent="0.2">
      <c r="A2818" s="9" t="s">
        <v>20059</v>
      </c>
      <c r="B2818" s="9" t="s">
        <v>14</v>
      </c>
      <c r="C2818" s="9" t="s">
        <v>13363</v>
      </c>
      <c r="D2818" s="6" t="s">
        <v>13364</v>
      </c>
      <c r="E2818" s="22">
        <v>45210</v>
      </c>
      <c r="F2818" s="22">
        <v>47036</v>
      </c>
      <c r="G2818" s="6" t="s">
        <v>13365</v>
      </c>
      <c r="H2818" s="6" t="s">
        <v>62</v>
      </c>
      <c r="I2818" s="6" t="s">
        <v>414</v>
      </c>
      <c r="J2818" s="6" t="s">
        <v>13366</v>
      </c>
      <c r="K2818" s="9" t="s">
        <v>16390</v>
      </c>
      <c r="L2818" s="10" t="s">
        <v>22</v>
      </c>
      <c r="M2818" s="10" t="s">
        <v>22</v>
      </c>
      <c r="N2818" s="10" t="s">
        <v>22</v>
      </c>
      <c r="O2818" s="10" t="s">
        <v>22</v>
      </c>
      <c r="P2818" s="10" t="s">
        <v>22</v>
      </c>
      <c r="Q2818" s="10" t="s">
        <v>22</v>
      </c>
      <c r="U2818" s="10" t="s">
        <v>22</v>
      </c>
      <c r="V2818" s="10" t="s">
        <v>22</v>
      </c>
      <c r="W2818" s="10" t="s">
        <v>22</v>
      </c>
      <c r="X2818" s="10" t="s">
        <v>22</v>
      </c>
      <c r="Y2818" s="10" t="s">
        <v>22</v>
      </c>
      <c r="Z2818" s="10" t="s">
        <v>22</v>
      </c>
    </row>
    <row r="2819" spans="1:26" ht="24" customHeight="1" x14ac:dyDescent="0.2">
      <c r="A2819" s="9" t="s">
        <v>20060</v>
      </c>
      <c r="B2819" s="9" t="s">
        <v>14</v>
      </c>
      <c r="C2819" s="9" t="s">
        <v>13367</v>
      </c>
      <c r="D2819" s="6" t="s">
        <v>13368</v>
      </c>
      <c r="E2819" s="22">
        <v>45210</v>
      </c>
      <c r="F2819" s="22">
        <v>47036</v>
      </c>
      <c r="G2819" s="6" t="s">
        <v>13369</v>
      </c>
      <c r="H2819" s="6" t="s">
        <v>18</v>
      </c>
      <c r="I2819" s="6" t="s">
        <v>19</v>
      </c>
      <c r="J2819" s="6" t="s">
        <v>13370</v>
      </c>
      <c r="K2819" s="9" t="s">
        <v>16391</v>
      </c>
      <c r="L2819" s="10" t="s">
        <v>22</v>
      </c>
      <c r="M2819" s="10" t="s">
        <v>22</v>
      </c>
      <c r="N2819" s="10" t="s">
        <v>22</v>
      </c>
      <c r="R2819" s="10" t="s">
        <v>22</v>
      </c>
      <c r="S2819" s="10" t="s">
        <v>22</v>
      </c>
      <c r="T2819" s="10" t="s">
        <v>22</v>
      </c>
      <c r="U2819" s="10" t="s">
        <v>22</v>
      </c>
      <c r="V2819" s="10" t="s">
        <v>22</v>
      </c>
      <c r="W2819" s="10" t="s">
        <v>22</v>
      </c>
    </row>
    <row r="2820" spans="1:26" ht="24" customHeight="1" x14ac:dyDescent="0.2">
      <c r="A2820" s="9" t="s">
        <v>20061</v>
      </c>
      <c r="B2820" s="9" t="s">
        <v>14</v>
      </c>
      <c r="C2820" s="9" t="s">
        <v>13371</v>
      </c>
      <c r="D2820" s="6" t="s">
        <v>13372</v>
      </c>
      <c r="E2820" s="22">
        <v>45210</v>
      </c>
      <c r="F2820" s="22">
        <v>47036</v>
      </c>
      <c r="G2820" s="6" t="s">
        <v>13373</v>
      </c>
      <c r="H2820" s="6" t="s">
        <v>18</v>
      </c>
      <c r="I2820" s="6" t="s">
        <v>19</v>
      </c>
      <c r="J2820" s="6" t="s">
        <v>13374</v>
      </c>
      <c r="K2820" s="9" t="s">
        <v>16392</v>
      </c>
      <c r="L2820" s="10" t="s">
        <v>22</v>
      </c>
      <c r="M2820" s="10" t="s">
        <v>22</v>
      </c>
      <c r="N2820" s="10" t="s">
        <v>22</v>
      </c>
      <c r="O2820" s="10" t="s">
        <v>22</v>
      </c>
      <c r="P2820" s="10" t="s">
        <v>22</v>
      </c>
      <c r="Q2820" s="10" t="s">
        <v>22</v>
      </c>
      <c r="R2820" s="10" t="s">
        <v>22</v>
      </c>
      <c r="S2820" s="10" t="s">
        <v>22</v>
      </c>
      <c r="T2820" s="10" t="s">
        <v>22</v>
      </c>
    </row>
    <row r="2821" spans="1:26" ht="30" customHeight="1" x14ac:dyDescent="0.2">
      <c r="A2821" s="9" t="s">
        <v>20062</v>
      </c>
      <c r="B2821" s="9" t="s">
        <v>14</v>
      </c>
      <c r="C2821" s="9" t="s">
        <v>13375</v>
      </c>
      <c r="D2821" s="6" t="s">
        <v>13376</v>
      </c>
      <c r="E2821" s="22">
        <v>45210</v>
      </c>
      <c r="F2821" s="22">
        <v>47036</v>
      </c>
      <c r="G2821" s="6" t="s">
        <v>13377</v>
      </c>
      <c r="H2821" s="6" t="s">
        <v>202</v>
      </c>
      <c r="I2821" s="6" t="s">
        <v>863</v>
      </c>
      <c r="J2821" s="6" t="s">
        <v>13378</v>
      </c>
      <c r="K2821" s="9" t="s">
        <v>16393</v>
      </c>
      <c r="L2821" s="10" t="s">
        <v>22</v>
      </c>
      <c r="M2821" s="10" t="s">
        <v>22</v>
      </c>
      <c r="N2821" s="10" t="s">
        <v>22</v>
      </c>
      <c r="U2821" s="10" t="s">
        <v>22</v>
      </c>
      <c r="V2821" s="10" t="s">
        <v>22</v>
      </c>
      <c r="W2821" s="10" t="s">
        <v>22</v>
      </c>
    </row>
    <row r="2822" spans="1:26" ht="24" customHeight="1" x14ac:dyDescent="0.2">
      <c r="A2822" s="9" t="s">
        <v>20063</v>
      </c>
      <c r="B2822" s="9" t="s">
        <v>14</v>
      </c>
      <c r="C2822" s="9" t="s">
        <v>13379</v>
      </c>
      <c r="D2822" s="6" t="s">
        <v>13380</v>
      </c>
      <c r="E2822" s="22">
        <v>45203</v>
      </c>
      <c r="F2822" s="22">
        <v>47029</v>
      </c>
      <c r="G2822" s="6" t="s">
        <v>13381</v>
      </c>
      <c r="H2822" s="6" t="s">
        <v>62</v>
      </c>
      <c r="I2822" s="6" t="s">
        <v>1444</v>
      </c>
      <c r="J2822" s="6" t="s">
        <v>13382</v>
      </c>
      <c r="K2822" s="9" t="s">
        <v>16394</v>
      </c>
      <c r="L2822" s="10" t="s">
        <v>22</v>
      </c>
      <c r="M2822" s="10" t="s">
        <v>22</v>
      </c>
      <c r="N2822" s="10" t="s">
        <v>22</v>
      </c>
      <c r="O2822" s="10" t="s">
        <v>22</v>
      </c>
      <c r="P2822" s="10" t="s">
        <v>22</v>
      </c>
      <c r="Q2822" s="10" t="s">
        <v>22</v>
      </c>
      <c r="R2822" s="10" t="s">
        <v>22</v>
      </c>
      <c r="S2822" s="10" t="s">
        <v>22</v>
      </c>
      <c r="T2822" s="10" t="s">
        <v>22</v>
      </c>
      <c r="U2822" s="10" t="s">
        <v>22</v>
      </c>
      <c r="V2822" s="10" t="s">
        <v>22</v>
      </c>
      <c r="W2822" s="10" t="s">
        <v>22</v>
      </c>
      <c r="X2822" s="10" t="s">
        <v>22</v>
      </c>
      <c r="Y2822" s="10" t="s">
        <v>22</v>
      </c>
      <c r="Z2822" s="10" t="s">
        <v>22</v>
      </c>
    </row>
    <row r="2823" spans="1:26" ht="24" customHeight="1" x14ac:dyDescent="0.2">
      <c r="A2823" s="9" t="s">
        <v>20064</v>
      </c>
      <c r="B2823" s="9" t="s">
        <v>14</v>
      </c>
      <c r="C2823" s="9" t="s">
        <v>13383</v>
      </c>
      <c r="D2823" s="6" t="s">
        <v>13384</v>
      </c>
      <c r="E2823" s="22">
        <v>45216</v>
      </c>
      <c r="F2823" s="22">
        <v>47042</v>
      </c>
      <c r="G2823" s="6" t="s">
        <v>13385</v>
      </c>
      <c r="H2823" s="6" t="s">
        <v>202</v>
      </c>
      <c r="I2823" s="6" t="s">
        <v>954</v>
      </c>
      <c r="J2823" s="6" t="s">
        <v>13386</v>
      </c>
      <c r="K2823" s="9" t="s">
        <v>16395</v>
      </c>
      <c r="L2823" s="10" t="s">
        <v>22</v>
      </c>
      <c r="M2823" s="10" t="s">
        <v>22</v>
      </c>
      <c r="N2823" s="10" t="s">
        <v>22</v>
      </c>
      <c r="U2823" s="10" t="s">
        <v>22</v>
      </c>
      <c r="V2823" s="10" t="s">
        <v>22</v>
      </c>
      <c r="W2823" s="10" t="s">
        <v>22</v>
      </c>
    </row>
    <row r="2824" spans="1:26" ht="24" customHeight="1" x14ac:dyDescent="0.2">
      <c r="A2824" s="9" t="s">
        <v>20065</v>
      </c>
      <c r="B2824" s="9" t="s">
        <v>14</v>
      </c>
      <c r="C2824" s="9" t="s">
        <v>13387</v>
      </c>
      <c r="D2824" s="6" t="s">
        <v>13388</v>
      </c>
      <c r="E2824" s="22">
        <v>45216</v>
      </c>
      <c r="F2824" s="22">
        <v>47042</v>
      </c>
      <c r="G2824" s="6" t="s">
        <v>13389</v>
      </c>
      <c r="H2824" s="6" t="s">
        <v>62</v>
      </c>
      <c r="I2824" s="6" t="s">
        <v>357</v>
      </c>
      <c r="J2824" s="6" t="s">
        <v>13390</v>
      </c>
      <c r="K2824" s="9" t="s">
        <v>16396</v>
      </c>
      <c r="M2824" s="10" t="s">
        <v>22</v>
      </c>
      <c r="N2824" s="10" t="s">
        <v>22</v>
      </c>
      <c r="P2824" s="10" t="s">
        <v>22</v>
      </c>
      <c r="Q2824" s="10" t="s">
        <v>22</v>
      </c>
      <c r="S2824" s="10" t="s">
        <v>22</v>
      </c>
      <c r="T2824" s="10" t="s">
        <v>22</v>
      </c>
      <c r="V2824" s="10" t="s">
        <v>22</v>
      </c>
      <c r="W2824" s="10" t="s">
        <v>22</v>
      </c>
      <c r="Y2824" s="10" t="s">
        <v>22</v>
      </c>
      <c r="Z2824" s="10" t="s">
        <v>22</v>
      </c>
    </row>
    <row r="2825" spans="1:26" ht="24" customHeight="1" x14ac:dyDescent="0.2">
      <c r="A2825" s="9" t="s">
        <v>20066</v>
      </c>
      <c r="B2825" s="9" t="s">
        <v>14</v>
      </c>
      <c r="C2825" s="9" t="s">
        <v>13391</v>
      </c>
      <c r="D2825" s="6" t="s">
        <v>13392</v>
      </c>
      <c r="E2825" s="22">
        <v>45216</v>
      </c>
      <c r="F2825" s="22">
        <v>47042</v>
      </c>
      <c r="G2825" s="6" t="s">
        <v>13393</v>
      </c>
      <c r="H2825" s="6" t="s">
        <v>18</v>
      </c>
      <c r="I2825" s="6" t="s">
        <v>26</v>
      </c>
      <c r="J2825" s="6" t="s">
        <v>13394</v>
      </c>
      <c r="K2825" s="9" t="s">
        <v>16397</v>
      </c>
      <c r="L2825" s="10" t="s">
        <v>22</v>
      </c>
      <c r="M2825" s="10" t="s">
        <v>22</v>
      </c>
      <c r="N2825" s="10" t="s">
        <v>22</v>
      </c>
      <c r="U2825" s="10" t="s">
        <v>22</v>
      </c>
      <c r="V2825" s="10" t="s">
        <v>22</v>
      </c>
      <c r="W2825" s="10" t="s">
        <v>22</v>
      </c>
    </row>
    <row r="2826" spans="1:26" ht="24" customHeight="1" x14ac:dyDescent="0.2">
      <c r="A2826" s="9" t="s">
        <v>20067</v>
      </c>
      <c r="B2826" s="9" t="s">
        <v>14</v>
      </c>
      <c r="C2826" s="9" t="s">
        <v>13395</v>
      </c>
      <c r="D2826" s="6" t="s">
        <v>13396</v>
      </c>
      <c r="E2826" s="22">
        <v>45222</v>
      </c>
      <c r="F2826" s="22">
        <v>47048</v>
      </c>
      <c r="G2826" s="6" t="s">
        <v>13397</v>
      </c>
      <c r="H2826" s="6" t="s">
        <v>363</v>
      </c>
      <c r="I2826" s="6" t="s">
        <v>10567</v>
      </c>
      <c r="J2826" s="6" t="s">
        <v>13398</v>
      </c>
      <c r="K2826" s="9" t="s">
        <v>16398</v>
      </c>
      <c r="L2826" s="10" t="s">
        <v>22</v>
      </c>
      <c r="M2826" s="10" t="s">
        <v>22</v>
      </c>
      <c r="N2826" s="10" t="s">
        <v>22</v>
      </c>
      <c r="O2826" s="10" t="s">
        <v>22</v>
      </c>
      <c r="P2826" s="10" t="s">
        <v>22</v>
      </c>
      <c r="Q2826" s="10" t="s">
        <v>22</v>
      </c>
      <c r="R2826" s="10" t="s">
        <v>22</v>
      </c>
      <c r="S2826" s="10" t="s">
        <v>22</v>
      </c>
      <c r="T2826" s="10" t="s">
        <v>22</v>
      </c>
      <c r="U2826" s="10" t="s">
        <v>22</v>
      </c>
      <c r="V2826" s="10" t="s">
        <v>22</v>
      </c>
      <c r="W2826" s="10" t="s">
        <v>22</v>
      </c>
      <c r="X2826" s="10" t="s">
        <v>22</v>
      </c>
      <c r="Y2826" s="10" t="s">
        <v>22</v>
      </c>
      <c r="Z2826" s="10" t="s">
        <v>22</v>
      </c>
    </row>
    <row r="2827" spans="1:26" ht="24" customHeight="1" x14ac:dyDescent="0.2">
      <c r="A2827" s="9" t="s">
        <v>20068</v>
      </c>
      <c r="B2827" s="9" t="s">
        <v>14</v>
      </c>
      <c r="C2827" s="9" t="s">
        <v>13399</v>
      </c>
      <c r="D2827" s="6" t="s">
        <v>13400</v>
      </c>
      <c r="E2827" s="22">
        <v>45222</v>
      </c>
      <c r="F2827" s="22">
        <v>47048</v>
      </c>
      <c r="G2827" s="6" t="s">
        <v>13401</v>
      </c>
      <c r="H2827" s="6" t="s">
        <v>18</v>
      </c>
      <c r="I2827" s="6" t="s">
        <v>19</v>
      </c>
      <c r="J2827" s="6" t="s">
        <v>13402</v>
      </c>
      <c r="K2827" s="9" t="s">
        <v>16399</v>
      </c>
      <c r="L2827" s="10" t="s">
        <v>22</v>
      </c>
      <c r="M2827" s="10" t="s">
        <v>22</v>
      </c>
      <c r="N2827" s="10" t="s">
        <v>22</v>
      </c>
      <c r="O2827" s="10" t="s">
        <v>22</v>
      </c>
      <c r="P2827" s="10" t="s">
        <v>22</v>
      </c>
      <c r="Q2827" s="10" t="s">
        <v>22</v>
      </c>
      <c r="R2827" s="10" t="s">
        <v>22</v>
      </c>
      <c r="S2827" s="10" t="s">
        <v>22</v>
      </c>
      <c r="T2827" s="10" t="s">
        <v>22</v>
      </c>
      <c r="U2827" s="10" t="s">
        <v>22</v>
      </c>
      <c r="V2827" s="10" t="s">
        <v>22</v>
      </c>
      <c r="W2827" s="10" t="s">
        <v>22</v>
      </c>
      <c r="X2827" s="10" t="s">
        <v>22</v>
      </c>
      <c r="Y2827" s="10" t="s">
        <v>22</v>
      </c>
      <c r="Z2827" s="10" t="s">
        <v>22</v>
      </c>
    </row>
    <row r="2828" spans="1:26" ht="24" customHeight="1" x14ac:dyDescent="0.2">
      <c r="A2828" s="9" t="s">
        <v>20069</v>
      </c>
      <c r="B2828" s="9" t="s">
        <v>14</v>
      </c>
      <c r="C2828" s="9" t="s">
        <v>13399</v>
      </c>
      <c r="D2828" s="6" t="s">
        <v>13400</v>
      </c>
      <c r="E2828" s="22">
        <v>45222</v>
      </c>
      <c r="F2828" s="22">
        <v>47048</v>
      </c>
      <c r="G2828" s="6" t="s">
        <v>13403</v>
      </c>
      <c r="H2828" s="6" t="s">
        <v>18</v>
      </c>
      <c r="I2828" s="6" t="s">
        <v>19</v>
      </c>
      <c r="J2828" s="6" t="s">
        <v>13404</v>
      </c>
      <c r="K2828" s="9" t="s">
        <v>16400</v>
      </c>
      <c r="L2828" s="10" t="s">
        <v>22</v>
      </c>
      <c r="M2828" s="10" t="s">
        <v>22</v>
      </c>
      <c r="N2828" s="10" t="s">
        <v>22</v>
      </c>
      <c r="O2828" s="10" t="s">
        <v>22</v>
      </c>
      <c r="P2828" s="10" t="s">
        <v>22</v>
      </c>
      <c r="Q2828" s="10" t="s">
        <v>22</v>
      </c>
      <c r="R2828" s="10" t="s">
        <v>22</v>
      </c>
      <c r="S2828" s="10" t="s">
        <v>22</v>
      </c>
      <c r="T2828" s="10" t="s">
        <v>22</v>
      </c>
      <c r="U2828" s="10" t="s">
        <v>22</v>
      </c>
      <c r="V2828" s="10" t="s">
        <v>22</v>
      </c>
      <c r="W2828" s="10" t="s">
        <v>22</v>
      </c>
      <c r="X2828" s="10" t="s">
        <v>22</v>
      </c>
      <c r="Y2828" s="10" t="s">
        <v>22</v>
      </c>
      <c r="Z2828" s="10" t="s">
        <v>22</v>
      </c>
    </row>
    <row r="2829" spans="1:26" ht="24" customHeight="1" x14ac:dyDescent="0.2">
      <c r="A2829" s="9" t="s">
        <v>20070</v>
      </c>
      <c r="B2829" s="9" t="s">
        <v>14</v>
      </c>
      <c r="C2829" s="9" t="s">
        <v>13405</v>
      </c>
      <c r="D2829" s="6" t="s">
        <v>13406</v>
      </c>
      <c r="E2829" s="22">
        <v>45222</v>
      </c>
      <c r="F2829" s="22">
        <v>47048</v>
      </c>
      <c r="G2829" s="6" t="s">
        <v>13407</v>
      </c>
      <c r="H2829" s="6" t="s">
        <v>62</v>
      </c>
      <c r="I2829" s="6" t="s">
        <v>1141</v>
      </c>
      <c r="J2829" s="6" t="s">
        <v>13408</v>
      </c>
      <c r="K2829" s="9" t="s">
        <v>16401</v>
      </c>
      <c r="L2829" s="10" t="s">
        <v>22</v>
      </c>
      <c r="M2829" s="10" t="s">
        <v>22</v>
      </c>
      <c r="N2829" s="10" t="s">
        <v>22</v>
      </c>
      <c r="U2829" s="10" t="s">
        <v>22</v>
      </c>
      <c r="V2829" s="10" t="s">
        <v>22</v>
      </c>
      <c r="W2829" s="10" t="s">
        <v>22</v>
      </c>
    </row>
    <row r="2830" spans="1:26" ht="24" customHeight="1" x14ac:dyDescent="0.2">
      <c r="A2830" s="9" t="s">
        <v>20071</v>
      </c>
      <c r="B2830" s="9" t="s">
        <v>14</v>
      </c>
      <c r="C2830" s="9" t="s">
        <v>13409</v>
      </c>
      <c r="D2830" s="6" t="s">
        <v>13410</v>
      </c>
      <c r="E2830" s="22">
        <v>45222</v>
      </c>
      <c r="F2830" s="22">
        <v>47048</v>
      </c>
      <c r="G2830" s="6" t="s">
        <v>13411</v>
      </c>
      <c r="H2830" s="6" t="s">
        <v>202</v>
      </c>
      <c r="I2830" s="6" t="s">
        <v>873</v>
      </c>
      <c r="J2830" s="6" t="s">
        <v>13412</v>
      </c>
      <c r="K2830" s="9" t="s">
        <v>16402</v>
      </c>
      <c r="L2830" s="10" t="s">
        <v>22</v>
      </c>
      <c r="M2830" s="10" t="s">
        <v>22</v>
      </c>
      <c r="N2830" s="10" t="s">
        <v>22</v>
      </c>
      <c r="O2830" s="10" t="s">
        <v>22</v>
      </c>
      <c r="P2830" s="10" t="s">
        <v>22</v>
      </c>
      <c r="Q2830" s="10" t="s">
        <v>22</v>
      </c>
      <c r="U2830" s="10" t="s">
        <v>22</v>
      </c>
      <c r="V2830" s="10" t="s">
        <v>22</v>
      </c>
      <c r="W2830" s="10" t="s">
        <v>22</v>
      </c>
      <c r="X2830" s="10" t="s">
        <v>22</v>
      </c>
      <c r="Y2830" s="10" t="s">
        <v>22</v>
      </c>
      <c r="Z2830" s="10" t="s">
        <v>22</v>
      </c>
    </row>
    <row r="2831" spans="1:26" ht="24" customHeight="1" x14ac:dyDescent="0.2">
      <c r="A2831" s="9" t="s">
        <v>20072</v>
      </c>
      <c r="B2831" s="9" t="s">
        <v>14</v>
      </c>
      <c r="C2831" s="9" t="s">
        <v>13413</v>
      </c>
      <c r="D2831" s="6" t="s">
        <v>13414</v>
      </c>
      <c r="E2831" s="22">
        <v>45222</v>
      </c>
      <c r="F2831" s="22">
        <v>47048</v>
      </c>
      <c r="G2831" s="6" t="s">
        <v>13415</v>
      </c>
      <c r="H2831" s="6" t="s">
        <v>62</v>
      </c>
      <c r="I2831" s="6" t="s">
        <v>414</v>
      </c>
      <c r="J2831" s="6" t="s">
        <v>13416</v>
      </c>
      <c r="K2831" s="9" t="s">
        <v>16403</v>
      </c>
      <c r="L2831" s="10" t="s">
        <v>22</v>
      </c>
      <c r="M2831" s="10" t="s">
        <v>22</v>
      </c>
      <c r="N2831" s="10" t="s">
        <v>22</v>
      </c>
      <c r="O2831" s="10" t="s">
        <v>22</v>
      </c>
      <c r="P2831" s="10" t="s">
        <v>22</v>
      </c>
      <c r="Q2831" s="10" t="s">
        <v>22</v>
      </c>
      <c r="U2831" s="10" t="s">
        <v>22</v>
      </c>
      <c r="V2831" s="10" t="s">
        <v>22</v>
      </c>
      <c r="W2831" s="10" t="s">
        <v>22</v>
      </c>
      <c r="X2831" s="10" t="s">
        <v>22</v>
      </c>
      <c r="Y2831" s="10" t="s">
        <v>22</v>
      </c>
      <c r="Z2831" s="10" t="s">
        <v>22</v>
      </c>
    </row>
    <row r="2832" spans="1:26" ht="24" customHeight="1" x14ac:dyDescent="0.2">
      <c r="A2832" s="9" t="s">
        <v>20073</v>
      </c>
      <c r="B2832" s="9" t="s">
        <v>14</v>
      </c>
      <c r="C2832" s="9" t="s">
        <v>13417</v>
      </c>
      <c r="D2832" s="6" t="s">
        <v>13418</v>
      </c>
      <c r="E2832" s="22">
        <v>45222</v>
      </c>
      <c r="F2832" s="22">
        <v>47048</v>
      </c>
      <c r="G2832" s="6" t="s">
        <v>13419</v>
      </c>
      <c r="H2832" s="6" t="s">
        <v>229</v>
      </c>
      <c r="I2832" s="6" t="s">
        <v>1397</v>
      </c>
      <c r="J2832" s="6" t="s">
        <v>13420</v>
      </c>
      <c r="K2832" s="9" t="s">
        <v>16404</v>
      </c>
      <c r="L2832" s="10" t="s">
        <v>22</v>
      </c>
      <c r="M2832" s="10" t="s">
        <v>22</v>
      </c>
      <c r="N2832" s="10" t="s">
        <v>22</v>
      </c>
      <c r="U2832" s="10" t="s">
        <v>22</v>
      </c>
      <c r="V2832" s="10" t="s">
        <v>22</v>
      </c>
      <c r="W2832" s="10" t="s">
        <v>22</v>
      </c>
    </row>
    <row r="2833" spans="1:26" ht="24" customHeight="1" x14ac:dyDescent="0.2">
      <c r="A2833" s="9" t="s">
        <v>20074</v>
      </c>
      <c r="B2833" s="9" t="s">
        <v>14</v>
      </c>
      <c r="C2833" s="9" t="s">
        <v>13421</v>
      </c>
      <c r="D2833" s="6" t="s">
        <v>13422</v>
      </c>
      <c r="E2833" s="22">
        <v>45222</v>
      </c>
      <c r="F2833" s="22">
        <v>47048</v>
      </c>
      <c r="G2833" s="6" t="s">
        <v>13423</v>
      </c>
      <c r="H2833" s="6" t="s">
        <v>1625</v>
      </c>
      <c r="I2833" s="6" t="s">
        <v>3516</v>
      </c>
      <c r="J2833" s="6" t="s">
        <v>16405</v>
      </c>
      <c r="K2833" s="9" t="s">
        <v>16406</v>
      </c>
      <c r="L2833" s="10" t="s">
        <v>22</v>
      </c>
      <c r="M2833" s="10" t="s">
        <v>22</v>
      </c>
      <c r="N2833" s="10" t="s">
        <v>22</v>
      </c>
      <c r="O2833" s="10" t="s">
        <v>22</v>
      </c>
      <c r="P2833" s="10" t="s">
        <v>22</v>
      </c>
      <c r="Q2833" s="10" t="s">
        <v>22</v>
      </c>
      <c r="R2833" s="10" t="s">
        <v>22</v>
      </c>
      <c r="S2833" s="10" t="s">
        <v>22</v>
      </c>
      <c r="T2833" s="10" t="s">
        <v>22</v>
      </c>
      <c r="U2833" s="10" t="s">
        <v>22</v>
      </c>
      <c r="V2833" s="10" t="s">
        <v>22</v>
      </c>
      <c r="W2833" s="10" t="s">
        <v>22</v>
      </c>
      <c r="X2833" s="10" t="s">
        <v>22</v>
      </c>
      <c r="Y2833" s="10" t="s">
        <v>22</v>
      </c>
      <c r="Z2833" s="10" t="s">
        <v>22</v>
      </c>
    </row>
    <row r="2834" spans="1:26" ht="24" customHeight="1" x14ac:dyDescent="0.2">
      <c r="A2834" s="9" t="s">
        <v>20075</v>
      </c>
      <c r="B2834" s="9" t="s">
        <v>14</v>
      </c>
      <c r="C2834" s="9" t="s">
        <v>13424</v>
      </c>
      <c r="D2834" s="6" t="s">
        <v>13425</v>
      </c>
      <c r="E2834" s="22">
        <v>45222</v>
      </c>
      <c r="F2834" s="22">
        <v>47048</v>
      </c>
      <c r="G2834" s="6" t="s">
        <v>13426</v>
      </c>
      <c r="H2834" s="6" t="s">
        <v>18</v>
      </c>
      <c r="I2834" s="6" t="s">
        <v>19</v>
      </c>
      <c r="J2834" s="6" t="s">
        <v>13427</v>
      </c>
      <c r="K2834" s="9" t="s">
        <v>16407</v>
      </c>
      <c r="L2834" s="10" t="s">
        <v>22</v>
      </c>
      <c r="M2834" s="10" t="s">
        <v>22</v>
      </c>
      <c r="N2834" s="10" t="s">
        <v>22</v>
      </c>
      <c r="O2834" s="10" t="s">
        <v>22</v>
      </c>
      <c r="P2834" s="10" t="s">
        <v>22</v>
      </c>
      <c r="Q2834" s="10" t="s">
        <v>22</v>
      </c>
      <c r="U2834" s="10" t="s">
        <v>22</v>
      </c>
      <c r="V2834" s="10" t="s">
        <v>22</v>
      </c>
      <c r="W2834" s="10" t="s">
        <v>22</v>
      </c>
      <c r="X2834" s="10" t="s">
        <v>22</v>
      </c>
      <c r="Y2834" s="10" t="s">
        <v>22</v>
      </c>
      <c r="Z2834" s="10" t="s">
        <v>22</v>
      </c>
    </row>
    <row r="2835" spans="1:26" ht="24" customHeight="1" x14ac:dyDescent="0.2">
      <c r="A2835" s="9" t="s">
        <v>20076</v>
      </c>
      <c r="B2835" s="9" t="s">
        <v>14</v>
      </c>
      <c r="C2835" s="9" t="s">
        <v>13428</v>
      </c>
      <c r="D2835" s="6" t="s">
        <v>13429</v>
      </c>
      <c r="E2835" s="22">
        <v>45222</v>
      </c>
      <c r="F2835" s="22">
        <v>47048</v>
      </c>
      <c r="G2835" s="6" t="s">
        <v>13430</v>
      </c>
      <c r="H2835" s="6" t="s">
        <v>62</v>
      </c>
      <c r="I2835" s="6" t="s">
        <v>1186</v>
      </c>
      <c r="J2835" s="6" t="s">
        <v>13431</v>
      </c>
      <c r="K2835" s="9" t="s">
        <v>16408</v>
      </c>
      <c r="L2835" s="10" t="s">
        <v>22</v>
      </c>
      <c r="M2835" s="10" t="s">
        <v>22</v>
      </c>
      <c r="N2835" s="10" t="s">
        <v>22</v>
      </c>
      <c r="O2835" s="10" t="s">
        <v>22</v>
      </c>
      <c r="P2835" s="10" t="s">
        <v>22</v>
      </c>
      <c r="Q2835" s="10" t="s">
        <v>22</v>
      </c>
      <c r="R2835" s="10" t="s">
        <v>22</v>
      </c>
      <c r="S2835" s="10" t="s">
        <v>22</v>
      </c>
      <c r="T2835" s="10" t="s">
        <v>22</v>
      </c>
      <c r="U2835" s="10" t="s">
        <v>22</v>
      </c>
      <c r="V2835" s="10" t="s">
        <v>22</v>
      </c>
      <c r="W2835" s="10" t="s">
        <v>22</v>
      </c>
      <c r="X2835" s="10" t="s">
        <v>22</v>
      </c>
      <c r="Y2835" s="10" t="s">
        <v>22</v>
      </c>
      <c r="Z2835" s="10" t="s">
        <v>22</v>
      </c>
    </row>
    <row r="2836" spans="1:26" ht="24" customHeight="1" x14ac:dyDescent="0.2">
      <c r="A2836" s="9" t="s">
        <v>20077</v>
      </c>
      <c r="B2836" s="9" t="s">
        <v>14</v>
      </c>
      <c r="C2836" s="9" t="s">
        <v>13432</v>
      </c>
      <c r="D2836" s="6" t="s">
        <v>13433</v>
      </c>
      <c r="E2836" s="22">
        <v>45224</v>
      </c>
      <c r="F2836" s="22">
        <v>47050</v>
      </c>
      <c r="G2836" s="6" t="s">
        <v>13434</v>
      </c>
      <c r="H2836" s="6" t="s">
        <v>62</v>
      </c>
      <c r="I2836" s="6" t="s">
        <v>1225</v>
      </c>
      <c r="J2836" s="6" t="s">
        <v>13435</v>
      </c>
      <c r="K2836" s="9" t="s">
        <v>16409</v>
      </c>
      <c r="L2836" s="10" t="s">
        <v>22</v>
      </c>
      <c r="M2836" s="10" t="s">
        <v>22</v>
      </c>
      <c r="N2836" s="10" t="s">
        <v>22</v>
      </c>
      <c r="O2836" s="10" t="s">
        <v>22</v>
      </c>
      <c r="P2836" s="10" t="s">
        <v>22</v>
      </c>
      <c r="Q2836" s="10" t="s">
        <v>22</v>
      </c>
      <c r="R2836" s="10" t="s">
        <v>22</v>
      </c>
      <c r="S2836" s="10" t="s">
        <v>22</v>
      </c>
      <c r="T2836" s="10" t="s">
        <v>22</v>
      </c>
      <c r="U2836" s="10" t="s">
        <v>22</v>
      </c>
      <c r="V2836" s="10" t="s">
        <v>22</v>
      </c>
      <c r="W2836" s="10" t="s">
        <v>22</v>
      </c>
      <c r="X2836" s="10" t="s">
        <v>22</v>
      </c>
      <c r="Y2836" s="10" t="s">
        <v>22</v>
      </c>
      <c r="Z2836" s="10" t="s">
        <v>22</v>
      </c>
    </row>
    <row r="2837" spans="1:26" ht="24" customHeight="1" x14ac:dyDescent="0.2">
      <c r="A2837" s="9" t="s">
        <v>20078</v>
      </c>
      <c r="B2837" s="9" t="s">
        <v>14</v>
      </c>
      <c r="C2837" s="9" t="s">
        <v>13436</v>
      </c>
      <c r="D2837" s="6" t="s">
        <v>13437</v>
      </c>
      <c r="E2837" s="22">
        <v>45224</v>
      </c>
      <c r="F2837" s="22">
        <v>47050</v>
      </c>
      <c r="G2837" s="6" t="s">
        <v>13438</v>
      </c>
      <c r="H2837" s="6" t="s">
        <v>62</v>
      </c>
      <c r="I2837" s="6" t="s">
        <v>842</v>
      </c>
      <c r="J2837" s="6" t="s">
        <v>13439</v>
      </c>
      <c r="K2837" s="9" t="s">
        <v>16410</v>
      </c>
      <c r="L2837" s="10" t="s">
        <v>22</v>
      </c>
      <c r="M2837" s="10" t="s">
        <v>22</v>
      </c>
      <c r="N2837" s="10" t="s">
        <v>22</v>
      </c>
      <c r="O2837" s="10" t="s">
        <v>22</v>
      </c>
      <c r="P2837" s="10" t="s">
        <v>22</v>
      </c>
      <c r="Q2837" s="10" t="s">
        <v>22</v>
      </c>
      <c r="R2837" s="10" t="s">
        <v>22</v>
      </c>
      <c r="S2837" s="10" t="s">
        <v>22</v>
      </c>
      <c r="T2837" s="10" t="s">
        <v>22</v>
      </c>
      <c r="U2837" s="10" t="s">
        <v>22</v>
      </c>
      <c r="V2837" s="10" t="s">
        <v>22</v>
      </c>
      <c r="W2837" s="10" t="s">
        <v>22</v>
      </c>
      <c r="X2837" s="10" t="s">
        <v>22</v>
      </c>
      <c r="Y2837" s="10" t="s">
        <v>22</v>
      </c>
      <c r="Z2837" s="10" t="s">
        <v>22</v>
      </c>
    </row>
    <row r="2838" spans="1:26" ht="24" customHeight="1" x14ac:dyDescent="0.2">
      <c r="A2838" s="9" t="s">
        <v>20079</v>
      </c>
      <c r="B2838" s="9" t="s">
        <v>14</v>
      </c>
      <c r="C2838" s="9" t="s">
        <v>13440</v>
      </c>
      <c r="D2838" s="6" t="s">
        <v>13441</v>
      </c>
      <c r="E2838" s="22">
        <v>45226</v>
      </c>
      <c r="F2838" s="22">
        <v>47052</v>
      </c>
      <c r="G2838" s="6" t="s">
        <v>13442</v>
      </c>
      <c r="H2838" s="6" t="s">
        <v>18</v>
      </c>
      <c r="I2838" s="6" t="s">
        <v>19</v>
      </c>
      <c r="J2838" s="6" t="s">
        <v>13443</v>
      </c>
      <c r="K2838" s="9" t="s">
        <v>16411</v>
      </c>
      <c r="L2838" s="10" t="s">
        <v>22</v>
      </c>
      <c r="M2838" s="10" t="s">
        <v>22</v>
      </c>
      <c r="N2838" s="10" t="s">
        <v>22</v>
      </c>
      <c r="O2838" s="10" t="s">
        <v>22</v>
      </c>
      <c r="P2838" s="10" t="s">
        <v>22</v>
      </c>
      <c r="Q2838" s="10" t="s">
        <v>22</v>
      </c>
      <c r="R2838" s="10" t="s">
        <v>22</v>
      </c>
      <c r="S2838" s="10" t="s">
        <v>22</v>
      </c>
      <c r="T2838" s="10" t="s">
        <v>22</v>
      </c>
      <c r="U2838" s="10" t="s">
        <v>22</v>
      </c>
      <c r="V2838" s="10" t="s">
        <v>22</v>
      </c>
      <c r="W2838" s="10" t="s">
        <v>22</v>
      </c>
      <c r="X2838" s="10" t="s">
        <v>22</v>
      </c>
      <c r="Y2838" s="10" t="s">
        <v>22</v>
      </c>
      <c r="Z2838" s="10" t="s">
        <v>22</v>
      </c>
    </row>
    <row r="2839" spans="1:26" ht="24" customHeight="1" x14ac:dyDescent="0.2">
      <c r="A2839" s="9" t="s">
        <v>20080</v>
      </c>
      <c r="B2839" s="9" t="s">
        <v>14</v>
      </c>
      <c r="C2839" s="9" t="s">
        <v>13444</v>
      </c>
      <c r="D2839" s="6" t="s">
        <v>13445</v>
      </c>
      <c r="E2839" s="22">
        <v>45229</v>
      </c>
      <c r="F2839" s="22">
        <v>47055</v>
      </c>
      <c r="G2839" s="6" t="s">
        <v>13446</v>
      </c>
      <c r="H2839" s="6" t="s">
        <v>18</v>
      </c>
      <c r="I2839" s="6" t="s">
        <v>26</v>
      </c>
      <c r="J2839" s="6" t="s">
        <v>13447</v>
      </c>
      <c r="K2839" s="9" t="s">
        <v>16412</v>
      </c>
      <c r="L2839" s="10" t="s">
        <v>22</v>
      </c>
      <c r="M2839" s="10" t="s">
        <v>22</v>
      </c>
      <c r="N2839" s="10" t="s">
        <v>22</v>
      </c>
      <c r="O2839" s="10" t="s">
        <v>22</v>
      </c>
      <c r="P2839" s="10" t="s">
        <v>22</v>
      </c>
      <c r="Q2839" s="10" t="s">
        <v>22</v>
      </c>
      <c r="R2839" s="10" t="s">
        <v>22</v>
      </c>
      <c r="S2839" s="10" t="s">
        <v>22</v>
      </c>
      <c r="T2839" s="10" t="s">
        <v>22</v>
      </c>
      <c r="V2839" s="10" t="s">
        <v>22</v>
      </c>
      <c r="W2839" s="10" t="s">
        <v>22</v>
      </c>
      <c r="Y2839" s="10" t="s">
        <v>22</v>
      </c>
      <c r="Z2839" s="10" t="s">
        <v>22</v>
      </c>
    </row>
    <row r="2840" spans="1:26" ht="24" customHeight="1" x14ac:dyDescent="0.2">
      <c r="A2840" s="9" t="s">
        <v>20081</v>
      </c>
      <c r="B2840" s="9" t="s">
        <v>14</v>
      </c>
      <c r="C2840" s="9" t="s">
        <v>13448</v>
      </c>
      <c r="D2840" s="6" t="s">
        <v>13449</v>
      </c>
      <c r="E2840" s="22">
        <v>45229</v>
      </c>
      <c r="F2840" s="22">
        <v>47055</v>
      </c>
      <c r="G2840" s="6" t="s">
        <v>13450</v>
      </c>
      <c r="H2840" s="6" t="s">
        <v>18</v>
      </c>
      <c r="I2840" s="6" t="s">
        <v>19</v>
      </c>
      <c r="J2840" s="6" t="s">
        <v>13451</v>
      </c>
      <c r="K2840" s="9" t="s">
        <v>16413</v>
      </c>
      <c r="L2840" s="10" t="s">
        <v>22</v>
      </c>
      <c r="M2840" s="10" t="s">
        <v>22</v>
      </c>
      <c r="N2840" s="10" t="s">
        <v>22</v>
      </c>
      <c r="O2840" s="10" t="s">
        <v>22</v>
      </c>
      <c r="P2840" s="10" t="s">
        <v>22</v>
      </c>
      <c r="Q2840" s="10" t="s">
        <v>22</v>
      </c>
      <c r="R2840" s="10" t="s">
        <v>22</v>
      </c>
      <c r="S2840" s="10" t="s">
        <v>22</v>
      </c>
      <c r="T2840" s="10" t="s">
        <v>22</v>
      </c>
      <c r="U2840" s="10" t="s">
        <v>22</v>
      </c>
      <c r="V2840" s="10" t="s">
        <v>22</v>
      </c>
      <c r="W2840" s="10" t="s">
        <v>22</v>
      </c>
      <c r="X2840" s="10" t="s">
        <v>22</v>
      </c>
      <c r="Y2840" s="10" t="s">
        <v>22</v>
      </c>
      <c r="Z2840" s="10" t="s">
        <v>22</v>
      </c>
    </row>
    <row r="2841" spans="1:26" ht="24" customHeight="1" x14ac:dyDescent="0.2">
      <c r="A2841" s="9" t="s">
        <v>20082</v>
      </c>
      <c r="B2841" s="9" t="s">
        <v>14</v>
      </c>
      <c r="C2841" s="9" t="s">
        <v>13452</v>
      </c>
      <c r="D2841" s="6" t="s">
        <v>13453</v>
      </c>
      <c r="E2841" s="22">
        <v>45231</v>
      </c>
      <c r="F2841" s="22">
        <v>47057</v>
      </c>
      <c r="G2841" s="6" t="s">
        <v>13454</v>
      </c>
      <c r="H2841" s="6" t="s">
        <v>229</v>
      </c>
      <c r="I2841" s="6" t="s">
        <v>12310</v>
      </c>
      <c r="J2841" s="6" t="s">
        <v>13455</v>
      </c>
      <c r="K2841" s="9" t="s">
        <v>16414</v>
      </c>
      <c r="L2841" s="10" t="s">
        <v>22</v>
      </c>
      <c r="M2841" s="10" t="s">
        <v>22</v>
      </c>
      <c r="N2841" s="10" t="s">
        <v>22</v>
      </c>
      <c r="O2841" s="10" t="s">
        <v>22</v>
      </c>
      <c r="P2841" s="10" t="s">
        <v>22</v>
      </c>
      <c r="Q2841" s="10" t="s">
        <v>22</v>
      </c>
      <c r="R2841" s="10" t="s">
        <v>22</v>
      </c>
      <c r="S2841" s="10" t="s">
        <v>22</v>
      </c>
      <c r="T2841" s="10" t="s">
        <v>22</v>
      </c>
      <c r="U2841" s="10" t="s">
        <v>22</v>
      </c>
      <c r="V2841" s="10" t="s">
        <v>22</v>
      </c>
      <c r="W2841" s="10" t="s">
        <v>22</v>
      </c>
      <c r="X2841" s="10" t="s">
        <v>22</v>
      </c>
      <c r="Y2841" s="10" t="s">
        <v>22</v>
      </c>
      <c r="Z2841" s="10" t="s">
        <v>22</v>
      </c>
    </row>
    <row r="2842" spans="1:26" ht="24" customHeight="1" x14ac:dyDescent="0.2">
      <c r="A2842" s="9" t="s">
        <v>20083</v>
      </c>
      <c r="B2842" s="9" t="s">
        <v>14</v>
      </c>
      <c r="C2842" s="9" t="s">
        <v>13456</v>
      </c>
      <c r="D2842" s="6" t="s">
        <v>13457</v>
      </c>
      <c r="E2842" s="22">
        <v>45239</v>
      </c>
      <c r="F2842" s="22">
        <v>47065</v>
      </c>
      <c r="G2842" s="6" t="s">
        <v>13458</v>
      </c>
      <c r="H2842" s="6" t="s">
        <v>202</v>
      </c>
      <c r="I2842" s="6" t="s">
        <v>863</v>
      </c>
      <c r="J2842" s="6" t="s">
        <v>13459</v>
      </c>
      <c r="K2842" s="9" t="s">
        <v>16415</v>
      </c>
      <c r="L2842" s="10" t="s">
        <v>22</v>
      </c>
      <c r="M2842" s="10" t="s">
        <v>22</v>
      </c>
      <c r="N2842" s="10" t="s">
        <v>22</v>
      </c>
      <c r="O2842" s="10" t="s">
        <v>22</v>
      </c>
      <c r="P2842" s="10" t="s">
        <v>22</v>
      </c>
      <c r="Q2842" s="10" t="s">
        <v>22</v>
      </c>
    </row>
    <row r="2843" spans="1:26" ht="24" customHeight="1" x14ac:dyDescent="0.2">
      <c r="A2843" s="9" t="s">
        <v>20084</v>
      </c>
      <c r="B2843" s="9" t="s">
        <v>14</v>
      </c>
      <c r="C2843" s="9" t="s">
        <v>13460</v>
      </c>
      <c r="D2843" s="6" t="s">
        <v>13461</v>
      </c>
      <c r="E2843" s="22">
        <v>45239</v>
      </c>
      <c r="F2843" s="22">
        <v>47065</v>
      </c>
      <c r="G2843" s="6" t="s">
        <v>13462</v>
      </c>
      <c r="H2843" s="6" t="s">
        <v>363</v>
      </c>
      <c r="I2843" s="6" t="s">
        <v>646</v>
      </c>
      <c r="J2843" s="6" t="s">
        <v>13463</v>
      </c>
      <c r="K2843" s="9" t="s">
        <v>16416</v>
      </c>
      <c r="L2843" s="10" t="s">
        <v>22</v>
      </c>
      <c r="M2843" s="10" t="s">
        <v>22</v>
      </c>
      <c r="N2843" s="10" t="s">
        <v>22</v>
      </c>
      <c r="O2843" s="10" t="s">
        <v>22</v>
      </c>
      <c r="P2843" s="10" t="s">
        <v>22</v>
      </c>
      <c r="Q2843" s="10" t="s">
        <v>22</v>
      </c>
      <c r="U2843" s="10" t="s">
        <v>22</v>
      </c>
      <c r="V2843" s="10" t="s">
        <v>22</v>
      </c>
      <c r="W2843" s="10" t="s">
        <v>22</v>
      </c>
      <c r="X2843" s="10" t="s">
        <v>22</v>
      </c>
      <c r="Y2843" s="10" t="s">
        <v>22</v>
      </c>
      <c r="Z2843" s="10" t="s">
        <v>22</v>
      </c>
    </row>
    <row r="2844" spans="1:26" ht="24" customHeight="1" x14ac:dyDescent="0.2">
      <c r="A2844" s="9" t="s">
        <v>20085</v>
      </c>
      <c r="B2844" s="9" t="s">
        <v>14</v>
      </c>
      <c r="C2844" s="9" t="s">
        <v>13464</v>
      </c>
      <c r="D2844" s="6" t="s">
        <v>13465</v>
      </c>
      <c r="E2844" s="22">
        <v>45244</v>
      </c>
      <c r="F2844" s="22">
        <v>47070</v>
      </c>
      <c r="G2844" s="6" t="s">
        <v>13466</v>
      </c>
      <c r="H2844" s="6" t="s">
        <v>202</v>
      </c>
      <c r="I2844" s="6" t="s">
        <v>873</v>
      </c>
      <c r="J2844" s="6" t="s">
        <v>13467</v>
      </c>
      <c r="K2844" s="9" t="s">
        <v>16417</v>
      </c>
      <c r="L2844" s="10" t="s">
        <v>22</v>
      </c>
      <c r="M2844" s="10" t="s">
        <v>22</v>
      </c>
      <c r="N2844" s="10" t="s">
        <v>22</v>
      </c>
      <c r="O2844" s="10" t="s">
        <v>22</v>
      </c>
      <c r="P2844" s="10" t="s">
        <v>22</v>
      </c>
      <c r="Q2844" s="10" t="s">
        <v>22</v>
      </c>
      <c r="R2844" s="10" t="s">
        <v>22</v>
      </c>
      <c r="S2844" s="10" t="s">
        <v>22</v>
      </c>
      <c r="T2844" s="10" t="s">
        <v>22</v>
      </c>
    </row>
    <row r="2845" spans="1:26" ht="24" customHeight="1" x14ac:dyDescent="0.2">
      <c r="A2845" s="9" t="s">
        <v>20086</v>
      </c>
      <c r="B2845" s="9" t="s">
        <v>14</v>
      </c>
      <c r="C2845" s="9" t="s">
        <v>13468</v>
      </c>
      <c r="D2845" s="6" t="s">
        <v>13469</v>
      </c>
      <c r="E2845" s="22">
        <v>45244</v>
      </c>
      <c r="F2845" s="22">
        <v>47070</v>
      </c>
      <c r="G2845" s="6" t="s">
        <v>13470</v>
      </c>
      <c r="H2845" s="6" t="s">
        <v>18</v>
      </c>
      <c r="I2845" s="6" t="s">
        <v>19</v>
      </c>
      <c r="J2845" s="6" t="s">
        <v>13471</v>
      </c>
      <c r="K2845" s="9" t="s">
        <v>16418</v>
      </c>
      <c r="L2845" s="10" t="s">
        <v>22</v>
      </c>
      <c r="M2845" s="10" t="s">
        <v>22</v>
      </c>
      <c r="N2845" s="10" t="s">
        <v>22</v>
      </c>
      <c r="O2845" s="10" t="s">
        <v>22</v>
      </c>
      <c r="P2845" s="10" t="s">
        <v>22</v>
      </c>
      <c r="Q2845" s="10" t="s">
        <v>22</v>
      </c>
      <c r="R2845" s="10" t="s">
        <v>22</v>
      </c>
      <c r="S2845" s="10" t="s">
        <v>22</v>
      </c>
      <c r="T2845" s="10" t="s">
        <v>22</v>
      </c>
      <c r="U2845" s="10" t="s">
        <v>22</v>
      </c>
      <c r="V2845" s="10" t="s">
        <v>22</v>
      </c>
      <c r="W2845" s="10" t="s">
        <v>22</v>
      </c>
      <c r="X2845" s="10" t="s">
        <v>22</v>
      </c>
      <c r="Y2845" s="10" t="s">
        <v>22</v>
      </c>
      <c r="Z2845" s="10" t="s">
        <v>22</v>
      </c>
    </row>
    <row r="2846" spans="1:26" ht="24" customHeight="1" x14ac:dyDescent="0.2">
      <c r="A2846" s="9" t="s">
        <v>20087</v>
      </c>
      <c r="B2846" s="9" t="s">
        <v>14</v>
      </c>
      <c r="C2846" s="9" t="s">
        <v>13472</v>
      </c>
      <c r="D2846" s="6" t="s">
        <v>13473</v>
      </c>
      <c r="E2846" s="22">
        <v>45245</v>
      </c>
      <c r="F2846" s="22">
        <v>47071</v>
      </c>
      <c r="G2846" s="6" t="s">
        <v>13474</v>
      </c>
      <c r="H2846" s="6" t="s">
        <v>2368</v>
      </c>
      <c r="I2846" s="6" t="s">
        <v>4489</v>
      </c>
      <c r="J2846" s="6" t="s">
        <v>13475</v>
      </c>
      <c r="K2846" s="9" t="s">
        <v>16419</v>
      </c>
      <c r="L2846" s="10" t="s">
        <v>22</v>
      </c>
      <c r="M2846" s="10" t="s">
        <v>22</v>
      </c>
      <c r="N2846" s="10" t="s">
        <v>22</v>
      </c>
      <c r="U2846" s="10" t="s">
        <v>22</v>
      </c>
      <c r="V2846" s="10" t="s">
        <v>22</v>
      </c>
      <c r="W2846" s="10" t="s">
        <v>22</v>
      </c>
    </row>
    <row r="2847" spans="1:26" ht="24" customHeight="1" x14ac:dyDescent="0.2">
      <c r="A2847" s="9" t="s">
        <v>20088</v>
      </c>
      <c r="B2847" s="9" t="s">
        <v>14</v>
      </c>
      <c r="C2847" s="9" t="s">
        <v>13476</v>
      </c>
      <c r="D2847" s="6" t="s">
        <v>13477</v>
      </c>
      <c r="E2847" s="22">
        <v>45245</v>
      </c>
      <c r="F2847" s="22">
        <v>47071</v>
      </c>
      <c r="G2847" s="6" t="s">
        <v>13478</v>
      </c>
      <c r="H2847" s="6" t="s">
        <v>62</v>
      </c>
      <c r="I2847" s="6" t="s">
        <v>2578</v>
      </c>
      <c r="J2847" s="6" t="s">
        <v>13479</v>
      </c>
      <c r="L2847" s="10" t="s">
        <v>22</v>
      </c>
      <c r="M2847" s="10" t="s">
        <v>22</v>
      </c>
      <c r="N2847" s="10" t="s">
        <v>22</v>
      </c>
      <c r="O2847" s="10" t="s">
        <v>22</v>
      </c>
      <c r="P2847" s="10" t="s">
        <v>22</v>
      </c>
      <c r="Q2847" s="10" t="s">
        <v>22</v>
      </c>
      <c r="R2847" s="10" t="s">
        <v>22</v>
      </c>
      <c r="S2847" s="10" t="s">
        <v>22</v>
      </c>
      <c r="T2847" s="10" t="s">
        <v>22</v>
      </c>
      <c r="U2847" s="10" t="s">
        <v>22</v>
      </c>
      <c r="V2847" s="10" t="s">
        <v>22</v>
      </c>
      <c r="W2847" s="10" t="s">
        <v>22</v>
      </c>
      <c r="X2847" s="10" t="s">
        <v>22</v>
      </c>
      <c r="Y2847" s="10" t="s">
        <v>22</v>
      </c>
      <c r="Z2847" s="10" t="s">
        <v>22</v>
      </c>
    </row>
    <row r="2848" spans="1:26" ht="24" customHeight="1" x14ac:dyDescent="0.2">
      <c r="A2848" s="9" t="s">
        <v>20089</v>
      </c>
      <c r="B2848" s="9" t="s">
        <v>14</v>
      </c>
      <c r="C2848" s="9" t="s">
        <v>13480</v>
      </c>
      <c r="D2848" s="6" t="s">
        <v>13481</v>
      </c>
      <c r="E2848" s="22">
        <v>45251</v>
      </c>
      <c r="F2848" s="22">
        <v>47077</v>
      </c>
      <c r="G2848" s="6" t="s">
        <v>13482</v>
      </c>
      <c r="H2848" s="6" t="s">
        <v>62</v>
      </c>
      <c r="I2848" s="6" t="s">
        <v>73</v>
      </c>
      <c r="J2848" s="6" t="s">
        <v>7074</v>
      </c>
      <c r="K2848" s="9" t="s">
        <v>16420</v>
      </c>
      <c r="L2848" s="10" t="s">
        <v>22</v>
      </c>
      <c r="M2848" s="10" t="s">
        <v>22</v>
      </c>
      <c r="N2848" s="10" t="s">
        <v>22</v>
      </c>
      <c r="O2848" s="10" t="s">
        <v>22</v>
      </c>
      <c r="P2848" s="10" t="s">
        <v>22</v>
      </c>
      <c r="Q2848" s="10" t="s">
        <v>22</v>
      </c>
      <c r="R2848" s="10" t="s">
        <v>22</v>
      </c>
      <c r="S2848" s="10" t="s">
        <v>22</v>
      </c>
      <c r="T2848" s="10" t="s">
        <v>22</v>
      </c>
      <c r="U2848" s="10" t="s">
        <v>22</v>
      </c>
      <c r="V2848" s="10" t="s">
        <v>22</v>
      </c>
      <c r="W2848" s="10" t="s">
        <v>22</v>
      </c>
      <c r="X2848" s="10" t="s">
        <v>22</v>
      </c>
      <c r="Y2848" s="10" t="s">
        <v>22</v>
      </c>
      <c r="Z2848" s="10" t="s">
        <v>22</v>
      </c>
    </row>
    <row r="2849" spans="1:26" ht="24" customHeight="1" x14ac:dyDescent="0.2">
      <c r="A2849" s="9" t="s">
        <v>20090</v>
      </c>
      <c r="B2849" s="9" t="s">
        <v>14</v>
      </c>
      <c r="C2849" s="9" t="s">
        <v>13483</v>
      </c>
      <c r="D2849" s="6" t="s">
        <v>13484</v>
      </c>
      <c r="E2849" s="22">
        <v>45251</v>
      </c>
      <c r="F2849" s="22">
        <v>47077</v>
      </c>
      <c r="G2849" s="6" t="s">
        <v>13485</v>
      </c>
      <c r="H2849" s="6" t="s">
        <v>62</v>
      </c>
      <c r="I2849" s="6" t="s">
        <v>842</v>
      </c>
      <c r="J2849" s="6" t="s">
        <v>13486</v>
      </c>
      <c r="K2849" s="9" t="s">
        <v>16421</v>
      </c>
      <c r="L2849" s="10" t="s">
        <v>22</v>
      </c>
      <c r="M2849" s="10" t="s">
        <v>22</v>
      </c>
      <c r="N2849" s="10" t="s">
        <v>22</v>
      </c>
      <c r="O2849" s="10" t="s">
        <v>22</v>
      </c>
      <c r="P2849" s="10" t="s">
        <v>22</v>
      </c>
      <c r="Q2849" s="10" t="s">
        <v>22</v>
      </c>
      <c r="U2849" s="10" t="s">
        <v>22</v>
      </c>
      <c r="V2849" s="10" t="s">
        <v>22</v>
      </c>
      <c r="W2849" s="10" t="s">
        <v>22</v>
      </c>
      <c r="X2849" s="10" t="s">
        <v>22</v>
      </c>
      <c r="Y2849" s="10" t="s">
        <v>22</v>
      </c>
      <c r="Z2849" s="10" t="s">
        <v>22</v>
      </c>
    </row>
    <row r="2850" spans="1:26" ht="24" customHeight="1" x14ac:dyDescent="0.2">
      <c r="A2850" s="9" t="s">
        <v>20091</v>
      </c>
      <c r="B2850" s="9" t="s">
        <v>14</v>
      </c>
      <c r="C2850" s="9" t="s">
        <v>13487</v>
      </c>
      <c r="D2850" s="6" t="s">
        <v>13488</v>
      </c>
      <c r="E2850" s="22">
        <v>45252</v>
      </c>
      <c r="F2850" s="22">
        <v>47078</v>
      </c>
      <c r="G2850" s="6" t="s">
        <v>13489</v>
      </c>
      <c r="H2850" s="6" t="s">
        <v>18</v>
      </c>
      <c r="I2850" s="6" t="s">
        <v>19</v>
      </c>
      <c r="J2850" s="6" t="s">
        <v>13490</v>
      </c>
      <c r="K2850" s="9" t="s">
        <v>16422</v>
      </c>
      <c r="L2850" s="10" t="s">
        <v>22</v>
      </c>
      <c r="M2850" s="10" t="s">
        <v>22</v>
      </c>
      <c r="N2850" s="10" t="s">
        <v>22</v>
      </c>
      <c r="O2850" s="10" t="s">
        <v>22</v>
      </c>
      <c r="P2850" s="10" t="s">
        <v>22</v>
      </c>
      <c r="Q2850" s="10" t="s">
        <v>22</v>
      </c>
      <c r="R2850" s="10" t="s">
        <v>22</v>
      </c>
      <c r="S2850" s="10" t="s">
        <v>22</v>
      </c>
      <c r="T2850" s="10" t="s">
        <v>22</v>
      </c>
      <c r="U2850" s="10" t="s">
        <v>22</v>
      </c>
      <c r="V2850" s="10" t="s">
        <v>22</v>
      </c>
      <c r="W2850" s="10" t="s">
        <v>22</v>
      </c>
      <c r="X2850" s="10" t="s">
        <v>22</v>
      </c>
      <c r="Y2850" s="10" t="s">
        <v>22</v>
      </c>
      <c r="Z2850" s="10" t="s">
        <v>22</v>
      </c>
    </row>
    <row r="2851" spans="1:26" ht="24" customHeight="1" x14ac:dyDescent="0.2">
      <c r="A2851" s="9" t="s">
        <v>20092</v>
      </c>
      <c r="B2851" s="9" t="s">
        <v>14</v>
      </c>
      <c r="C2851" s="9" t="s">
        <v>13491</v>
      </c>
      <c r="D2851" s="6" t="s">
        <v>13492</v>
      </c>
      <c r="E2851" s="22">
        <v>45252</v>
      </c>
      <c r="F2851" s="22">
        <v>47078</v>
      </c>
      <c r="G2851" s="6" t="s">
        <v>13493</v>
      </c>
      <c r="H2851" s="6" t="s">
        <v>18</v>
      </c>
      <c r="I2851" s="6" t="s">
        <v>19</v>
      </c>
      <c r="J2851" s="6" t="s">
        <v>13494</v>
      </c>
      <c r="K2851" s="9" t="s">
        <v>16423</v>
      </c>
      <c r="L2851" s="10" t="s">
        <v>22</v>
      </c>
      <c r="M2851" s="10" t="s">
        <v>22</v>
      </c>
      <c r="N2851" s="10" t="s">
        <v>22</v>
      </c>
      <c r="O2851" s="10" t="s">
        <v>22</v>
      </c>
      <c r="P2851" s="10" t="s">
        <v>22</v>
      </c>
      <c r="Q2851" s="10" t="s">
        <v>22</v>
      </c>
      <c r="R2851" s="10" t="s">
        <v>22</v>
      </c>
      <c r="S2851" s="10" t="s">
        <v>22</v>
      </c>
      <c r="T2851" s="10" t="s">
        <v>22</v>
      </c>
      <c r="U2851" s="10" t="s">
        <v>22</v>
      </c>
      <c r="V2851" s="10" t="s">
        <v>22</v>
      </c>
      <c r="W2851" s="10" t="s">
        <v>22</v>
      </c>
      <c r="X2851" s="10" t="s">
        <v>22</v>
      </c>
      <c r="Y2851" s="10" t="s">
        <v>22</v>
      </c>
      <c r="Z2851" s="10" t="s">
        <v>22</v>
      </c>
    </row>
    <row r="2852" spans="1:26" ht="24" customHeight="1" x14ac:dyDescent="0.2">
      <c r="A2852" s="9" t="s">
        <v>20093</v>
      </c>
      <c r="B2852" s="9" t="s">
        <v>14</v>
      </c>
      <c r="C2852" s="9" t="s">
        <v>13495</v>
      </c>
      <c r="D2852" s="6" t="s">
        <v>13496</v>
      </c>
      <c r="E2852" s="22">
        <v>45252</v>
      </c>
      <c r="F2852" s="22">
        <v>47078</v>
      </c>
      <c r="G2852" s="6" t="s">
        <v>13497</v>
      </c>
      <c r="H2852" s="6" t="s">
        <v>62</v>
      </c>
      <c r="I2852" s="6" t="s">
        <v>306</v>
      </c>
      <c r="J2852" s="6" t="s">
        <v>13498</v>
      </c>
      <c r="K2852" s="9" t="s">
        <v>16424</v>
      </c>
      <c r="L2852" s="10" t="s">
        <v>22</v>
      </c>
      <c r="M2852" s="10" t="s">
        <v>22</v>
      </c>
      <c r="N2852" s="10" t="s">
        <v>22</v>
      </c>
      <c r="O2852" s="10" t="s">
        <v>22</v>
      </c>
      <c r="P2852" s="10" t="s">
        <v>22</v>
      </c>
      <c r="Q2852" s="10" t="s">
        <v>22</v>
      </c>
      <c r="R2852" s="10" t="s">
        <v>22</v>
      </c>
      <c r="S2852" s="10" t="s">
        <v>22</v>
      </c>
      <c r="T2852" s="10" t="s">
        <v>22</v>
      </c>
      <c r="U2852" s="10" t="s">
        <v>22</v>
      </c>
      <c r="V2852" s="10" t="s">
        <v>22</v>
      </c>
      <c r="W2852" s="10" t="s">
        <v>22</v>
      </c>
      <c r="X2852" s="10" t="s">
        <v>22</v>
      </c>
      <c r="Y2852" s="10" t="s">
        <v>22</v>
      </c>
      <c r="Z2852" s="10" t="s">
        <v>22</v>
      </c>
    </row>
    <row r="2853" spans="1:26" ht="24" customHeight="1" x14ac:dyDescent="0.2">
      <c r="A2853" s="9" t="s">
        <v>20094</v>
      </c>
      <c r="B2853" s="9" t="s">
        <v>14</v>
      </c>
      <c r="C2853" s="9" t="s">
        <v>13499</v>
      </c>
      <c r="D2853" s="6" t="s">
        <v>13500</v>
      </c>
      <c r="E2853" s="22">
        <v>45252</v>
      </c>
      <c r="F2853" s="22">
        <v>47078</v>
      </c>
      <c r="G2853" s="6" t="s">
        <v>13501</v>
      </c>
      <c r="H2853" s="6" t="s">
        <v>229</v>
      </c>
      <c r="I2853" s="6" t="s">
        <v>825</v>
      </c>
      <c r="J2853" s="6" t="s">
        <v>13502</v>
      </c>
      <c r="K2853" s="9" t="s">
        <v>16425</v>
      </c>
      <c r="L2853" s="10" t="s">
        <v>22</v>
      </c>
      <c r="M2853" s="10" t="s">
        <v>22</v>
      </c>
      <c r="N2853" s="10" t="s">
        <v>22</v>
      </c>
      <c r="O2853" s="10" t="s">
        <v>22</v>
      </c>
      <c r="P2853" s="10" t="s">
        <v>22</v>
      </c>
      <c r="Q2853" s="10" t="s">
        <v>22</v>
      </c>
      <c r="R2853" s="10" t="s">
        <v>22</v>
      </c>
      <c r="S2853" s="10" t="s">
        <v>22</v>
      </c>
      <c r="T2853" s="10" t="s">
        <v>22</v>
      </c>
      <c r="U2853" s="10" t="s">
        <v>22</v>
      </c>
      <c r="V2853" s="10" t="s">
        <v>22</v>
      </c>
      <c r="W2853" s="10" t="s">
        <v>22</v>
      </c>
      <c r="X2853" s="10" t="s">
        <v>22</v>
      </c>
      <c r="Y2853" s="10" t="s">
        <v>22</v>
      </c>
      <c r="Z2853" s="10" t="s">
        <v>22</v>
      </c>
    </row>
    <row r="2854" spans="1:26" ht="24" customHeight="1" x14ac:dyDescent="0.2">
      <c r="A2854" s="9" t="s">
        <v>20095</v>
      </c>
      <c r="B2854" s="9" t="s">
        <v>14</v>
      </c>
      <c r="C2854" s="9" t="s">
        <v>13503</v>
      </c>
      <c r="D2854" s="6" t="s">
        <v>13504</v>
      </c>
      <c r="E2854" s="22">
        <v>45258</v>
      </c>
      <c r="F2854" s="22">
        <v>47084</v>
      </c>
      <c r="G2854" s="6" t="s">
        <v>13505</v>
      </c>
      <c r="H2854" s="6" t="s">
        <v>202</v>
      </c>
      <c r="I2854" s="6" t="s">
        <v>2992</v>
      </c>
      <c r="J2854" s="6" t="s">
        <v>13506</v>
      </c>
      <c r="K2854" s="9" t="s">
        <v>16426</v>
      </c>
      <c r="L2854" s="10" t="s">
        <v>22</v>
      </c>
      <c r="M2854" s="10" t="s">
        <v>22</v>
      </c>
      <c r="N2854" s="10" t="s">
        <v>22</v>
      </c>
      <c r="O2854" s="10" t="s">
        <v>22</v>
      </c>
      <c r="P2854" s="10" t="s">
        <v>22</v>
      </c>
      <c r="Q2854" s="10" t="s">
        <v>22</v>
      </c>
      <c r="R2854" s="10" t="s">
        <v>22</v>
      </c>
      <c r="S2854" s="10" t="s">
        <v>22</v>
      </c>
      <c r="T2854" s="10" t="s">
        <v>22</v>
      </c>
      <c r="U2854" s="10" t="s">
        <v>22</v>
      </c>
      <c r="V2854" s="10" t="s">
        <v>22</v>
      </c>
      <c r="W2854" s="10" t="s">
        <v>22</v>
      </c>
      <c r="X2854" s="10" t="s">
        <v>22</v>
      </c>
      <c r="Y2854" s="10" t="s">
        <v>22</v>
      </c>
      <c r="Z2854" s="10" t="s">
        <v>22</v>
      </c>
    </row>
    <row r="2855" spans="1:26" ht="24" customHeight="1" x14ac:dyDescent="0.2">
      <c r="A2855" s="9" t="s">
        <v>20096</v>
      </c>
      <c r="B2855" s="9" t="s">
        <v>14</v>
      </c>
      <c r="C2855" s="9" t="s">
        <v>13507</v>
      </c>
      <c r="D2855" s="6" t="s">
        <v>13508</v>
      </c>
      <c r="E2855" s="22">
        <v>45258</v>
      </c>
      <c r="F2855" s="22">
        <v>47084</v>
      </c>
      <c r="G2855" s="6" t="s">
        <v>13509</v>
      </c>
      <c r="H2855" s="6" t="s">
        <v>62</v>
      </c>
      <c r="I2855" s="6" t="s">
        <v>306</v>
      </c>
      <c r="J2855" s="6" t="s">
        <v>13510</v>
      </c>
      <c r="K2855" s="9" t="s">
        <v>16427</v>
      </c>
      <c r="L2855" s="10" t="s">
        <v>22</v>
      </c>
      <c r="M2855" s="10" t="s">
        <v>22</v>
      </c>
      <c r="N2855" s="10" t="s">
        <v>22</v>
      </c>
      <c r="O2855" s="10" t="s">
        <v>22</v>
      </c>
      <c r="P2855" s="10" t="s">
        <v>22</v>
      </c>
      <c r="Q2855" s="10" t="s">
        <v>22</v>
      </c>
      <c r="R2855" s="10" t="s">
        <v>22</v>
      </c>
      <c r="S2855" s="10" t="s">
        <v>22</v>
      </c>
      <c r="T2855" s="10" t="s">
        <v>22</v>
      </c>
      <c r="U2855" s="10" t="s">
        <v>22</v>
      </c>
      <c r="V2855" s="10" t="s">
        <v>22</v>
      </c>
      <c r="W2855" s="10" t="s">
        <v>22</v>
      </c>
      <c r="X2855" s="10" t="s">
        <v>22</v>
      </c>
      <c r="Y2855" s="10" t="s">
        <v>22</v>
      </c>
      <c r="Z2855" s="10" t="s">
        <v>22</v>
      </c>
    </row>
    <row r="2856" spans="1:26" ht="24" customHeight="1" x14ac:dyDescent="0.2">
      <c r="A2856" s="9" t="s">
        <v>20097</v>
      </c>
      <c r="B2856" s="9" t="s">
        <v>14</v>
      </c>
      <c r="C2856" s="9" t="s">
        <v>13511</v>
      </c>
      <c r="D2856" s="6" t="s">
        <v>13512</v>
      </c>
      <c r="E2856" s="22">
        <v>45261</v>
      </c>
      <c r="F2856" s="22">
        <v>47087</v>
      </c>
      <c r="G2856" s="6" t="s">
        <v>13513</v>
      </c>
      <c r="H2856" s="6" t="s">
        <v>18</v>
      </c>
      <c r="I2856" s="6" t="s">
        <v>26</v>
      </c>
      <c r="J2856" s="6" t="s">
        <v>13514</v>
      </c>
      <c r="K2856" s="9" t="s">
        <v>16428</v>
      </c>
      <c r="L2856" s="10" t="s">
        <v>22</v>
      </c>
      <c r="M2856" s="10" t="s">
        <v>22</v>
      </c>
      <c r="N2856" s="10" t="s">
        <v>22</v>
      </c>
    </row>
    <row r="2857" spans="1:26" ht="24" customHeight="1" x14ac:dyDescent="0.2">
      <c r="A2857" s="9" t="s">
        <v>20098</v>
      </c>
      <c r="B2857" s="9" t="s">
        <v>14</v>
      </c>
      <c r="C2857" s="9" t="s">
        <v>13515</v>
      </c>
      <c r="D2857" s="6" t="s">
        <v>13516</v>
      </c>
      <c r="E2857" s="22">
        <v>45261</v>
      </c>
      <c r="F2857" s="22">
        <v>47087</v>
      </c>
      <c r="G2857" s="6" t="s">
        <v>13517</v>
      </c>
      <c r="H2857" s="6" t="s">
        <v>62</v>
      </c>
      <c r="I2857" s="6" t="s">
        <v>357</v>
      </c>
      <c r="J2857" s="6" t="s">
        <v>13518</v>
      </c>
      <c r="K2857" s="9" t="s">
        <v>16429</v>
      </c>
      <c r="L2857" s="10" t="s">
        <v>22</v>
      </c>
      <c r="M2857" s="10" t="s">
        <v>22</v>
      </c>
      <c r="N2857" s="10" t="s">
        <v>22</v>
      </c>
      <c r="O2857" s="10" t="s">
        <v>22</v>
      </c>
      <c r="P2857" s="10" t="s">
        <v>22</v>
      </c>
      <c r="Q2857" s="10" t="s">
        <v>22</v>
      </c>
      <c r="R2857" s="10" t="s">
        <v>22</v>
      </c>
      <c r="S2857" s="10" t="s">
        <v>22</v>
      </c>
      <c r="T2857" s="10" t="s">
        <v>22</v>
      </c>
      <c r="U2857" s="10" t="s">
        <v>22</v>
      </c>
      <c r="V2857" s="10" t="s">
        <v>22</v>
      </c>
      <c r="W2857" s="10" t="s">
        <v>22</v>
      </c>
      <c r="X2857" s="10" t="s">
        <v>22</v>
      </c>
      <c r="Y2857" s="10" t="s">
        <v>22</v>
      </c>
      <c r="Z2857" s="10" t="s">
        <v>22</v>
      </c>
    </row>
    <row r="2858" spans="1:26" ht="24" customHeight="1" x14ac:dyDescent="0.2">
      <c r="A2858" s="9" t="s">
        <v>20099</v>
      </c>
      <c r="B2858" s="9" t="s">
        <v>14</v>
      </c>
      <c r="C2858" s="9" t="s">
        <v>13519</v>
      </c>
      <c r="D2858" s="6" t="s">
        <v>13520</v>
      </c>
      <c r="E2858" s="22">
        <v>45261</v>
      </c>
      <c r="F2858" s="22">
        <v>47087</v>
      </c>
      <c r="G2858" s="6" t="s">
        <v>13521</v>
      </c>
      <c r="H2858" s="6" t="s">
        <v>2368</v>
      </c>
      <c r="I2858" s="6" t="s">
        <v>5561</v>
      </c>
      <c r="J2858" s="6" t="s">
        <v>13522</v>
      </c>
      <c r="K2858" s="9" t="s">
        <v>16430</v>
      </c>
      <c r="L2858" s="10" t="s">
        <v>22</v>
      </c>
      <c r="M2858" s="10" t="s">
        <v>22</v>
      </c>
      <c r="N2858" s="10" t="s">
        <v>22</v>
      </c>
      <c r="O2858" s="10" t="s">
        <v>22</v>
      </c>
      <c r="P2858" s="10" t="s">
        <v>22</v>
      </c>
      <c r="Q2858" s="10" t="s">
        <v>22</v>
      </c>
      <c r="R2858" s="10" t="s">
        <v>22</v>
      </c>
      <c r="S2858" s="10" t="s">
        <v>22</v>
      </c>
      <c r="T2858" s="10" t="s">
        <v>22</v>
      </c>
      <c r="U2858" s="10" t="s">
        <v>22</v>
      </c>
      <c r="V2858" s="10" t="s">
        <v>22</v>
      </c>
      <c r="W2858" s="10" t="s">
        <v>22</v>
      </c>
      <c r="X2858" s="10" t="s">
        <v>22</v>
      </c>
      <c r="Y2858" s="10" t="s">
        <v>22</v>
      </c>
      <c r="Z2858" s="10" t="s">
        <v>22</v>
      </c>
    </row>
    <row r="2859" spans="1:26" ht="24" customHeight="1" x14ac:dyDescent="0.2">
      <c r="A2859" s="9" t="s">
        <v>20100</v>
      </c>
      <c r="B2859" s="9" t="s">
        <v>14</v>
      </c>
      <c r="C2859" s="9" t="s">
        <v>13523</v>
      </c>
      <c r="D2859" s="6" t="s">
        <v>13524</v>
      </c>
      <c r="E2859" s="22">
        <v>45261</v>
      </c>
      <c r="F2859" s="22">
        <v>47087</v>
      </c>
      <c r="G2859" s="6" t="s">
        <v>13525</v>
      </c>
      <c r="H2859" s="6" t="s">
        <v>62</v>
      </c>
      <c r="I2859" s="6" t="s">
        <v>306</v>
      </c>
      <c r="J2859" s="6" t="s">
        <v>13526</v>
      </c>
      <c r="K2859" s="9" t="s">
        <v>16431</v>
      </c>
      <c r="L2859" s="10" t="s">
        <v>22</v>
      </c>
      <c r="M2859" s="10" t="s">
        <v>22</v>
      </c>
      <c r="N2859" s="10" t="s">
        <v>22</v>
      </c>
      <c r="O2859" s="10" t="s">
        <v>22</v>
      </c>
      <c r="P2859" s="10" t="s">
        <v>22</v>
      </c>
      <c r="Q2859" s="10" t="s">
        <v>22</v>
      </c>
      <c r="R2859" s="10" t="s">
        <v>22</v>
      </c>
      <c r="S2859" s="10" t="s">
        <v>22</v>
      </c>
      <c r="T2859" s="10" t="s">
        <v>22</v>
      </c>
    </row>
    <row r="2860" spans="1:26" ht="24" customHeight="1" x14ac:dyDescent="0.2">
      <c r="A2860" s="9" t="s">
        <v>20101</v>
      </c>
      <c r="B2860" s="9" t="s">
        <v>14</v>
      </c>
      <c r="C2860" s="9" t="s">
        <v>13527</v>
      </c>
      <c r="D2860" s="6" t="s">
        <v>13528</v>
      </c>
      <c r="E2860" s="22">
        <v>45261</v>
      </c>
      <c r="F2860" s="22">
        <v>47087</v>
      </c>
      <c r="G2860" s="6" t="s">
        <v>13529</v>
      </c>
      <c r="H2860" s="6" t="s">
        <v>18</v>
      </c>
      <c r="I2860" s="6" t="s">
        <v>19</v>
      </c>
      <c r="J2860" s="6" t="s">
        <v>13530</v>
      </c>
      <c r="K2860" s="9" t="s">
        <v>16432</v>
      </c>
      <c r="L2860" s="10" t="s">
        <v>22</v>
      </c>
      <c r="M2860" s="10" t="s">
        <v>22</v>
      </c>
      <c r="N2860" s="10" t="s">
        <v>22</v>
      </c>
      <c r="O2860" s="10" t="s">
        <v>22</v>
      </c>
      <c r="P2860" s="10" t="s">
        <v>22</v>
      </c>
      <c r="Q2860" s="10" t="s">
        <v>22</v>
      </c>
      <c r="R2860" s="10" t="s">
        <v>22</v>
      </c>
      <c r="S2860" s="10" t="s">
        <v>22</v>
      </c>
      <c r="T2860" s="10" t="s">
        <v>22</v>
      </c>
      <c r="U2860" s="10" t="s">
        <v>22</v>
      </c>
      <c r="V2860" s="10" t="s">
        <v>22</v>
      </c>
      <c r="W2860" s="10" t="s">
        <v>22</v>
      </c>
      <c r="X2860" s="10" t="s">
        <v>22</v>
      </c>
      <c r="Y2860" s="10" t="s">
        <v>22</v>
      </c>
      <c r="Z2860" s="10" t="s">
        <v>22</v>
      </c>
    </row>
    <row r="2861" spans="1:26" ht="24" customHeight="1" x14ac:dyDescent="0.2">
      <c r="A2861" s="9" t="s">
        <v>20102</v>
      </c>
      <c r="B2861" s="9" t="s">
        <v>14</v>
      </c>
      <c r="C2861" s="9" t="s">
        <v>13531</v>
      </c>
      <c r="D2861" s="6" t="s">
        <v>13532</v>
      </c>
      <c r="E2861" s="22">
        <v>45267</v>
      </c>
      <c r="F2861" s="22">
        <v>47093</v>
      </c>
      <c r="G2861" s="6" t="s">
        <v>13533</v>
      </c>
      <c r="H2861" s="6" t="s">
        <v>62</v>
      </c>
      <c r="I2861" s="6" t="s">
        <v>493</v>
      </c>
      <c r="J2861" s="6" t="s">
        <v>13534</v>
      </c>
      <c r="K2861" s="9" t="s">
        <v>16433</v>
      </c>
      <c r="L2861" s="10" t="s">
        <v>22</v>
      </c>
      <c r="M2861" s="10" t="s">
        <v>22</v>
      </c>
      <c r="N2861" s="10" t="s">
        <v>22</v>
      </c>
      <c r="O2861" s="10" t="s">
        <v>22</v>
      </c>
      <c r="P2861" s="10" t="s">
        <v>22</v>
      </c>
      <c r="Q2861" s="10" t="s">
        <v>22</v>
      </c>
      <c r="U2861" s="10" t="s">
        <v>22</v>
      </c>
      <c r="V2861" s="10" t="s">
        <v>22</v>
      </c>
      <c r="W2861" s="10" t="s">
        <v>22</v>
      </c>
      <c r="X2861" s="10" t="s">
        <v>22</v>
      </c>
      <c r="Y2861" s="10" t="s">
        <v>22</v>
      </c>
      <c r="Z2861" s="10" t="s">
        <v>22</v>
      </c>
    </row>
    <row r="2862" spans="1:26" ht="24" customHeight="1" x14ac:dyDescent="0.2">
      <c r="A2862" s="9" t="s">
        <v>20103</v>
      </c>
      <c r="B2862" s="9" t="s">
        <v>14</v>
      </c>
      <c r="C2862" s="9" t="s">
        <v>13535</v>
      </c>
      <c r="D2862" s="6" t="s">
        <v>13536</v>
      </c>
      <c r="E2862" s="22">
        <v>45267</v>
      </c>
      <c r="F2862" s="22">
        <v>47093</v>
      </c>
      <c r="G2862" s="6" t="s">
        <v>13537</v>
      </c>
      <c r="H2862" s="6" t="s">
        <v>62</v>
      </c>
      <c r="I2862" s="6" t="s">
        <v>551</v>
      </c>
      <c r="J2862" s="6" t="s">
        <v>13538</v>
      </c>
      <c r="K2862" s="9" t="s">
        <v>16434</v>
      </c>
      <c r="L2862" s="10" t="s">
        <v>22</v>
      </c>
      <c r="M2862" s="10" t="s">
        <v>22</v>
      </c>
      <c r="N2862" s="10" t="s">
        <v>22</v>
      </c>
      <c r="O2862" s="10" t="s">
        <v>22</v>
      </c>
      <c r="P2862" s="10" t="s">
        <v>22</v>
      </c>
      <c r="Q2862" s="10" t="s">
        <v>22</v>
      </c>
      <c r="R2862" s="10" t="s">
        <v>22</v>
      </c>
      <c r="S2862" s="10" t="s">
        <v>22</v>
      </c>
      <c r="T2862" s="10" t="s">
        <v>22</v>
      </c>
      <c r="U2862" s="10" t="s">
        <v>22</v>
      </c>
      <c r="V2862" s="10" t="s">
        <v>22</v>
      </c>
      <c r="W2862" s="10" t="s">
        <v>22</v>
      </c>
      <c r="X2862" s="10" t="s">
        <v>22</v>
      </c>
      <c r="Y2862" s="10" t="s">
        <v>22</v>
      </c>
      <c r="Z2862" s="10" t="s">
        <v>22</v>
      </c>
    </row>
    <row r="2863" spans="1:26" ht="24" customHeight="1" x14ac:dyDescent="0.2">
      <c r="A2863" s="9" t="s">
        <v>20104</v>
      </c>
      <c r="B2863" s="9" t="s">
        <v>14</v>
      </c>
      <c r="C2863" s="9" t="s">
        <v>13539</v>
      </c>
      <c r="D2863" s="6" t="s">
        <v>13540</v>
      </c>
      <c r="E2863" s="22">
        <v>45272</v>
      </c>
      <c r="F2863" s="22">
        <v>47098</v>
      </c>
      <c r="G2863" s="6" t="s">
        <v>13541</v>
      </c>
      <c r="H2863" s="6" t="s">
        <v>62</v>
      </c>
      <c r="I2863" s="6" t="s">
        <v>318</v>
      </c>
      <c r="J2863" s="6" t="s">
        <v>13542</v>
      </c>
      <c r="K2863" s="9" t="s">
        <v>16435</v>
      </c>
      <c r="L2863" s="10" t="s">
        <v>22</v>
      </c>
      <c r="M2863" s="10" t="s">
        <v>22</v>
      </c>
      <c r="N2863" s="10" t="s">
        <v>22</v>
      </c>
      <c r="O2863" s="10" t="s">
        <v>22</v>
      </c>
      <c r="P2863" s="10" t="s">
        <v>22</v>
      </c>
      <c r="Q2863" s="10" t="s">
        <v>22</v>
      </c>
      <c r="R2863" s="10" t="s">
        <v>22</v>
      </c>
      <c r="S2863" s="10" t="s">
        <v>22</v>
      </c>
      <c r="T2863" s="10" t="s">
        <v>22</v>
      </c>
      <c r="U2863" s="10" t="s">
        <v>22</v>
      </c>
      <c r="V2863" s="10" t="s">
        <v>22</v>
      </c>
      <c r="W2863" s="10" t="s">
        <v>22</v>
      </c>
      <c r="X2863" s="10" t="s">
        <v>22</v>
      </c>
      <c r="Y2863" s="10" t="s">
        <v>22</v>
      </c>
      <c r="Z2863" s="10" t="s">
        <v>22</v>
      </c>
    </row>
    <row r="2864" spans="1:26" ht="24" customHeight="1" x14ac:dyDescent="0.2">
      <c r="A2864" s="9" t="s">
        <v>20105</v>
      </c>
      <c r="B2864" s="9" t="s">
        <v>14</v>
      </c>
      <c r="C2864" s="9" t="s">
        <v>13543</v>
      </c>
      <c r="D2864" s="6" t="s">
        <v>13544</v>
      </c>
      <c r="E2864" s="22">
        <v>45272</v>
      </c>
      <c r="F2864" s="22">
        <v>47098</v>
      </c>
      <c r="G2864" s="6" t="s">
        <v>13545</v>
      </c>
      <c r="H2864" s="6" t="s">
        <v>62</v>
      </c>
      <c r="I2864" s="6" t="s">
        <v>1955</v>
      </c>
      <c r="J2864" s="6" t="s">
        <v>13546</v>
      </c>
      <c r="K2864" s="9" t="s">
        <v>16436</v>
      </c>
      <c r="L2864" s="10" t="s">
        <v>22</v>
      </c>
      <c r="M2864" s="10" t="s">
        <v>22</v>
      </c>
      <c r="N2864" s="10" t="s">
        <v>22</v>
      </c>
      <c r="O2864" s="10" t="s">
        <v>22</v>
      </c>
      <c r="P2864" s="10" t="s">
        <v>22</v>
      </c>
      <c r="Q2864" s="10" t="s">
        <v>22</v>
      </c>
      <c r="U2864" s="10" t="s">
        <v>22</v>
      </c>
      <c r="V2864" s="10" t="s">
        <v>22</v>
      </c>
      <c r="W2864" s="10" t="s">
        <v>22</v>
      </c>
      <c r="X2864" s="10" t="s">
        <v>22</v>
      </c>
      <c r="Y2864" s="10" t="s">
        <v>22</v>
      </c>
      <c r="Z2864" s="10" t="s">
        <v>22</v>
      </c>
    </row>
    <row r="2865" spans="1:26" ht="24" customHeight="1" x14ac:dyDescent="0.2">
      <c r="A2865" s="9" t="s">
        <v>20106</v>
      </c>
      <c r="B2865" s="9" t="s">
        <v>14</v>
      </c>
      <c r="C2865" s="9" t="s">
        <v>13547</v>
      </c>
      <c r="D2865" s="6" t="s">
        <v>13548</v>
      </c>
      <c r="E2865" s="22">
        <v>45272</v>
      </c>
      <c r="F2865" s="22">
        <v>47098</v>
      </c>
      <c r="G2865" s="6" t="s">
        <v>13549</v>
      </c>
      <c r="H2865" s="6" t="s">
        <v>62</v>
      </c>
      <c r="I2865" s="6" t="s">
        <v>312</v>
      </c>
      <c r="J2865" s="6" t="s">
        <v>13550</v>
      </c>
      <c r="K2865" s="9" t="s">
        <v>16437</v>
      </c>
      <c r="L2865" s="10" t="s">
        <v>22</v>
      </c>
      <c r="M2865" s="10" t="s">
        <v>22</v>
      </c>
      <c r="N2865" s="10" t="s">
        <v>22</v>
      </c>
      <c r="O2865" s="10" t="s">
        <v>22</v>
      </c>
      <c r="P2865" s="10" t="s">
        <v>22</v>
      </c>
      <c r="Q2865" s="10" t="s">
        <v>22</v>
      </c>
    </row>
    <row r="2866" spans="1:26" ht="24" customHeight="1" x14ac:dyDescent="0.2">
      <c r="A2866" s="9" t="s">
        <v>20107</v>
      </c>
      <c r="B2866" s="9" t="s">
        <v>14</v>
      </c>
      <c r="C2866" s="9" t="s">
        <v>13551</v>
      </c>
      <c r="D2866" s="6" t="s">
        <v>13552</v>
      </c>
      <c r="E2866" s="22">
        <v>45278</v>
      </c>
      <c r="F2866" s="22">
        <v>47104</v>
      </c>
      <c r="G2866" s="6" t="s">
        <v>13553</v>
      </c>
      <c r="H2866" s="6" t="s">
        <v>202</v>
      </c>
      <c r="I2866" s="6" t="s">
        <v>336</v>
      </c>
      <c r="J2866" s="6" t="s">
        <v>13554</v>
      </c>
      <c r="K2866" s="9" t="s">
        <v>16438</v>
      </c>
      <c r="L2866" s="10" t="s">
        <v>22</v>
      </c>
      <c r="M2866" s="10" t="s">
        <v>22</v>
      </c>
      <c r="N2866" s="10" t="s">
        <v>22</v>
      </c>
      <c r="O2866" s="10" t="s">
        <v>22</v>
      </c>
      <c r="P2866" s="10" t="s">
        <v>22</v>
      </c>
      <c r="Q2866" s="10" t="s">
        <v>22</v>
      </c>
      <c r="R2866" s="10" t="s">
        <v>22</v>
      </c>
      <c r="S2866" s="10" t="s">
        <v>22</v>
      </c>
      <c r="T2866" s="10" t="s">
        <v>22</v>
      </c>
      <c r="U2866" s="10" t="s">
        <v>22</v>
      </c>
      <c r="V2866" s="10" t="s">
        <v>22</v>
      </c>
      <c r="W2866" s="10" t="s">
        <v>22</v>
      </c>
      <c r="X2866" s="10" t="s">
        <v>22</v>
      </c>
      <c r="Y2866" s="10" t="s">
        <v>22</v>
      </c>
      <c r="Z2866" s="10" t="s">
        <v>22</v>
      </c>
    </row>
    <row r="2867" spans="1:26" ht="24" customHeight="1" x14ac:dyDescent="0.2">
      <c r="A2867" s="9" t="s">
        <v>20108</v>
      </c>
      <c r="B2867" s="9" t="s">
        <v>14</v>
      </c>
      <c r="C2867" s="9" t="s">
        <v>13555</v>
      </c>
      <c r="D2867" s="6" t="s">
        <v>13556</v>
      </c>
      <c r="E2867" s="22">
        <v>45278</v>
      </c>
      <c r="F2867" s="22">
        <v>47104</v>
      </c>
      <c r="G2867" s="6" t="s">
        <v>13557</v>
      </c>
      <c r="H2867" s="6" t="s">
        <v>363</v>
      </c>
      <c r="I2867" s="6" t="s">
        <v>597</v>
      </c>
      <c r="J2867" s="6" t="s">
        <v>13558</v>
      </c>
      <c r="L2867" s="10" t="s">
        <v>22</v>
      </c>
      <c r="M2867" s="10" t="s">
        <v>22</v>
      </c>
      <c r="N2867" s="10" t="s">
        <v>22</v>
      </c>
      <c r="O2867" s="10" t="s">
        <v>22</v>
      </c>
      <c r="P2867" s="10" t="s">
        <v>22</v>
      </c>
      <c r="Q2867" s="10" t="s">
        <v>22</v>
      </c>
      <c r="U2867" s="10" t="s">
        <v>22</v>
      </c>
      <c r="V2867" s="10" t="s">
        <v>22</v>
      </c>
      <c r="W2867" s="10" t="s">
        <v>22</v>
      </c>
      <c r="X2867" s="10" t="s">
        <v>22</v>
      </c>
      <c r="Y2867" s="10" t="s">
        <v>22</v>
      </c>
      <c r="Z2867" s="10" t="s">
        <v>22</v>
      </c>
    </row>
    <row r="2868" spans="1:26" ht="24" customHeight="1" x14ac:dyDescent="0.2">
      <c r="A2868" s="9" t="s">
        <v>20109</v>
      </c>
      <c r="B2868" s="9" t="s">
        <v>14</v>
      </c>
      <c r="C2868" s="9" t="s">
        <v>13559</v>
      </c>
      <c r="D2868" s="6" t="s">
        <v>13560</v>
      </c>
      <c r="E2868" s="22">
        <v>45278</v>
      </c>
      <c r="F2868" s="22">
        <v>47104</v>
      </c>
      <c r="G2868" s="6" t="s">
        <v>13561</v>
      </c>
      <c r="H2868" s="6" t="s">
        <v>2029</v>
      </c>
      <c r="I2868" s="6" t="s">
        <v>2874</v>
      </c>
      <c r="J2868" s="6" t="s">
        <v>13562</v>
      </c>
      <c r="K2868" s="9" t="s">
        <v>16439</v>
      </c>
      <c r="L2868" s="10" t="s">
        <v>22</v>
      </c>
      <c r="M2868" s="10" t="s">
        <v>22</v>
      </c>
      <c r="N2868" s="10" t="s">
        <v>22</v>
      </c>
      <c r="O2868" s="10" t="s">
        <v>22</v>
      </c>
      <c r="P2868" s="10" t="s">
        <v>22</v>
      </c>
      <c r="Q2868" s="10" t="s">
        <v>22</v>
      </c>
      <c r="R2868" s="10" t="s">
        <v>22</v>
      </c>
      <c r="S2868" s="10" t="s">
        <v>22</v>
      </c>
      <c r="T2868" s="10" t="s">
        <v>22</v>
      </c>
      <c r="U2868" s="10" t="s">
        <v>22</v>
      </c>
      <c r="V2868" s="10" t="s">
        <v>22</v>
      </c>
      <c r="W2868" s="10" t="s">
        <v>22</v>
      </c>
      <c r="X2868" s="10" t="s">
        <v>22</v>
      </c>
      <c r="Y2868" s="10" t="s">
        <v>22</v>
      </c>
      <c r="Z2868" s="10" t="s">
        <v>22</v>
      </c>
    </row>
    <row r="2869" spans="1:26" ht="24" customHeight="1" x14ac:dyDescent="0.2">
      <c r="A2869" s="9" t="s">
        <v>20110</v>
      </c>
      <c r="B2869" s="9" t="s">
        <v>14</v>
      </c>
      <c r="C2869" s="9" t="s">
        <v>13563</v>
      </c>
      <c r="D2869" s="6" t="s">
        <v>13564</v>
      </c>
      <c r="E2869" s="22">
        <v>45278</v>
      </c>
      <c r="F2869" s="22">
        <v>47104</v>
      </c>
      <c r="G2869" s="6" t="s">
        <v>13565</v>
      </c>
      <c r="H2869" s="6" t="s">
        <v>202</v>
      </c>
      <c r="I2869" s="6" t="s">
        <v>4750</v>
      </c>
      <c r="J2869" s="6" t="s">
        <v>13566</v>
      </c>
      <c r="K2869" s="9" t="s">
        <v>16440</v>
      </c>
      <c r="L2869" s="10" t="s">
        <v>22</v>
      </c>
      <c r="M2869" s="10" t="s">
        <v>22</v>
      </c>
      <c r="N2869" s="10" t="s">
        <v>22</v>
      </c>
      <c r="O2869" s="10" t="s">
        <v>22</v>
      </c>
      <c r="P2869" s="10" t="s">
        <v>22</v>
      </c>
      <c r="Q2869" s="10" t="s">
        <v>22</v>
      </c>
      <c r="U2869" s="10" t="s">
        <v>22</v>
      </c>
      <c r="V2869" s="10" t="s">
        <v>22</v>
      </c>
      <c r="W2869" s="10" t="s">
        <v>22</v>
      </c>
      <c r="X2869" s="10" t="s">
        <v>22</v>
      </c>
      <c r="Y2869" s="10" t="s">
        <v>22</v>
      </c>
      <c r="Z2869" s="10" t="s">
        <v>22</v>
      </c>
    </row>
    <row r="2870" spans="1:26" ht="24" customHeight="1" x14ac:dyDescent="0.2">
      <c r="A2870" s="9" t="s">
        <v>20111</v>
      </c>
      <c r="B2870" s="9" t="s">
        <v>14</v>
      </c>
      <c r="C2870" s="9" t="s">
        <v>13567</v>
      </c>
      <c r="D2870" s="6" t="s">
        <v>13568</v>
      </c>
      <c r="E2870" s="22">
        <v>45278</v>
      </c>
      <c r="F2870" s="22">
        <v>47104</v>
      </c>
      <c r="G2870" s="6" t="s">
        <v>13569</v>
      </c>
      <c r="H2870" s="6" t="s">
        <v>18</v>
      </c>
      <c r="I2870" s="6" t="s">
        <v>19</v>
      </c>
      <c r="J2870" s="6" t="s">
        <v>13570</v>
      </c>
      <c r="K2870" s="9" t="s">
        <v>16441</v>
      </c>
      <c r="L2870" s="10" t="s">
        <v>22</v>
      </c>
      <c r="M2870" s="10" t="s">
        <v>22</v>
      </c>
      <c r="N2870" s="10" t="s">
        <v>22</v>
      </c>
      <c r="O2870" s="10" t="s">
        <v>22</v>
      </c>
      <c r="P2870" s="10" t="s">
        <v>22</v>
      </c>
      <c r="Q2870" s="10" t="s">
        <v>22</v>
      </c>
      <c r="R2870" s="10" t="s">
        <v>22</v>
      </c>
      <c r="S2870" s="10" t="s">
        <v>22</v>
      </c>
      <c r="T2870" s="10" t="s">
        <v>22</v>
      </c>
      <c r="U2870" s="10" t="s">
        <v>22</v>
      </c>
      <c r="V2870" s="10" t="s">
        <v>22</v>
      </c>
      <c r="W2870" s="10" t="s">
        <v>22</v>
      </c>
      <c r="X2870" s="10" t="s">
        <v>22</v>
      </c>
      <c r="Y2870" s="10" t="s">
        <v>22</v>
      </c>
      <c r="Z2870" s="10" t="s">
        <v>22</v>
      </c>
    </row>
    <row r="2871" spans="1:26" ht="24" customHeight="1" x14ac:dyDescent="0.2">
      <c r="A2871" s="9" t="s">
        <v>20112</v>
      </c>
      <c r="B2871" s="9" t="s">
        <v>14</v>
      </c>
      <c r="C2871" s="9" t="s">
        <v>13571</v>
      </c>
      <c r="D2871" s="6" t="s">
        <v>13572</v>
      </c>
      <c r="E2871" s="22">
        <v>45285</v>
      </c>
      <c r="F2871" s="22">
        <v>47111</v>
      </c>
      <c r="G2871" s="6" t="s">
        <v>13573</v>
      </c>
      <c r="H2871" s="6" t="s">
        <v>229</v>
      </c>
      <c r="I2871" s="6" t="s">
        <v>825</v>
      </c>
      <c r="J2871" s="6" t="s">
        <v>13574</v>
      </c>
      <c r="L2871" s="10" t="s">
        <v>22</v>
      </c>
      <c r="M2871" s="10" t="s">
        <v>22</v>
      </c>
      <c r="N2871" s="10" t="s">
        <v>22</v>
      </c>
      <c r="O2871" s="10" t="s">
        <v>22</v>
      </c>
      <c r="P2871" s="10" t="s">
        <v>22</v>
      </c>
      <c r="Q2871" s="10" t="s">
        <v>22</v>
      </c>
      <c r="R2871" s="10" t="s">
        <v>22</v>
      </c>
      <c r="S2871" s="10" t="s">
        <v>22</v>
      </c>
      <c r="T2871" s="10" t="s">
        <v>22</v>
      </c>
      <c r="U2871" s="10" t="s">
        <v>22</v>
      </c>
      <c r="V2871" s="10" t="s">
        <v>22</v>
      </c>
      <c r="W2871" s="10" t="s">
        <v>22</v>
      </c>
      <c r="X2871" s="10" t="s">
        <v>22</v>
      </c>
      <c r="Y2871" s="10" t="s">
        <v>22</v>
      </c>
      <c r="Z2871" s="10" t="s">
        <v>22</v>
      </c>
    </row>
    <row r="2872" spans="1:26" ht="24" customHeight="1" x14ac:dyDescent="0.2">
      <c r="A2872" s="9" t="s">
        <v>20113</v>
      </c>
      <c r="B2872" s="9" t="s">
        <v>14</v>
      </c>
      <c r="C2872" s="9" t="s">
        <v>13575</v>
      </c>
      <c r="D2872" s="6" t="s">
        <v>13576</v>
      </c>
      <c r="E2872" s="22">
        <v>45286</v>
      </c>
      <c r="F2872" s="22">
        <v>47112</v>
      </c>
      <c r="G2872" s="6" t="s">
        <v>13577</v>
      </c>
      <c r="H2872" s="6" t="s">
        <v>18</v>
      </c>
      <c r="I2872" s="6" t="s">
        <v>26</v>
      </c>
      <c r="J2872" s="6" t="s">
        <v>13578</v>
      </c>
      <c r="K2872" s="9" t="s">
        <v>16442</v>
      </c>
      <c r="L2872" s="10" t="s">
        <v>22</v>
      </c>
      <c r="M2872" s="10" t="s">
        <v>22</v>
      </c>
      <c r="N2872" s="10" t="s">
        <v>22</v>
      </c>
      <c r="O2872" s="10" t="s">
        <v>22</v>
      </c>
      <c r="P2872" s="10" t="s">
        <v>22</v>
      </c>
      <c r="Q2872" s="10" t="s">
        <v>22</v>
      </c>
      <c r="R2872" s="10" t="s">
        <v>22</v>
      </c>
      <c r="S2872" s="10" t="s">
        <v>22</v>
      </c>
      <c r="T2872" s="10" t="s">
        <v>22</v>
      </c>
      <c r="U2872" s="10" t="s">
        <v>22</v>
      </c>
      <c r="V2872" s="10" t="s">
        <v>22</v>
      </c>
      <c r="W2872" s="10" t="s">
        <v>22</v>
      </c>
      <c r="X2872" s="10" t="s">
        <v>22</v>
      </c>
      <c r="Y2872" s="10" t="s">
        <v>22</v>
      </c>
      <c r="Z2872" s="10" t="s">
        <v>22</v>
      </c>
    </row>
    <row r="2873" spans="1:26" ht="24" customHeight="1" x14ac:dyDescent="0.2">
      <c r="A2873" s="9" t="s">
        <v>20114</v>
      </c>
      <c r="B2873" s="9" t="s">
        <v>14</v>
      </c>
      <c r="C2873" s="9" t="s">
        <v>13579</v>
      </c>
      <c r="D2873" s="6" t="s">
        <v>13580</v>
      </c>
      <c r="E2873" s="22">
        <v>45295</v>
      </c>
      <c r="F2873" s="22">
        <v>47121</v>
      </c>
      <c r="G2873" s="6" t="s">
        <v>13581</v>
      </c>
      <c r="H2873" s="6" t="s">
        <v>363</v>
      </c>
      <c r="I2873" s="6" t="s">
        <v>4744</v>
      </c>
      <c r="J2873" s="6" t="s">
        <v>13582</v>
      </c>
      <c r="K2873" s="9" t="s">
        <v>16443</v>
      </c>
      <c r="L2873" s="10" t="s">
        <v>22</v>
      </c>
      <c r="M2873" s="10" t="s">
        <v>22</v>
      </c>
      <c r="N2873" s="10" t="s">
        <v>22</v>
      </c>
      <c r="O2873" s="10" t="s">
        <v>22</v>
      </c>
      <c r="P2873" s="10" t="s">
        <v>22</v>
      </c>
      <c r="Q2873" s="10" t="s">
        <v>22</v>
      </c>
    </row>
    <row r="2874" spans="1:26" ht="24" customHeight="1" x14ac:dyDescent="0.2">
      <c r="A2874" s="9" t="s">
        <v>20115</v>
      </c>
      <c r="B2874" s="9" t="s">
        <v>14</v>
      </c>
      <c r="C2874" s="9" t="s">
        <v>13583</v>
      </c>
      <c r="D2874" s="6" t="s">
        <v>13584</v>
      </c>
      <c r="E2874" s="22">
        <v>45300</v>
      </c>
      <c r="F2874" s="22">
        <v>47126</v>
      </c>
      <c r="G2874" s="6" t="s">
        <v>13585</v>
      </c>
      <c r="H2874" s="6" t="s">
        <v>62</v>
      </c>
      <c r="I2874" s="6" t="s">
        <v>264</v>
      </c>
      <c r="J2874" s="6" t="s">
        <v>13586</v>
      </c>
      <c r="L2874" s="10" t="s">
        <v>22</v>
      </c>
      <c r="M2874" s="10" t="s">
        <v>22</v>
      </c>
      <c r="N2874" s="10" t="s">
        <v>22</v>
      </c>
      <c r="O2874" s="10" t="s">
        <v>22</v>
      </c>
      <c r="P2874" s="10" t="s">
        <v>22</v>
      </c>
      <c r="Q2874" s="10" t="s">
        <v>22</v>
      </c>
      <c r="R2874" s="10" t="s">
        <v>22</v>
      </c>
      <c r="S2874" s="10" t="s">
        <v>22</v>
      </c>
      <c r="T2874" s="10" t="s">
        <v>22</v>
      </c>
      <c r="U2874" s="10" t="s">
        <v>22</v>
      </c>
      <c r="V2874" s="10" t="s">
        <v>22</v>
      </c>
      <c r="W2874" s="10" t="s">
        <v>22</v>
      </c>
      <c r="X2874" s="10" t="s">
        <v>22</v>
      </c>
      <c r="Y2874" s="10" t="s">
        <v>22</v>
      </c>
      <c r="Z2874" s="10" t="s">
        <v>22</v>
      </c>
    </row>
    <row r="2875" spans="1:26" ht="24" customHeight="1" x14ac:dyDescent="0.2">
      <c r="A2875" s="9" t="s">
        <v>20116</v>
      </c>
      <c r="B2875" s="9" t="s">
        <v>14</v>
      </c>
      <c r="C2875" s="9" t="s">
        <v>13587</v>
      </c>
      <c r="D2875" s="6" t="s">
        <v>13588</v>
      </c>
      <c r="E2875" s="22">
        <v>45300</v>
      </c>
      <c r="F2875" s="22">
        <v>47126</v>
      </c>
      <c r="G2875" s="6" t="s">
        <v>13589</v>
      </c>
      <c r="H2875" s="6" t="s">
        <v>229</v>
      </c>
      <c r="I2875" s="6" t="s">
        <v>3094</v>
      </c>
      <c r="J2875" s="6" t="s">
        <v>13590</v>
      </c>
      <c r="K2875" s="9" t="s">
        <v>16444</v>
      </c>
      <c r="L2875" s="10" t="s">
        <v>22</v>
      </c>
      <c r="M2875" s="10" t="s">
        <v>22</v>
      </c>
      <c r="N2875" s="10" t="s">
        <v>22</v>
      </c>
      <c r="O2875" s="10" t="s">
        <v>22</v>
      </c>
      <c r="P2875" s="10" t="s">
        <v>22</v>
      </c>
      <c r="Q2875" s="10" t="s">
        <v>22</v>
      </c>
    </row>
    <row r="2876" spans="1:26" ht="24" customHeight="1" x14ac:dyDescent="0.2">
      <c r="A2876" s="9" t="s">
        <v>20117</v>
      </c>
      <c r="B2876" s="9" t="s">
        <v>14</v>
      </c>
      <c r="C2876" s="9" t="s">
        <v>13591</v>
      </c>
      <c r="D2876" s="6" t="s">
        <v>13592</v>
      </c>
      <c r="E2876" s="22">
        <v>45300</v>
      </c>
      <c r="F2876" s="22">
        <v>47126</v>
      </c>
      <c r="G2876" s="6" t="s">
        <v>13593</v>
      </c>
      <c r="H2876" s="6" t="s">
        <v>229</v>
      </c>
      <c r="I2876" s="6" t="s">
        <v>3241</v>
      </c>
      <c r="J2876" s="6" t="s">
        <v>13594</v>
      </c>
      <c r="K2876" s="9" t="s">
        <v>16445</v>
      </c>
      <c r="L2876" s="10" t="s">
        <v>22</v>
      </c>
      <c r="M2876" s="10" t="s">
        <v>22</v>
      </c>
      <c r="N2876" s="10" t="s">
        <v>22</v>
      </c>
      <c r="O2876" s="10" t="s">
        <v>22</v>
      </c>
      <c r="P2876" s="10" t="s">
        <v>22</v>
      </c>
      <c r="Q2876" s="10" t="s">
        <v>22</v>
      </c>
      <c r="U2876" s="10" t="s">
        <v>22</v>
      </c>
      <c r="V2876" s="10" t="s">
        <v>22</v>
      </c>
      <c r="W2876" s="10" t="s">
        <v>22</v>
      </c>
    </row>
    <row r="2877" spans="1:26" ht="24" customHeight="1" x14ac:dyDescent="0.2">
      <c r="A2877" s="9" t="s">
        <v>20118</v>
      </c>
      <c r="B2877" s="9" t="s">
        <v>14</v>
      </c>
      <c r="C2877" s="9" t="s">
        <v>13595</v>
      </c>
      <c r="D2877" s="6" t="s">
        <v>13039</v>
      </c>
      <c r="E2877" s="22">
        <v>45307</v>
      </c>
      <c r="F2877" s="22">
        <v>47133</v>
      </c>
      <c r="G2877" s="6" t="s">
        <v>13596</v>
      </c>
      <c r="H2877" s="6" t="s">
        <v>18</v>
      </c>
      <c r="I2877" s="6" t="s">
        <v>26</v>
      </c>
      <c r="J2877" s="6" t="s">
        <v>13597</v>
      </c>
      <c r="K2877" s="9" t="s">
        <v>16446</v>
      </c>
      <c r="L2877" s="10" t="s">
        <v>22</v>
      </c>
      <c r="M2877" s="10" t="s">
        <v>22</v>
      </c>
      <c r="N2877" s="10" t="s">
        <v>22</v>
      </c>
      <c r="O2877" s="10" t="s">
        <v>22</v>
      </c>
      <c r="P2877" s="10" t="s">
        <v>22</v>
      </c>
      <c r="Q2877" s="10" t="s">
        <v>22</v>
      </c>
      <c r="R2877" s="10" t="s">
        <v>22</v>
      </c>
      <c r="S2877" s="10" t="s">
        <v>22</v>
      </c>
      <c r="T2877" s="10" t="s">
        <v>22</v>
      </c>
      <c r="U2877" s="10" t="s">
        <v>22</v>
      </c>
      <c r="V2877" s="10" t="s">
        <v>22</v>
      </c>
      <c r="W2877" s="10" t="s">
        <v>22</v>
      </c>
      <c r="X2877" s="10" t="s">
        <v>22</v>
      </c>
      <c r="Y2877" s="10" t="s">
        <v>22</v>
      </c>
      <c r="Z2877" s="10" t="s">
        <v>22</v>
      </c>
    </row>
    <row r="2878" spans="1:26" ht="24" customHeight="1" x14ac:dyDescent="0.2">
      <c r="A2878" s="9" t="s">
        <v>20119</v>
      </c>
      <c r="B2878" s="9" t="s">
        <v>14</v>
      </c>
      <c r="C2878" s="9" t="s">
        <v>13598</v>
      </c>
      <c r="D2878" s="6" t="s">
        <v>13599</v>
      </c>
      <c r="E2878" s="22">
        <v>45307</v>
      </c>
      <c r="F2878" s="22">
        <v>47133</v>
      </c>
      <c r="G2878" s="6" t="s">
        <v>13600</v>
      </c>
      <c r="H2878" s="6" t="s">
        <v>62</v>
      </c>
      <c r="I2878" s="6" t="s">
        <v>493</v>
      </c>
      <c r="J2878" s="6" t="s">
        <v>13601</v>
      </c>
      <c r="K2878" s="9" t="s">
        <v>16447</v>
      </c>
      <c r="L2878" s="10" t="s">
        <v>22</v>
      </c>
      <c r="M2878" s="10" t="s">
        <v>22</v>
      </c>
      <c r="N2878" s="10" t="s">
        <v>22</v>
      </c>
      <c r="O2878" s="10" t="s">
        <v>22</v>
      </c>
      <c r="P2878" s="10" t="s">
        <v>22</v>
      </c>
      <c r="Q2878" s="10" t="s">
        <v>22</v>
      </c>
      <c r="R2878" s="10" t="s">
        <v>22</v>
      </c>
      <c r="S2878" s="10" t="s">
        <v>22</v>
      </c>
      <c r="T2878" s="10" t="s">
        <v>22</v>
      </c>
    </row>
    <row r="2879" spans="1:26" ht="24" customHeight="1" x14ac:dyDescent="0.2">
      <c r="A2879" s="9" t="s">
        <v>20120</v>
      </c>
      <c r="B2879" s="9" t="s">
        <v>14</v>
      </c>
      <c r="C2879" s="9" t="s">
        <v>13602</v>
      </c>
      <c r="D2879" s="6" t="s">
        <v>13603</v>
      </c>
      <c r="E2879" s="22">
        <v>45307</v>
      </c>
      <c r="F2879" s="22">
        <v>47133</v>
      </c>
      <c r="G2879" s="6" t="s">
        <v>13604</v>
      </c>
      <c r="H2879" s="6" t="s">
        <v>18</v>
      </c>
      <c r="I2879" s="6" t="s">
        <v>26</v>
      </c>
      <c r="J2879" s="6" t="s">
        <v>13605</v>
      </c>
      <c r="L2879" s="10" t="s">
        <v>22</v>
      </c>
      <c r="M2879" s="10" t="s">
        <v>22</v>
      </c>
      <c r="N2879" s="10" t="s">
        <v>22</v>
      </c>
      <c r="O2879" s="10" t="s">
        <v>22</v>
      </c>
      <c r="P2879" s="10" t="s">
        <v>22</v>
      </c>
      <c r="Q2879" s="10" t="s">
        <v>22</v>
      </c>
      <c r="R2879" s="10" t="s">
        <v>22</v>
      </c>
      <c r="S2879" s="10" t="s">
        <v>22</v>
      </c>
      <c r="T2879" s="10" t="s">
        <v>22</v>
      </c>
      <c r="U2879" s="10" t="s">
        <v>22</v>
      </c>
      <c r="V2879" s="10" t="s">
        <v>22</v>
      </c>
      <c r="W2879" s="10" t="s">
        <v>22</v>
      </c>
      <c r="X2879" s="10" t="s">
        <v>22</v>
      </c>
      <c r="Y2879" s="10" t="s">
        <v>22</v>
      </c>
      <c r="Z2879" s="10" t="s">
        <v>22</v>
      </c>
    </row>
    <row r="2880" spans="1:26" ht="24" customHeight="1" x14ac:dyDescent="0.2">
      <c r="A2880" s="9" t="s">
        <v>20121</v>
      </c>
      <c r="B2880" s="9" t="s">
        <v>14</v>
      </c>
      <c r="C2880" s="9" t="s">
        <v>13606</v>
      </c>
      <c r="D2880" s="6" t="s">
        <v>13607</v>
      </c>
      <c r="E2880" s="22">
        <v>45310</v>
      </c>
      <c r="F2880" s="22">
        <v>47136</v>
      </c>
      <c r="G2880" s="6" t="s">
        <v>13608</v>
      </c>
      <c r="H2880" s="6" t="s">
        <v>18</v>
      </c>
      <c r="I2880" s="6" t="s">
        <v>26</v>
      </c>
      <c r="J2880" s="6" t="s">
        <v>3037</v>
      </c>
      <c r="K2880" s="9" t="s">
        <v>16448</v>
      </c>
      <c r="L2880" s="10" t="s">
        <v>22</v>
      </c>
      <c r="M2880" s="10" t="s">
        <v>22</v>
      </c>
      <c r="N2880" s="10" t="s">
        <v>22</v>
      </c>
      <c r="O2880" s="10" t="s">
        <v>22</v>
      </c>
      <c r="P2880" s="10" t="s">
        <v>22</v>
      </c>
      <c r="Q2880" s="10" t="s">
        <v>22</v>
      </c>
      <c r="R2880" s="10" t="s">
        <v>22</v>
      </c>
      <c r="S2880" s="10" t="s">
        <v>22</v>
      </c>
      <c r="T2880" s="10" t="s">
        <v>22</v>
      </c>
      <c r="U2880" s="10" t="s">
        <v>22</v>
      </c>
      <c r="V2880" s="10" t="s">
        <v>22</v>
      </c>
      <c r="W2880" s="10" t="s">
        <v>22</v>
      </c>
      <c r="X2880" s="10" t="s">
        <v>22</v>
      </c>
      <c r="Y2880" s="10" t="s">
        <v>22</v>
      </c>
      <c r="Z2880" s="10" t="s">
        <v>22</v>
      </c>
    </row>
    <row r="2881" spans="1:26" ht="24" customHeight="1" x14ac:dyDescent="0.2">
      <c r="A2881" s="9" t="s">
        <v>20122</v>
      </c>
      <c r="B2881" s="9" t="s">
        <v>14</v>
      </c>
      <c r="C2881" s="9" t="s">
        <v>13609</v>
      </c>
      <c r="D2881" s="6" t="s">
        <v>13610</v>
      </c>
      <c r="E2881" s="22">
        <v>45310</v>
      </c>
      <c r="F2881" s="22">
        <v>47136</v>
      </c>
      <c r="G2881" s="6" t="s">
        <v>13611</v>
      </c>
      <c r="H2881" s="6" t="s">
        <v>18</v>
      </c>
      <c r="I2881" s="6" t="s">
        <v>19</v>
      </c>
      <c r="J2881" s="6" t="s">
        <v>13612</v>
      </c>
      <c r="K2881" s="9" t="s">
        <v>16449</v>
      </c>
      <c r="L2881" s="10" t="s">
        <v>22</v>
      </c>
      <c r="M2881" s="10" t="s">
        <v>22</v>
      </c>
      <c r="N2881" s="10" t="s">
        <v>22</v>
      </c>
      <c r="O2881" s="10" t="s">
        <v>22</v>
      </c>
      <c r="P2881" s="10" t="s">
        <v>22</v>
      </c>
      <c r="Q2881" s="10" t="s">
        <v>22</v>
      </c>
      <c r="R2881" s="10" t="s">
        <v>22</v>
      </c>
      <c r="S2881" s="10" t="s">
        <v>22</v>
      </c>
      <c r="T2881" s="10" t="s">
        <v>22</v>
      </c>
      <c r="U2881" s="10" t="s">
        <v>22</v>
      </c>
      <c r="V2881" s="10" t="s">
        <v>22</v>
      </c>
      <c r="W2881" s="10" t="s">
        <v>22</v>
      </c>
      <c r="X2881" s="10" t="s">
        <v>22</v>
      </c>
      <c r="Y2881" s="10" t="s">
        <v>22</v>
      </c>
      <c r="Z2881" s="10" t="s">
        <v>22</v>
      </c>
    </row>
    <row r="2882" spans="1:26" ht="24" customHeight="1" x14ac:dyDescent="0.2">
      <c r="A2882" s="9" t="s">
        <v>20123</v>
      </c>
      <c r="B2882" s="9" t="s">
        <v>14</v>
      </c>
      <c r="C2882" s="9" t="s">
        <v>13613</v>
      </c>
      <c r="D2882" s="6" t="s">
        <v>13614</v>
      </c>
      <c r="E2882" s="22">
        <v>45310</v>
      </c>
      <c r="F2882" s="22">
        <v>47136</v>
      </c>
      <c r="G2882" s="6" t="s">
        <v>13615</v>
      </c>
      <c r="H2882" s="6" t="s">
        <v>62</v>
      </c>
      <c r="I2882" s="6" t="s">
        <v>938</v>
      </c>
      <c r="J2882" s="6" t="s">
        <v>13616</v>
      </c>
      <c r="K2882" s="9" t="s">
        <v>16450</v>
      </c>
      <c r="M2882" s="10" t="s">
        <v>22</v>
      </c>
      <c r="N2882" s="10" t="s">
        <v>22</v>
      </c>
      <c r="P2882" s="10" t="s">
        <v>22</v>
      </c>
      <c r="Q2882" s="10" t="s">
        <v>22</v>
      </c>
      <c r="S2882" s="10" t="s">
        <v>22</v>
      </c>
      <c r="T2882" s="10" t="s">
        <v>22</v>
      </c>
      <c r="V2882" s="10" t="s">
        <v>22</v>
      </c>
      <c r="W2882" s="10" t="s">
        <v>22</v>
      </c>
      <c r="Y2882" s="10" t="s">
        <v>22</v>
      </c>
      <c r="Z2882" s="10" t="s">
        <v>22</v>
      </c>
    </row>
    <row r="2883" spans="1:26" ht="24" customHeight="1" x14ac:dyDescent="0.2">
      <c r="A2883" s="9" t="s">
        <v>20124</v>
      </c>
      <c r="B2883" s="9" t="s">
        <v>14</v>
      </c>
      <c r="C2883" s="9" t="s">
        <v>13617</v>
      </c>
      <c r="D2883" s="6" t="s">
        <v>13618</v>
      </c>
      <c r="E2883" s="22">
        <v>45310</v>
      </c>
      <c r="F2883" s="22">
        <v>47136</v>
      </c>
      <c r="G2883" s="6" t="s">
        <v>13619</v>
      </c>
      <c r="H2883" s="6" t="s">
        <v>2029</v>
      </c>
      <c r="I2883" s="6" t="s">
        <v>8351</v>
      </c>
      <c r="J2883" s="6" t="s">
        <v>13620</v>
      </c>
      <c r="K2883" s="9" t="s">
        <v>16451</v>
      </c>
      <c r="L2883" s="10" t="s">
        <v>22</v>
      </c>
      <c r="M2883" s="10" t="s">
        <v>22</v>
      </c>
      <c r="N2883" s="10" t="s">
        <v>22</v>
      </c>
      <c r="O2883" s="10" t="s">
        <v>22</v>
      </c>
      <c r="P2883" s="10" t="s">
        <v>22</v>
      </c>
      <c r="Q2883" s="10" t="s">
        <v>22</v>
      </c>
      <c r="R2883" s="10" t="s">
        <v>22</v>
      </c>
      <c r="S2883" s="10" t="s">
        <v>22</v>
      </c>
      <c r="T2883" s="10" t="s">
        <v>22</v>
      </c>
      <c r="U2883" s="10" t="s">
        <v>22</v>
      </c>
      <c r="V2883" s="10" t="s">
        <v>22</v>
      </c>
      <c r="W2883" s="10" t="s">
        <v>22</v>
      </c>
      <c r="X2883" s="10" t="s">
        <v>22</v>
      </c>
      <c r="Y2883" s="10" t="s">
        <v>22</v>
      </c>
      <c r="Z2883" s="10" t="s">
        <v>22</v>
      </c>
    </row>
    <row r="2884" spans="1:26" ht="24" customHeight="1" x14ac:dyDescent="0.2">
      <c r="A2884" s="9" t="s">
        <v>20125</v>
      </c>
      <c r="B2884" s="9" t="s">
        <v>14</v>
      </c>
      <c r="C2884" s="9" t="s">
        <v>13621</v>
      </c>
      <c r="D2884" s="6" t="s">
        <v>13622</v>
      </c>
      <c r="E2884" s="22">
        <v>45310</v>
      </c>
      <c r="F2884" s="22">
        <v>47136</v>
      </c>
      <c r="G2884" s="6" t="s">
        <v>13623</v>
      </c>
      <c r="H2884" s="6" t="s">
        <v>62</v>
      </c>
      <c r="I2884" s="6" t="s">
        <v>357</v>
      </c>
      <c r="J2884" s="6" t="s">
        <v>13624</v>
      </c>
      <c r="K2884" s="9" t="s">
        <v>16452</v>
      </c>
      <c r="L2884" s="10" t="s">
        <v>22</v>
      </c>
      <c r="M2884" s="10" t="s">
        <v>22</v>
      </c>
      <c r="N2884" s="10" t="s">
        <v>22</v>
      </c>
      <c r="O2884" s="10" t="s">
        <v>22</v>
      </c>
      <c r="P2884" s="10" t="s">
        <v>22</v>
      </c>
      <c r="Q2884" s="10" t="s">
        <v>22</v>
      </c>
      <c r="R2884" s="10" t="s">
        <v>22</v>
      </c>
      <c r="S2884" s="10" t="s">
        <v>22</v>
      </c>
      <c r="T2884" s="10" t="s">
        <v>22</v>
      </c>
      <c r="U2884" s="10" t="s">
        <v>22</v>
      </c>
      <c r="V2884" s="10" t="s">
        <v>22</v>
      </c>
      <c r="W2884" s="10" t="s">
        <v>22</v>
      </c>
      <c r="X2884" s="10" t="s">
        <v>22</v>
      </c>
      <c r="Y2884" s="10" t="s">
        <v>22</v>
      </c>
      <c r="Z2884" s="10" t="s">
        <v>22</v>
      </c>
    </row>
    <row r="2885" spans="1:26" ht="24" customHeight="1" x14ac:dyDescent="0.2">
      <c r="A2885" s="9" t="s">
        <v>20126</v>
      </c>
      <c r="B2885" s="9" t="s">
        <v>14</v>
      </c>
      <c r="C2885" s="9" t="s">
        <v>13625</v>
      </c>
      <c r="D2885" s="6" t="s">
        <v>13626</v>
      </c>
      <c r="E2885" s="22">
        <v>45316</v>
      </c>
      <c r="F2885" s="22">
        <v>47142</v>
      </c>
      <c r="G2885" s="6" t="s">
        <v>13627</v>
      </c>
      <c r="H2885" s="6" t="s">
        <v>18</v>
      </c>
      <c r="I2885" s="6" t="s">
        <v>19</v>
      </c>
      <c r="J2885" s="6" t="s">
        <v>13628</v>
      </c>
      <c r="L2885" s="10" t="s">
        <v>22</v>
      </c>
      <c r="M2885" s="10" t="s">
        <v>22</v>
      </c>
      <c r="N2885" s="10" t="s">
        <v>22</v>
      </c>
      <c r="O2885" s="10" t="s">
        <v>22</v>
      </c>
      <c r="P2885" s="10" t="s">
        <v>22</v>
      </c>
      <c r="Q2885" s="10" t="s">
        <v>22</v>
      </c>
    </row>
    <row r="2886" spans="1:26" ht="24" customHeight="1" x14ac:dyDescent="0.2">
      <c r="A2886" s="9" t="s">
        <v>20127</v>
      </c>
      <c r="B2886" s="9" t="s">
        <v>14</v>
      </c>
      <c r="C2886" s="9" t="s">
        <v>13629</v>
      </c>
      <c r="D2886" s="6" t="s">
        <v>13630</v>
      </c>
      <c r="E2886" s="22">
        <v>45316</v>
      </c>
      <c r="F2886" s="22">
        <v>47142</v>
      </c>
      <c r="G2886" s="6" t="s">
        <v>13631</v>
      </c>
      <c r="H2886" s="6" t="s">
        <v>18</v>
      </c>
      <c r="I2886" s="6" t="s">
        <v>19</v>
      </c>
      <c r="J2886" s="6" t="s">
        <v>13632</v>
      </c>
      <c r="K2886" s="9" t="s">
        <v>16453</v>
      </c>
      <c r="L2886" s="10" t="s">
        <v>22</v>
      </c>
      <c r="M2886" s="10" t="s">
        <v>22</v>
      </c>
      <c r="N2886" s="10" t="s">
        <v>22</v>
      </c>
      <c r="O2886" s="10" t="s">
        <v>22</v>
      </c>
      <c r="P2886" s="10" t="s">
        <v>22</v>
      </c>
      <c r="Q2886" s="10" t="s">
        <v>22</v>
      </c>
    </row>
    <row r="2887" spans="1:26" ht="24" customHeight="1" x14ac:dyDescent="0.2">
      <c r="A2887" s="9" t="s">
        <v>20128</v>
      </c>
      <c r="B2887" s="9" t="s">
        <v>14</v>
      </c>
      <c r="C2887" s="9" t="s">
        <v>13633</v>
      </c>
      <c r="D2887" s="6" t="s">
        <v>13634</v>
      </c>
      <c r="E2887" s="22">
        <v>45316</v>
      </c>
      <c r="F2887" s="22">
        <v>47142</v>
      </c>
      <c r="G2887" s="6" t="s">
        <v>13635</v>
      </c>
      <c r="H2887" s="6" t="s">
        <v>18</v>
      </c>
      <c r="I2887" s="6" t="s">
        <v>26</v>
      </c>
      <c r="J2887" s="6" t="s">
        <v>13636</v>
      </c>
      <c r="K2887" s="9" t="s">
        <v>16454</v>
      </c>
      <c r="L2887" s="10" t="s">
        <v>22</v>
      </c>
      <c r="M2887" s="10" t="s">
        <v>22</v>
      </c>
      <c r="N2887" s="10" t="s">
        <v>22</v>
      </c>
      <c r="O2887" s="10" t="s">
        <v>22</v>
      </c>
      <c r="P2887" s="10" t="s">
        <v>22</v>
      </c>
      <c r="Q2887" s="10" t="s">
        <v>22</v>
      </c>
      <c r="R2887" s="10" t="s">
        <v>22</v>
      </c>
      <c r="S2887" s="10" t="s">
        <v>22</v>
      </c>
      <c r="T2887" s="10" t="s">
        <v>22</v>
      </c>
      <c r="U2887" s="10" t="s">
        <v>22</v>
      </c>
      <c r="V2887" s="10" t="s">
        <v>22</v>
      </c>
      <c r="W2887" s="10" t="s">
        <v>22</v>
      </c>
      <c r="X2887" s="10" t="s">
        <v>22</v>
      </c>
      <c r="Y2887" s="10" t="s">
        <v>22</v>
      </c>
      <c r="Z2887" s="10" t="s">
        <v>22</v>
      </c>
    </row>
    <row r="2888" spans="1:26" ht="24" customHeight="1" x14ac:dyDescent="0.2">
      <c r="A2888" s="9" t="s">
        <v>20129</v>
      </c>
      <c r="B2888" s="9" t="s">
        <v>14</v>
      </c>
      <c r="C2888" s="9" t="s">
        <v>13637</v>
      </c>
      <c r="D2888" s="6" t="s">
        <v>13638</v>
      </c>
      <c r="E2888" s="22">
        <v>45316</v>
      </c>
      <c r="F2888" s="22">
        <v>47142</v>
      </c>
      <c r="G2888" s="6" t="s">
        <v>13639</v>
      </c>
      <c r="H2888" s="6" t="s">
        <v>202</v>
      </c>
      <c r="I2888" s="6" t="s">
        <v>2117</v>
      </c>
      <c r="J2888" s="6" t="s">
        <v>13640</v>
      </c>
      <c r="K2888" s="9" t="s">
        <v>16455</v>
      </c>
      <c r="M2888" s="10" t="s">
        <v>22</v>
      </c>
      <c r="N2888" s="10" t="s">
        <v>22</v>
      </c>
      <c r="W2888" s="10" t="s">
        <v>22</v>
      </c>
    </row>
    <row r="2889" spans="1:26" ht="24" customHeight="1" x14ac:dyDescent="0.2">
      <c r="A2889" s="9" t="s">
        <v>20130</v>
      </c>
      <c r="B2889" s="9" t="s">
        <v>14</v>
      </c>
      <c r="C2889" s="9" t="s">
        <v>13641</v>
      </c>
      <c r="D2889" s="6" t="s">
        <v>13642</v>
      </c>
      <c r="E2889" s="22">
        <v>45316</v>
      </c>
      <c r="F2889" s="22">
        <v>47142</v>
      </c>
      <c r="G2889" s="6" t="s">
        <v>13643</v>
      </c>
      <c r="H2889" s="6" t="s">
        <v>18</v>
      </c>
      <c r="I2889" s="6" t="s">
        <v>26</v>
      </c>
      <c r="J2889" s="6" t="s">
        <v>13644</v>
      </c>
      <c r="K2889" s="9" t="s">
        <v>16456</v>
      </c>
      <c r="L2889" s="10" t="s">
        <v>22</v>
      </c>
      <c r="M2889" s="10" t="s">
        <v>22</v>
      </c>
      <c r="N2889" s="10" t="s">
        <v>22</v>
      </c>
    </row>
    <row r="2890" spans="1:26" ht="24" customHeight="1" x14ac:dyDescent="0.2">
      <c r="A2890" s="9" t="s">
        <v>20131</v>
      </c>
      <c r="B2890" s="9" t="s">
        <v>14</v>
      </c>
      <c r="C2890" s="9" t="s">
        <v>13645</v>
      </c>
      <c r="D2890" s="6" t="s">
        <v>13646</v>
      </c>
      <c r="E2890" s="22">
        <v>45316</v>
      </c>
      <c r="F2890" s="22">
        <v>47142</v>
      </c>
      <c r="G2890" s="6" t="s">
        <v>13647</v>
      </c>
      <c r="H2890" s="6" t="s">
        <v>18</v>
      </c>
      <c r="I2890" s="6" t="s">
        <v>19</v>
      </c>
      <c r="J2890" s="6" t="s">
        <v>13648</v>
      </c>
      <c r="K2890" s="9" t="s">
        <v>16457</v>
      </c>
      <c r="L2890" s="10" t="s">
        <v>22</v>
      </c>
      <c r="M2890" s="10" t="s">
        <v>22</v>
      </c>
      <c r="N2890" s="10" t="s">
        <v>22</v>
      </c>
      <c r="O2890" s="10" t="s">
        <v>22</v>
      </c>
      <c r="P2890" s="10" t="s">
        <v>22</v>
      </c>
      <c r="Q2890" s="10" t="s">
        <v>22</v>
      </c>
      <c r="R2890" s="10" t="s">
        <v>22</v>
      </c>
      <c r="S2890" s="10" t="s">
        <v>22</v>
      </c>
      <c r="T2890" s="10" t="s">
        <v>22</v>
      </c>
      <c r="U2890" s="10" t="s">
        <v>22</v>
      </c>
      <c r="V2890" s="10" t="s">
        <v>22</v>
      </c>
      <c r="W2890" s="10" t="s">
        <v>22</v>
      </c>
      <c r="X2890" s="10" t="s">
        <v>22</v>
      </c>
      <c r="Y2890" s="10" t="s">
        <v>22</v>
      </c>
      <c r="Z2890" s="10" t="s">
        <v>22</v>
      </c>
    </row>
    <row r="2891" spans="1:26" ht="24" customHeight="1" x14ac:dyDescent="0.2">
      <c r="A2891" s="9" t="s">
        <v>20132</v>
      </c>
      <c r="B2891" s="9" t="s">
        <v>14</v>
      </c>
      <c r="C2891" s="9" t="s">
        <v>13649</v>
      </c>
      <c r="D2891" s="6" t="s">
        <v>13650</v>
      </c>
      <c r="E2891" s="22">
        <v>45320</v>
      </c>
      <c r="F2891" s="22">
        <v>47146</v>
      </c>
      <c r="G2891" s="6" t="s">
        <v>13651</v>
      </c>
      <c r="H2891" s="6" t="s">
        <v>13652</v>
      </c>
      <c r="I2891" s="6" t="s">
        <v>13653</v>
      </c>
      <c r="J2891" s="6" t="s">
        <v>13654</v>
      </c>
      <c r="K2891" s="11" t="s">
        <v>21379</v>
      </c>
      <c r="L2891" s="10" t="s">
        <v>22</v>
      </c>
      <c r="M2891" s="10" t="s">
        <v>22</v>
      </c>
      <c r="N2891" s="10" t="s">
        <v>22</v>
      </c>
      <c r="O2891" s="10" t="s">
        <v>22</v>
      </c>
      <c r="P2891" s="10" t="s">
        <v>22</v>
      </c>
      <c r="Q2891" s="10" t="s">
        <v>22</v>
      </c>
      <c r="R2891" s="10" t="s">
        <v>22</v>
      </c>
      <c r="S2891" s="10" t="s">
        <v>22</v>
      </c>
      <c r="T2891" s="10" t="s">
        <v>22</v>
      </c>
      <c r="U2891" s="10" t="s">
        <v>22</v>
      </c>
      <c r="V2891" s="10" t="s">
        <v>22</v>
      </c>
      <c r="W2891" s="10" t="s">
        <v>22</v>
      </c>
      <c r="X2891" s="10" t="s">
        <v>22</v>
      </c>
      <c r="Y2891" s="10" t="s">
        <v>22</v>
      </c>
      <c r="Z2891" s="10" t="s">
        <v>22</v>
      </c>
    </row>
    <row r="2892" spans="1:26" ht="24" customHeight="1" x14ac:dyDescent="0.2">
      <c r="A2892" s="9" t="s">
        <v>20133</v>
      </c>
      <c r="B2892" s="9" t="s">
        <v>14</v>
      </c>
      <c r="C2892" s="9" t="s">
        <v>16458</v>
      </c>
      <c r="D2892" s="6" t="s">
        <v>16459</v>
      </c>
      <c r="E2892" s="22">
        <v>45327</v>
      </c>
      <c r="F2892" s="22">
        <v>47153</v>
      </c>
      <c r="G2892" s="6" t="s">
        <v>16460</v>
      </c>
      <c r="H2892" s="6" t="s">
        <v>18</v>
      </c>
      <c r="I2892" s="6" t="s">
        <v>19</v>
      </c>
      <c r="J2892" s="6" t="s">
        <v>16461</v>
      </c>
      <c r="K2892" s="12"/>
      <c r="L2892" s="10" t="s">
        <v>22</v>
      </c>
      <c r="M2892" s="10" t="s">
        <v>22</v>
      </c>
      <c r="N2892" s="10" t="s">
        <v>22</v>
      </c>
      <c r="O2892" s="10" t="s">
        <v>22</v>
      </c>
      <c r="P2892" s="10" t="s">
        <v>22</v>
      </c>
      <c r="Q2892" s="10" t="s">
        <v>22</v>
      </c>
      <c r="R2892" s="10" t="s">
        <v>22</v>
      </c>
      <c r="S2892" s="10" t="s">
        <v>22</v>
      </c>
      <c r="T2892" s="10" t="s">
        <v>22</v>
      </c>
      <c r="U2892" s="10" t="s">
        <v>22</v>
      </c>
      <c r="V2892" s="10" t="s">
        <v>22</v>
      </c>
      <c r="W2892" s="10" t="s">
        <v>22</v>
      </c>
      <c r="X2892" s="10" t="s">
        <v>22</v>
      </c>
      <c r="Y2892" s="10" t="s">
        <v>22</v>
      </c>
      <c r="Z2892" s="10" t="s">
        <v>22</v>
      </c>
    </row>
    <row r="2893" spans="1:26" ht="24" customHeight="1" x14ac:dyDescent="0.2">
      <c r="A2893" s="9" t="s">
        <v>20134</v>
      </c>
      <c r="B2893" s="9" t="s">
        <v>14</v>
      </c>
      <c r="C2893" s="9" t="s">
        <v>16462</v>
      </c>
      <c r="D2893" s="6" t="s">
        <v>16463</v>
      </c>
      <c r="E2893" s="22">
        <v>45327</v>
      </c>
      <c r="F2893" s="22">
        <v>47153</v>
      </c>
      <c r="G2893" s="6" t="s">
        <v>16464</v>
      </c>
      <c r="H2893" s="6" t="s">
        <v>18</v>
      </c>
      <c r="I2893" s="6" t="s">
        <v>19</v>
      </c>
      <c r="J2893" s="6" t="s">
        <v>16465</v>
      </c>
      <c r="K2893" s="11" t="s">
        <v>21380</v>
      </c>
      <c r="L2893" s="10" t="s">
        <v>22</v>
      </c>
      <c r="M2893" s="10" t="s">
        <v>22</v>
      </c>
      <c r="N2893" s="10" t="s">
        <v>22</v>
      </c>
      <c r="O2893" s="10" t="s">
        <v>22</v>
      </c>
      <c r="P2893" s="10" t="s">
        <v>22</v>
      </c>
      <c r="Q2893" s="10" t="s">
        <v>22</v>
      </c>
      <c r="U2893" s="10" t="s">
        <v>22</v>
      </c>
      <c r="V2893" s="10" t="s">
        <v>22</v>
      </c>
      <c r="W2893" s="10" t="s">
        <v>22</v>
      </c>
      <c r="X2893" s="10" t="s">
        <v>22</v>
      </c>
      <c r="Y2893" s="10" t="s">
        <v>22</v>
      </c>
      <c r="Z2893" s="10" t="s">
        <v>22</v>
      </c>
    </row>
    <row r="2894" spans="1:26" ht="24" customHeight="1" x14ac:dyDescent="0.2">
      <c r="A2894" s="9" t="s">
        <v>20135</v>
      </c>
      <c r="B2894" s="9" t="s">
        <v>14</v>
      </c>
      <c r="C2894" s="9" t="s">
        <v>16466</v>
      </c>
      <c r="D2894" s="6" t="s">
        <v>16467</v>
      </c>
      <c r="E2894" s="22">
        <v>45327</v>
      </c>
      <c r="F2894" s="22">
        <v>47153</v>
      </c>
      <c r="G2894" s="6" t="s">
        <v>16468</v>
      </c>
      <c r="H2894" s="6" t="s">
        <v>18</v>
      </c>
      <c r="I2894" s="6" t="s">
        <v>19</v>
      </c>
      <c r="J2894" s="6" t="s">
        <v>16469</v>
      </c>
      <c r="K2894" s="11" t="s">
        <v>21381</v>
      </c>
      <c r="M2894" s="10" t="s">
        <v>22</v>
      </c>
      <c r="N2894" s="10" t="s">
        <v>22</v>
      </c>
    </row>
    <row r="2895" spans="1:26" ht="24" customHeight="1" x14ac:dyDescent="0.2">
      <c r="A2895" s="9" t="s">
        <v>20136</v>
      </c>
      <c r="B2895" s="9" t="s">
        <v>14</v>
      </c>
      <c r="C2895" s="9" t="s">
        <v>16470</v>
      </c>
      <c r="D2895" s="6" t="s">
        <v>16471</v>
      </c>
      <c r="E2895" s="22">
        <v>45327</v>
      </c>
      <c r="F2895" s="22">
        <v>47153</v>
      </c>
      <c r="G2895" s="6" t="s">
        <v>16472</v>
      </c>
      <c r="H2895" s="6" t="s">
        <v>363</v>
      </c>
      <c r="I2895" s="6" t="s">
        <v>466</v>
      </c>
      <c r="J2895" s="6" t="s">
        <v>16473</v>
      </c>
      <c r="K2895" s="12"/>
      <c r="L2895" s="10" t="s">
        <v>22</v>
      </c>
      <c r="M2895" s="10" t="s">
        <v>22</v>
      </c>
      <c r="N2895" s="10" t="s">
        <v>22</v>
      </c>
      <c r="O2895" s="10" t="s">
        <v>22</v>
      </c>
      <c r="P2895" s="10" t="s">
        <v>22</v>
      </c>
      <c r="Q2895" s="10" t="s">
        <v>22</v>
      </c>
      <c r="U2895" s="10" t="s">
        <v>22</v>
      </c>
      <c r="V2895" s="10" t="s">
        <v>22</v>
      </c>
      <c r="W2895" s="10" t="s">
        <v>22</v>
      </c>
      <c r="X2895" s="10" t="s">
        <v>22</v>
      </c>
      <c r="Y2895" s="10" t="s">
        <v>22</v>
      </c>
      <c r="Z2895" s="10" t="s">
        <v>22</v>
      </c>
    </row>
    <row r="2896" spans="1:26" ht="24" customHeight="1" x14ac:dyDescent="0.2">
      <c r="A2896" s="9" t="s">
        <v>20137</v>
      </c>
      <c r="B2896" s="9" t="s">
        <v>14</v>
      </c>
      <c r="C2896" s="9" t="s">
        <v>16474</v>
      </c>
      <c r="D2896" s="6" t="s">
        <v>16475</v>
      </c>
      <c r="E2896" s="22">
        <v>45327</v>
      </c>
      <c r="F2896" s="22">
        <v>47153</v>
      </c>
      <c r="G2896" s="6" t="s">
        <v>16476</v>
      </c>
      <c r="H2896" s="6" t="s">
        <v>202</v>
      </c>
      <c r="I2896" s="6" t="s">
        <v>336</v>
      </c>
      <c r="J2896" s="6" t="s">
        <v>16477</v>
      </c>
      <c r="K2896" s="11" t="s">
        <v>21382</v>
      </c>
      <c r="L2896" s="10" t="s">
        <v>22</v>
      </c>
      <c r="M2896" s="10" t="s">
        <v>22</v>
      </c>
      <c r="N2896" s="10" t="s">
        <v>22</v>
      </c>
      <c r="O2896" s="10" t="s">
        <v>22</v>
      </c>
      <c r="P2896" s="10" t="s">
        <v>22</v>
      </c>
      <c r="Q2896" s="10" t="s">
        <v>22</v>
      </c>
      <c r="R2896" s="10" t="s">
        <v>22</v>
      </c>
      <c r="S2896" s="10" t="s">
        <v>22</v>
      </c>
      <c r="T2896" s="10" t="s">
        <v>22</v>
      </c>
      <c r="U2896" s="10" t="s">
        <v>22</v>
      </c>
      <c r="V2896" s="10" t="s">
        <v>22</v>
      </c>
      <c r="W2896" s="10" t="s">
        <v>22</v>
      </c>
      <c r="X2896" s="10" t="s">
        <v>22</v>
      </c>
      <c r="Y2896" s="10" t="s">
        <v>22</v>
      </c>
      <c r="Z2896" s="10" t="s">
        <v>22</v>
      </c>
    </row>
    <row r="2897" spans="1:26" ht="24" customHeight="1" x14ac:dyDescent="0.2">
      <c r="A2897" s="9" t="s">
        <v>20138</v>
      </c>
      <c r="B2897" s="9" t="s">
        <v>14</v>
      </c>
      <c r="C2897" s="9" t="s">
        <v>16478</v>
      </c>
      <c r="D2897" s="6" t="s">
        <v>16479</v>
      </c>
      <c r="E2897" s="22">
        <v>45327</v>
      </c>
      <c r="F2897" s="22">
        <v>47153</v>
      </c>
      <c r="G2897" s="6" t="s">
        <v>16480</v>
      </c>
      <c r="H2897" s="6" t="s">
        <v>62</v>
      </c>
      <c r="I2897" s="6" t="s">
        <v>414</v>
      </c>
      <c r="J2897" s="6" t="s">
        <v>16481</v>
      </c>
      <c r="K2897" s="11" t="s">
        <v>21383</v>
      </c>
      <c r="L2897" s="10" t="s">
        <v>22</v>
      </c>
      <c r="M2897" s="10" t="s">
        <v>22</v>
      </c>
      <c r="N2897" s="10" t="s">
        <v>22</v>
      </c>
      <c r="O2897" s="10" t="s">
        <v>22</v>
      </c>
      <c r="P2897" s="10" t="s">
        <v>22</v>
      </c>
      <c r="Q2897" s="10" t="s">
        <v>22</v>
      </c>
      <c r="R2897" s="10" t="s">
        <v>22</v>
      </c>
      <c r="S2897" s="10" t="s">
        <v>22</v>
      </c>
      <c r="T2897" s="10" t="s">
        <v>22</v>
      </c>
      <c r="U2897" s="10" t="s">
        <v>22</v>
      </c>
      <c r="V2897" s="10" t="s">
        <v>22</v>
      </c>
      <c r="W2897" s="10" t="s">
        <v>22</v>
      </c>
      <c r="X2897" s="10" t="s">
        <v>22</v>
      </c>
      <c r="Y2897" s="10" t="s">
        <v>22</v>
      </c>
      <c r="Z2897" s="10" t="s">
        <v>22</v>
      </c>
    </row>
    <row r="2898" spans="1:26" ht="24" customHeight="1" x14ac:dyDescent="0.2">
      <c r="A2898" s="9" t="s">
        <v>20139</v>
      </c>
      <c r="B2898" s="9" t="s">
        <v>14</v>
      </c>
      <c r="C2898" s="9" t="s">
        <v>16482</v>
      </c>
      <c r="D2898" s="6" t="s">
        <v>5080</v>
      </c>
      <c r="E2898" s="22">
        <v>45330</v>
      </c>
      <c r="F2898" s="22">
        <v>47156</v>
      </c>
      <c r="G2898" s="6" t="s">
        <v>5081</v>
      </c>
      <c r="H2898" s="6" t="s">
        <v>62</v>
      </c>
      <c r="I2898" s="6" t="s">
        <v>73</v>
      </c>
      <c r="J2898" s="6" t="s">
        <v>16483</v>
      </c>
      <c r="K2898" s="11" t="s">
        <v>21384</v>
      </c>
      <c r="L2898" s="10" t="s">
        <v>22</v>
      </c>
      <c r="M2898" s="10" t="s">
        <v>22</v>
      </c>
      <c r="N2898" s="10" t="s">
        <v>22</v>
      </c>
      <c r="O2898" s="10" t="s">
        <v>22</v>
      </c>
      <c r="P2898" s="10" t="s">
        <v>22</v>
      </c>
      <c r="Q2898" s="10" t="s">
        <v>22</v>
      </c>
      <c r="R2898" s="10" t="s">
        <v>22</v>
      </c>
      <c r="S2898" s="10" t="s">
        <v>22</v>
      </c>
      <c r="T2898" s="10" t="s">
        <v>22</v>
      </c>
      <c r="U2898" s="10" t="s">
        <v>22</v>
      </c>
      <c r="V2898" s="10" t="s">
        <v>22</v>
      </c>
      <c r="W2898" s="10" t="s">
        <v>22</v>
      </c>
      <c r="X2898" s="10" t="s">
        <v>22</v>
      </c>
      <c r="Y2898" s="10" t="s">
        <v>22</v>
      </c>
      <c r="Z2898" s="10" t="s">
        <v>22</v>
      </c>
    </row>
    <row r="2899" spans="1:26" ht="24" customHeight="1" x14ac:dyDescent="0.2">
      <c r="A2899" s="9" t="s">
        <v>20140</v>
      </c>
      <c r="B2899" s="9" t="s">
        <v>14</v>
      </c>
      <c r="C2899" s="9" t="s">
        <v>16484</v>
      </c>
      <c r="D2899" s="6" t="s">
        <v>16485</v>
      </c>
      <c r="E2899" s="22">
        <v>45330</v>
      </c>
      <c r="F2899" s="22">
        <v>47156</v>
      </c>
      <c r="G2899" s="6" t="s">
        <v>16486</v>
      </c>
      <c r="H2899" s="6" t="s">
        <v>363</v>
      </c>
      <c r="I2899" s="6" t="s">
        <v>10264</v>
      </c>
      <c r="J2899" s="6" t="s">
        <v>16487</v>
      </c>
      <c r="K2899" s="11" t="s">
        <v>21385</v>
      </c>
      <c r="L2899" s="10" t="s">
        <v>22</v>
      </c>
      <c r="M2899" s="10" t="s">
        <v>22</v>
      </c>
      <c r="N2899" s="10" t="s">
        <v>22</v>
      </c>
      <c r="O2899" s="10" t="s">
        <v>22</v>
      </c>
      <c r="P2899" s="10" t="s">
        <v>22</v>
      </c>
      <c r="Q2899" s="10" t="s">
        <v>22</v>
      </c>
      <c r="U2899" s="10" t="s">
        <v>22</v>
      </c>
      <c r="V2899" s="10" t="s">
        <v>22</v>
      </c>
      <c r="W2899" s="10" t="s">
        <v>22</v>
      </c>
      <c r="X2899" s="10" t="s">
        <v>22</v>
      </c>
      <c r="Y2899" s="10" t="s">
        <v>22</v>
      </c>
      <c r="Z2899" s="10" t="s">
        <v>22</v>
      </c>
    </row>
    <row r="2900" spans="1:26" ht="24" customHeight="1" x14ac:dyDescent="0.2">
      <c r="A2900" s="9" t="s">
        <v>20141</v>
      </c>
      <c r="B2900" s="9" t="s">
        <v>14</v>
      </c>
      <c r="C2900" s="9" t="s">
        <v>16488</v>
      </c>
      <c r="D2900" s="6" t="s">
        <v>16489</v>
      </c>
      <c r="E2900" s="22">
        <v>45337</v>
      </c>
      <c r="F2900" s="22">
        <v>47163</v>
      </c>
      <c r="G2900" s="6" t="s">
        <v>16490</v>
      </c>
      <c r="H2900" s="6" t="s">
        <v>62</v>
      </c>
      <c r="I2900" s="6" t="s">
        <v>738</v>
      </c>
      <c r="J2900" s="6" t="s">
        <v>16491</v>
      </c>
      <c r="K2900" s="11" t="s">
        <v>21386</v>
      </c>
      <c r="L2900" s="10" t="s">
        <v>22</v>
      </c>
      <c r="M2900" s="10" t="s">
        <v>22</v>
      </c>
      <c r="N2900" s="10" t="s">
        <v>22</v>
      </c>
      <c r="O2900" s="10" t="s">
        <v>22</v>
      </c>
      <c r="P2900" s="10" t="s">
        <v>22</v>
      </c>
      <c r="Q2900" s="10" t="s">
        <v>22</v>
      </c>
      <c r="R2900" s="10" t="s">
        <v>22</v>
      </c>
      <c r="S2900" s="10" t="s">
        <v>22</v>
      </c>
      <c r="T2900" s="10" t="s">
        <v>22</v>
      </c>
      <c r="U2900" s="10" t="s">
        <v>22</v>
      </c>
      <c r="V2900" s="10" t="s">
        <v>22</v>
      </c>
      <c r="W2900" s="10" t="s">
        <v>22</v>
      </c>
      <c r="X2900" s="10" t="s">
        <v>22</v>
      </c>
      <c r="Y2900" s="10" t="s">
        <v>22</v>
      </c>
      <c r="Z2900" s="10" t="s">
        <v>22</v>
      </c>
    </row>
    <row r="2901" spans="1:26" ht="24" customHeight="1" x14ac:dyDescent="0.2">
      <c r="A2901" s="9" t="s">
        <v>20142</v>
      </c>
      <c r="B2901" s="9" t="s">
        <v>14</v>
      </c>
      <c r="C2901" s="9" t="s">
        <v>16492</v>
      </c>
      <c r="D2901" s="6" t="s">
        <v>16493</v>
      </c>
      <c r="E2901" s="22">
        <v>45337</v>
      </c>
      <c r="F2901" s="22">
        <v>47163</v>
      </c>
      <c r="G2901" s="6" t="s">
        <v>16494</v>
      </c>
      <c r="H2901" s="6" t="s">
        <v>62</v>
      </c>
      <c r="I2901" s="6" t="s">
        <v>1225</v>
      </c>
      <c r="J2901" s="6" t="s">
        <v>16495</v>
      </c>
      <c r="K2901" s="12"/>
      <c r="L2901" s="10" t="s">
        <v>22</v>
      </c>
      <c r="M2901" s="10" t="s">
        <v>22</v>
      </c>
      <c r="N2901" s="10" t="s">
        <v>22</v>
      </c>
      <c r="O2901" s="10" t="s">
        <v>22</v>
      </c>
      <c r="P2901" s="10" t="s">
        <v>22</v>
      </c>
      <c r="Q2901" s="10" t="s">
        <v>22</v>
      </c>
    </row>
    <row r="2902" spans="1:26" ht="24" customHeight="1" x14ac:dyDescent="0.2">
      <c r="A2902" s="9" t="s">
        <v>20143</v>
      </c>
      <c r="B2902" s="9" t="s">
        <v>14</v>
      </c>
      <c r="C2902" s="9" t="s">
        <v>16496</v>
      </c>
      <c r="D2902" s="6" t="s">
        <v>16497</v>
      </c>
      <c r="E2902" s="22">
        <v>45337</v>
      </c>
      <c r="F2902" s="22">
        <v>47163</v>
      </c>
      <c r="G2902" s="6" t="s">
        <v>16498</v>
      </c>
      <c r="H2902" s="6" t="s">
        <v>202</v>
      </c>
      <c r="I2902" s="6" t="s">
        <v>954</v>
      </c>
      <c r="J2902" s="6" t="s">
        <v>16499</v>
      </c>
      <c r="K2902" s="11" t="s">
        <v>21387</v>
      </c>
      <c r="M2902" s="10" t="s">
        <v>22</v>
      </c>
      <c r="N2902" s="10" t="s">
        <v>22</v>
      </c>
      <c r="P2902" s="10" t="s">
        <v>22</v>
      </c>
      <c r="Q2902" s="10" t="s">
        <v>22</v>
      </c>
      <c r="W2902" s="10" t="s">
        <v>22</v>
      </c>
      <c r="Z2902" s="10" t="s">
        <v>22</v>
      </c>
    </row>
    <row r="2903" spans="1:26" ht="24" customHeight="1" x14ac:dyDescent="0.2">
      <c r="A2903" s="9" t="s">
        <v>20144</v>
      </c>
      <c r="B2903" s="9" t="s">
        <v>14</v>
      </c>
      <c r="C2903" s="9" t="s">
        <v>16500</v>
      </c>
      <c r="D2903" s="6" t="s">
        <v>16501</v>
      </c>
      <c r="E2903" s="22">
        <v>45338</v>
      </c>
      <c r="F2903" s="22">
        <v>47164</v>
      </c>
      <c r="G2903" s="6" t="s">
        <v>16502</v>
      </c>
      <c r="H2903" s="6" t="s">
        <v>18</v>
      </c>
      <c r="I2903" s="6" t="s">
        <v>26</v>
      </c>
      <c r="J2903" s="6" t="s">
        <v>16503</v>
      </c>
      <c r="K2903" s="11" t="s">
        <v>21388</v>
      </c>
      <c r="L2903" s="10" t="s">
        <v>22</v>
      </c>
      <c r="M2903" s="10" t="s">
        <v>22</v>
      </c>
      <c r="N2903" s="10" t="s">
        <v>22</v>
      </c>
    </row>
    <row r="2904" spans="1:26" ht="24" customHeight="1" x14ac:dyDescent="0.2">
      <c r="A2904" s="9" t="s">
        <v>20145</v>
      </c>
      <c r="B2904" s="9" t="s">
        <v>14</v>
      </c>
      <c r="C2904" s="9" t="s">
        <v>16504</v>
      </c>
      <c r="D2904" s="6" t="s">
        <v>16505</v>
      </c>
      <c r="E2904" s="22">
        <v>45338</v>
      </c>
      <c r="F2904" s="22">
        <v>47164</v>
      </c>
      <c r="G2904" s="6" t="s">
        <v>16506</v>
      </c>
      <c r="H2904" s="6" t="s">
        <v>18</v>
      </c>
      <c r="I2904" s="6" t="s">
        <v>19</v>
      </c>
      <c r="J2904" s="6" t="s">
        <v>16507</v>
      </c>
      <c r="K2904" s="11" t="s">
        <v>21389</v>
      </c>
      <c r="L2904" s="10" t="s">
        <v>22</v>
      </c>
      <c r="M2904" s="10" t="s">
        <v>22</v>
      </c>
      <c r="N2904" s="10" t="s">
        <v>22</v>
      </c>
    </row>
    <row r="2905" spans="1:26" ht="24" customHeight="1" x14ac:dyDescent="0.2">
      <c r="A2905" s="9" t="s">
        <v>20146</v>
      </c>
      <c r="B2905" s="9" t="s">
        <v>14</v>
      </c>
      <c r="C2905" s="9" t="s">
        <v>16508</v>
      </c>
      <c r="D2905" s="6" t="s">
        <v>16509</v>
      </c>
      <c r="E2905" s="22">
        <v>45338</v>
      </c>
      <c r="F2905" s="22">
        <v>47164</v>
      </c>
      <c r="G2905" s="6" t="s">
        <v>16510</v>
      </c>
      <c r="H2905" s="6" t="s">
        <v>363</v>
      </c>
      <c r="I2905" s="6" t="s">
        <v>466</v>
      </c>
      <c r="J2905" s="6" t="s">
        <v>16511</v>
      </c>
      <c r="K2905" s="11" t="s">
        <v>21390</v>
      </c>
      <c r="L2905" s="10" t="s">
        <v>22</v>
      </c>
      <c r="M2905" s="10" t="s">
        <v>22</v>
      </c>
      <c r="N2905" s="10" t="s">
        <v>22</v>
      </c>
      <c r="O2905" s="10" t="s">
        <v>22</v>
      </c>
      <c r="P2905" s="10" t="s">
        <v>22</v>
      </c>
      <c r="Q2905" s="10" t="s">
        <v>22</v>
      </c>
      <c r="R2905" s="10" t="s">
        <v>22</v>
      </c>
      <c r="S2905" s="10" t="s">
        <v>22</v>
      </c>
      <c r="T2905" s="10" t="s">
        <v>22</v>
      </c>
    </row>
    <row r="2906" spans="1:26" ht="24" customHeight="1" x14ac:dyDescent="0.2">
      <c r="A2906" s="9" t="s">
        <v>20147</v>
      </c>
      <c r="B2906" s="9" t="s">
        <v>14</v>
      </c>
      <c r="C2906" s="9" t="s">
        <v>16512</v>
      </c>
      <c r="D2906" s="6" t="s">
        <v>16513</v>
      </c>
      <c r="E2906" s="22">
        <v>45343</v>
      </c>
      <c r="F2906" s="22">
        <v>47169</v>
      </c>
      <c r="G2906" s="6" t="s">
        <v>16514</v>
      </c>
      <c r="H2906" s="6" t="s">
        <v>363</v>
      </c>
      <c r="I2906" s="6" t="s">
        <v>364</v>
      </c>
      <c r="J2906" s="6" t="s">
        <v>16515</v>
      </c>
      <c r="K2906" s="11" t="s">
        <v>21391</v>
      </c>
      <c r="L2906" s="10" t="s">
        <v>22</v>
      </c>
      <c r="M2906" s="10" t="s">
        <v>22</v>
      </c>
      <c r="N2906" s="10" t="s">
        <v>22</v>
      </c>
      <c r="O2906" s="10" t="s">
        <v>22</v>
      </c>
      <c r="P2906" s="10" t="s">
        <v>22</v>
      </c>
      <c r="Q2906" s="10" t="s">
        <v>22</v>
      </c>
      <c r="U2906" s="10" t="s">
        <v>22</v>
      </c>
      <c r="V2906" s="10" t="s">
        <v>22</v>
      </c>
      <c r="W2906" s="10" t="s">
        <v>22</v>
      </c>
      <c r="X2906" s="10" t="s">
        <v>22</v>
      </c>
      <c r="Y2906" s="10" t="s">
        <v>22</v>
      </c>
      <c r="Z2906" s="10" t="s">
        <v>22</v>
      </c>
    </row>
    <row r="2907" spans="1:26" ht="24" customHeight="1" x14ac:dyDescent="0.2">
      <c r="A2907" s="9" t="s">
        <v>20148</v>
      </c>
      <c r="B2907" s="9" t="s">
        <v>14</v>
      </c>
      <c r="C2907" s="9" t="s">
        <v>16516</v>
      </c>
      <c r="D2907" s="6" t="s">
        <v>16517</v>
      </c>
      <c r="E2907" s="22">
        <v>45349</v>
      </c>
      <c r="F2907" s="22">
        <v>47175</v>
      </c>
      <c r="G2907" s="6" t="s">
        <v>16518</v>
      </c>
      <c r="H2907" s="6" t="s">
        <v>18</v>
      </c>
      <c r="I2907" s="6" t="s">
        <v>26</v>
      </c>
      <c r="J2907" s="6" t="s">
        <v>16519</v>
      </c>
      <c r="K2907" s="11" t="s">
        <v>21392</v>
      </c>
      <c r="O2907" s="10" t="s">
        <v>22</v>
      </c>
      <c r="P2907" s="10" t="s">
        <v>22</v>
      </c>
      <c r="Q2907" s="10" t="s">
        <v>22</v>
      </c>
      <c r="R2907" s="10" t="s">
        <v>22</v>
      </c>
      <c r="S2907" s="10" t="s">
        <v>22</v>
      </c>
      <c r="T2907" s="10" t="s">
        <v>22</v>
      </c>
      <c r="X2907" s="10" t="s">
        <v>22</v>
      </c>
      <c r="Y2907" s="10" t="s">
        <v>22</v>
      </c>
      <c r="Z2907" s="10" t="s">
        <v>22</v>
      </c>
    </row>
    <row r="2908" spans="1:26" ht="24" customHeight="1" x14ac:dyDescent="0.2">
      <c r="A2908" s="9" t="s">
        <v>20149</v>
      </c>
      <c r="B2908" s="9" t="s">
        <v>14</v>
      </c>
      <c r="C2908" s="9" t="s">
        <v>16520</v>
      </c>
      <c r="D2908" s="6" t="s">
        <v>16521</v>
      </c>
      <c r="E2908" s="22">
        <v>45349</v>
      </c>
      <c r="F2908" s="22">
        <v>47175</v>
      </c>
      <c r="G2908" s="6" t="s">
        <v>16522</v>
      </c>
      <c r="H2908" s="6" t="s">
        <v>1625</v>
      </c>
      <c r="I2908" s="6" t="s">
        <v>1626</v>
      </c>
      <c r="J2908" s="6" t="s">
        <v>16523</v>
      </c>
      <c r="K2908" s="11" t="s">
        <v>21393</v>
      </c>
      <c r="L2908" s="10" t="s">
        <v>22</v>
      </c>
      <c r="M2908" s="10" t="s">
        <v>22</v>
      </c>
      <c r="N2908" s="10" t="s">
        <v>22</v>
      </c>
      <c r="O2908" s="10" t="s">
        <v>22</v>
      </c>
      <c r="P2908" s="10" t="s">
        <v>22</v>
      </c>
      <c r="Q2908" s="10" t="s">
        <v>22</v>
      </c>
      <c r="U2908" s="10" t="s">
        <v>22</v>
      </c>
      <c r="V2908" s="10" t="s">
        <v>22</v>
      </c>
      <c r="W2908" s="10" t="s">
        <v>22</v>
      </c>
      <c r="X2908" s="10" t="s">
        <v>22</v>
      </c>
      <c r="Y2908" s="10" t="s">
        <v>22</v>
      </c>
      <c r="Z2908" s="10" t="s">
        <v>22</v>
      </c>
    </row>
    <row r="2909" spans="1:26" ht="24" customHeight="1" x14ac:dyDescent="0.2">
      <c r="A2909" s="9" t="s">
        <v>20150</v>
      </c>
      <c r="B2909" s="9" t="s">
        <v>14</v>
      </c>
      <c r="C2909" s="9" t="s">
        <v>16524</v>
      </c>
      <c r="D2909" s="6" t="s">
        <v>16525</v>
      </c>
      <c r="E2909" s="22">
        <v>45349</v>
      </c>
      <c r="F2909" s="22">
        <v>47175</v>
      </c>
      <c r="G2909" s="6" t="s">
        <v>16526</v>
      </c>
      <c r="H2909" s="6" t="s">
        <v>62</v>
      </c>
      <c r="I2909" s="6" t="s">
        <v>842</v>
      </c>
      <c r="J2909" s="6" t="s">
        <v>16527</v>
      </c>
      <c r="K2909" s="11" t="s">
        <v>21394</v>
      </c>
      <c r="L2909" s="10" t="s">
        <v>22</v>
      </c>
      <c r="M2909" s="10" t="s">
        <v>22</v>
      </c>
      <c r="N2909" s="10" t="s">
        <v>22</v>
      </c>
      <c r="O2909" s="10" t="s">
        <v>22</v>
      </c>
      <c r="P2909" s="10" t="s">
        <v>22</v>
      </c>
      <c r="Q2909" s="10" t="s">
        <v>22</v>
      </c>
      <c r="R2909" s="10" t="s">
        <v>22</v>
      </c>
      <c r="S2909" s="10" t="s">
        <v>22</v>
      </c>
      <c r="T2909" s="10" t="s">
        <v>22</v>
      </c>
      <c r="U2909" s="10" t="s">
        <v>22</v>
      </c>
      <c r="V2909" s="10" t="s">
        <v>22</v>
      </c>
      <c r="W2909" s="10" t="s">
        <v>22</v>
      </c>
      <c r="X2909" s="10" t="s">
        <v>22</v>
      </c>
      <c r="Y2909" s="10" t="s">
        <v>22</v>
      </c>
      <c r="Z2909" s="10" t="s">
        <v>22</v>
      </c>
    </row>
    <row r="2910" spans="1:26" ht="24" customHeight="1" x14ac:dyDescent="0.2">
      <c r="A2910" s="9" t="s">
        <v>20151</v>
      </c>
      <c r="B2910" s="9" t="s">
        <v>14</v>
      </c>
      <c r="C2910" s="9" t="s">
        <v>16528</v>
      </c>
      <c r="D2910" s="6" t="s">
        <v>16529</v>
      </c>
      <c r="E2910" s="22">
        <v>45349</v>
      </c>
      <c r="F2910" s="22">
        <v>47175</v>
      </c>
      <c r="G2910" s="6" t="s">
        <v>16530</v>
      </c>
      <c r="H2910" s="6" t="s">
        <v>18</v>
      </c>
      <c r="I2910" s="6" t="s">
        <v>19</v>
      </c>
      <c r="J2910" s="6" t="s">
        <v>16531</v>
      </c>
      <c r="K2910" s="11" t="s">
        <v>21395</v>
      </c>
      <c r="L2910" s="10" t="s">
        <v>22</v>
      </c>
      <c r="M2910" s="10" t="s">
        <v>22</v>
      </c>
      <c r="N2910" s="10" t="s">
        <v>22</v>
      </c>
      <c r="O2910" s="10" t="s">
        <v>22</v>
      </c>
      <c r="P2910" s="10" t="s">
        <v>22</v>
      </c>
      <c r="Q2910" s="10" t="s">
        <v>22</v>
      </c>
      <c r="R2910" s="10" t="s">
        <v>22</v>
      </c>
      <c r="S2910" s="10" t="s">
        <v>22</v>
      </c>
      <c r="T2910" s="10" t="s">
        <v>22</v>
      </c>
      <c r="U2910" s="10" t="s">
        <v>22</v>
      </c>
      <c r="V2910" s="10" t="s">
        <v>22</v>
      </c>
      <c r="W2910" s="10" t="s">
        <v>22</v>
      </c>
      <c r="X2910" s="10" t="s">
        <v>22</v>
      </c>
      <c r="Y2910" s="10" t="s">
        <v>22</v>
      </c>
      <c r="Z2910" s="10" t="s">
        <v>22</v>
      </c>
    </row>
    <row r="2911" spans="1:26" ht="24" customHeight="1" x14ac:dyDescent="0.2">
      <c r="A2911" s="9" t="s">
        <v>20152</v>
      </c>
      <c r="B2911" s="9" t="s">
        <v>14</v>
      </c>
      <c r="C2911" s="9" t="s">
        <v>16532</v>
      </c>
      <c r="D2911" s="6" t="s">
        <v>16533</v>
      </c>
      <c r="E2911" s="22">
        <v>45351</v>
      </c>
      <c r="F2911" s="22">
        <v>47177</v>
      </c>
      <c r="G2911" s="6" t="s">
        <v>16534</v>
      </c>
      <c r="H2911" s="6" t="s">
        <v>18</v>
      </c>
      <c r="I2911" s="6" t="s">
        <v>19</v>
      </c>
      <c r="J2911" s="6" t="s">
        <v>16535</v>
      </c>
      <c r="K2911" s="11" t="s">
        <v>21396</v>
      </c>
      <c r="L2911" s="10" t="s">
        <v>22</v>
      </c>
      <c r="M2911" s="10" t="s">
        <v>22</v>
      </c>
      <c r="N2911" s="10" t="s">
        <v>22</v>
      </c>
      <c r="O2911" s="10" t="s">
        <v>22</v>
      </c>
      <c r="P2911" s="10" t="s">
        <v>22</v>
      </c>
      <c r="Q2911" s="10" t="s">
        <v>22</v>
      </c>
    </row>
    <row r="2912" spans="1:26" ht="24" customHeight="1" x14ac:dyDescent="0.2">
      <c r="A2912" s="9" t="s">
        <v>20153</v>
      </c>
      <c r="B2912" s="9" t="s">
        <v>14</v>
      </c>
      <c r="C2912" s="9" t="s">
        <v>16536</v>
      </c>
      <c r="D2912" s="6" t="s">
        <v>16537</v>
      </c>
      <c r="E2912" s="22">
        <v>45351</v>
      </c>
      <c r="F2912" s="22">
        <v>47177</v>
      </c>
      <c r="G2912" s="6" t="s">
        <v>16538</v>
      </c>
      <c r="H2912" s="6" t="s">
        <v>62</v>
      </c>
      <c r="I2912" s="6" t="s">
        <v>186</v>
      </c>
      <c r="J2912" s="6" t="s">
        <v>16539</v>
      </c>
      <c r="K2912" s="12"/>
      <c r="L2912" s="10" t="s">
        <v>22</v>
      </c>
      <c r="M2912" s="10" t="s">
        <v>22</v>
      </c>
      <c r="N2912" s="10" t="s">
        <v>22</v>
      </c>
      <c r="O2912" s="10" t="s">
        <v>22</v>
      </c>
      <c r="P2912" s="10" t="s">
        <v>22</v>
      </c>
      <c r="Q2912" s="10" t="s">
        <v>22</v>
      </c>
      <c r="R2912" s="10" t="s">
        <v>22</v>
      </c>
      <c r="S2912" s="10" t="s">
        <v>22</v>
      </c>
      <c r="T2912" s="10" t="s">
        <v>22</v>
      </c>
      <c r="U2912" s="10" t="s">
        <v>22</v>
      </c>
      <c r="V2912" s="10" t="s">
        <v>22</v>
      </c>
      <c r="W2912" s="10" t="s">
        <v>22</v>
      </c>
      <c r="X2912" s="10" t="s">
        <v>22</v>
      </c>
      <c r="Y2912" s="10" t="s">
        <v>22</v>
      </c>
      <c r="Z2912" s="10" t="s">
        <v>22</v>
      </c>
    </row>
    <row r="2913" spans="1:26" ht="24" customHeight="1" x14ac:dyDescent="0.2">
      <c r="A2913" s="9" t="s">
        <v>20154</v>
      </c>
      <c r="B2913" s="9" t="s">
        <v>14</v>
      </c>
      <c r="C2913" s="9" t="s">
        <v>16540</v>
      </c>
      <c r="D2913" s="6" t="s">
        <v>16541</v>
      </c>
      <c r="E2913" s="22">
        <v>45351</v>
      </c>
      <c r="F2913" s="22">
        <v>47177</v>
      </c>
      <c r="G2913" s="6" t="s">
        <v>16542</v>
      </c>
      <c r="H2913" s="6" t="s">
        <v>62</v>
      </c>
      <c r="I2913" s="6" t="s">
        <v>264</v>
      </c>
      <c r="J2913" s="6" t="s">
        <v>16543</v>
      </c>
      <c r="K2913" s="11" t="s">
        <v>21397</v>
      </c>
      <c r="L2913" s="10" t="s">
        <v>22</v>
      </c>
      <c r="M2913" s="10" t="s">
        <v>22</v>
      </c>
      <c r="N2913" s="10" t="s">
        <v>22</v>
      </c>
      <c r="O2913" s="10" t="s">
        <v>22</v>
      </c>
      <c r="P2913" s="10" t="s">
        <v>22</v>
      </c>
      <c r="Q2913" s="10" t="s">
        <v>22</v>
      </c>
      <c r="R2913" s="10" t="s">
        <v>22</v>
      </c>
      <c r="S2913" s="10" t="s">
        <v>22</v>
      </c>
      <c r="T2913" s="10" t="s">
        <v>22</v>
      </c>
      <c r="U2913" s="10" t="s">
        <v>22</v>
      </c>
      <c r="V2913" s="10" t="s">
        <v>22</v>
      </c>
      <c r="W2913" s="10" t="s">
        <v>22</v>
      </c>
      <c r="X2913" s="10" t="s">
        <v>22</v>
      </c>
      <c r="Y2913" s="10" t="s">
        <v>22</v>
      </c>
      <c r="Z2913" s="10" t="s">
        <v>22</v>
      </c>
    </row>
    <row r="2914" spans="1:26" ht="24" customHeight="1" x14ac:dyDescent="0.2">
      <c r="A2914" s="9" t="s">
        <v>20155</v>
      </c>
      <c r="B2914" s="9" t="s">
        <v>14</v>
      </c>
      <c r="C2914" s="9" t="s">
        <v>16544</v>
      </c>
      <c r="D2914" s="6" t="s">
        <v>16545</v>
      </c>
      <c r="E2914" s="22">
        <v>45357</v>
      </c>
      <c r="F2914" s="22">
        <v>47182</v>
      </c>
      <c r="G2914" s="6" t="s">
        <v>16546</v>
      </c>
      <c r="H2914" s="6" t="s">
        <v>229</v>
      </c>
      <c r="I2914" s="6" t="s">
        <v>324</v>
      </c>
      <c r="J2914" s="6" t="s">
        <v>16547</v>
      </c>
      <c r="K2914" s="11" t="s">
        <v>21398</v>
      </c>
      <c r="L2914" s="10" t="s">
        <v>22</v>
      </c>
      <c r="M2914" s="10" t="s">
        <v>22</v>
      </c>
      <c r="N2914" s="10" t="s">
        <v>22</v>
      </c>
      <c r="O2914" s="10" t="s">
        <v>22</v>
      </c>
      <c r="P2914" s="10" t="s">
        <v>22</v>
      </c>
      <c r="Q2914" s="10" t="s">
        <v>22</v>
      </c>
      <c r="U2914" s="10" t="s">
        <v>22</v>
      </c>
      <c r="V2914" s="10" t="s">
        <v>22</v>
      </c>
      <c r="W2914" s="10" t="s">
        <v>22</v>
      </c>
      <c r="X2914" s="10" t="s">
        <v>22</v>
      </c>
      <c r="Y2914" s="10" t="s">
        <v>22</v>
      </c>
      <c r="Z2914" s="10" t="s">
        <v>22</v>
      </c>
    </row>
    <row r="2915" spans="1:26" ht="24" customHeight="1" x14ac:dyDescent="0.2">
      <c r="A2915" s="9" t="s">
        <v>20156</v>
      </c>
      <c r="B2915" s="9" t="s">
        <v>14</v>
      </c>
      <c r="C2915" s="9" t="s">
        <v>16548</v>
      </c>
      <c r="D2915" s="6" t="s">
        <v>16549</v>
      </c>
      <c r="E2915" s="22">
        <v>45357</v>
      </c>
      <c r="F2915" s="22">
        <v>47182</v>
      </c>
      <c r="G2915" s="6" t="s">
        <v>16550</v>
      </c>
      <c r="H2915" s="6" t="s">
        <v>1047</v>
      </c>
      <c r="I2915" s="6" t="s">
        <v>1048</v>
      </c>
      <c r="J2915" s="6" t="s">
        <v>16551</v>
      </c>
      <c r="K2915" s="11" t="s">
        <v>21399</v>
      </c>
      <c r="L2915" s="10" t="s">
        <v>22</v>
      </c>
      <c r="M2915" s="10" t="s">
        <v>22</v>
      </c>
      <c r="N2915" s="10" t="s">
        <v>22</v>
      </c>
      <c r="O2915" s="10" t="s">
        <v>22</v>
      </c>
      <c r="P2915" s="10" t="s">
        <v>22</v>
      </c>
      <c r="Q2915" s="10" t="s">
        <v>22</v>
      </c>
      <c r="U2915" s="10" t="s">
        <v>22</v>
      </c>
      <c r="V2915" s="10" t="s">
        <v>22</v>
      </c>
      <c r="W2915" s="10" t="s">
        <v>22</v>
      </c>
      <c r="X2915" s="10" t="s">
        <v>22</v>
      </c>
      <c r="Y2915" s="10" t="s">
        <v>22</v>
      </c>
      <c r="Z2915" s="10" t="s">
        <v>22</v>
      </c>
    </row>
    <row r="2916" spans="1:26" ht="24" customHeight="1" x14ac:dyDescent="0.2">
      <c r="A2916" s="9" t="s">
        <v>20157</v>
      </c>
      <c r="B2916" s="9" t="s">
        <v>14</v>
      </c>
      <c r="C2916" s="9" t="s">
        <v>16553</v>
      </c>
      <c r="D2916" s="6" t="s">
        <v>16554</v>
      </c>
      <c r="E2916" s="22">
        <v>45357</v>
      </c>
      <c r="F2916" s="22">
        <v>47182</v>
      </c>
      <c r="G2916" s="6" t="s">
        <v>16555</v>
      </c>
      <c r="H2916" s="6" t="s">
        <v>62</v>
      </c>
      <c r="I2916" s="6" t="s">
        <v>306</v>
      </c>
      <c r="J2916" s="6" t="s">
        <v>16556</v>
      </c>
      <c r="K2916" s="11" t="s">
        <v>21400</v>
      </c>
      <c r="L2916" s="10" t="s">
        <v>22</v>
      </c>
      <c r="M2916" s="10" t="s">
        <v>22</v>
      </c>
      <c r="N2916" s="10" t="s">
        <v>22</v>
      </c>
      <c r="O2916" s="10" t="s">
        <v>22</v>
      </c>
      <c r="P2916" s="10" t="s">
        <v>22</v>
      </c>
      <c r="Q2916" s="10" t="s">
        <v>22</v>
      </c>
      <c r="R2916" s="10" t="s">
        <v>22</v>
      </c>
      <c r="S2916" s="10" t="s">
        <v>22</v>
      </c>
      <c r="T2916" s="10" t="s">
        <v>22</v>
      </c>
      <c r="U2916" s="10" t="s">
        <v>22</v>
      </c>
      <c r="V2916" s="10" t="s">
        <v>22</v>
      </c>
      <c r="W2916" s="10" t="s">
        <v>22</v>
      </c>
      <c r="X2916" s="10" t="s">
        <v>22</v>
      </c>
      <c r="Y2916" s="10" t="s">
        <v>22</v>
      </c>
      <c r="Z2916" s="10" t="s">
        <v>22</v>
      </c>
    </row>
    <row r="2917" spans="1:26" ht="24" customHeight="1" x14ac:dyDescent="0.2">
      <c r="A2917" s="9" t="s">
        <v>20158</v>
      </c>
      <c r="B2917" s="9" t="s">
        <v>14</v>
      </c>
      <c r="C2917" s="9" t="s">
        <v>16557</v>
      </c>
      <c r="D2917" s="6" t="s">
        <v>16558</v>
      </c>
      <c r="E2917" s="22">
        <v>45357</v>
      </c>
      <c r="F2917" s="22">
        <v>47182</v>
      </c>
      <c r="G2917" s="6" t="s">
        <v>16559</v>
      </c>
      <c r="H2917" s="6" t="s">
        <v>62</v>
      </c>
      <c r="I2917" s="6" t="s">
        <v>186</v>
      </c>
      <c r="J2917" s="6" t="s">
        <v>16560</v>
      </c>
      <c r="K2917" s="11" t="s">
        <v>21401</v>
      </c>
      <c r="L2917" s="10" t="s">
        <v>22</v>
      </c>
      <c r="M2917" s="10" t="s">
        <v>22</v>
      </c>
      <c r="N2917" s="10" t="s">
        <v>22</v>
      </c>
      <c r="O2917" s="10" t="s">
        <v>22</v>
      </c>
      <c r="P2917" s="10" t="s">
        <v>22</v>
      </c>
      <c r="Q2917" s="10" t="s">
        <v>22</v>
      </c>
      <c r="R2917" s="10" t="s">
        <v>22</v>
      </c>
      <c r="S2917" s="10" t="s">
        <v>22</v>
      </c>
      <c r="T2917" s="10" t="s">
        <v>22</v>
      </c>
      <c r="U2917" s="10" t="s">
        <v>22</v>
      </c>
      <c r="V2917" s="10" t="s">
        <v>22</v>
      </c>
      <c r="W2917" s="10" t="s">
        <v>22</v>
      </c>
      <c r="X2917" s="10" t="s">
        <v>22</v>
      </c>
      <c r="Y2917" s="10" t="s">
        <v>22</v>
      </c>
      <c r="Z2917" s="10" t="s">
        <v>22</v>
      </c>
    </row>
    <row r="2918" spans="1:26" ht="24" customHeight="1" x14ac:dyDescent="0.2">
      <c r="A2918" s="9" t="s">
        <v>20159</v>
      </c>
      <c r="B2918" s="9" t="s">
        <v>14</v>
      </c>
      <c r="C2918" s="9" t="s">
        <v>16561</v>
      </c>
      <c r="D2918" s="6" t="s">
        <v>16562</v>
      </c>
      <c r="E2918" s="22">
        <v>45362</v>
      </c>
      <c r="F2918" s="22">
        <v>47187</v>
      </c>
      <c r="G2918" s="6" t="s">
        <v>16563</v>
      </c>
      <c r="H2918" s="6" t="s">
        <v>18</v>
      </c>
      <c r="I2918" s="6" t="s">
        <v>26</v>
      </c>
      <c r="J2918" s="6" t="s">
        <v>16564</v>
      </c>
      <c r="K2918" s="11" t="s">
        <v>21402</v>
      </c>
      <c r="L2918" s="10" t="s">
        <v>22</v>
      </c>
      <c r="M2918" s="10" t="s">
        <v>22</v>
      </c>
      <c r="N2918" s="10" t="s">
        <v>22</v>
      </c>
      <c r="O2918" s="10" t="s">
        <v>22</v>
      </c>
      <c r="P2918" s="10" t="s">
        <v>22</v>
      </c>
      <c r="Q2918" s="10" t="s">
        <v>22</v>
      </c>
      <c r="R2918" s="10" t="s">
        <v>22</v>
      </c>
      <c r="S2918" s="10" t="s">
        <v>22</v>
      </c>
      <c r="T2918" s="10" t="s">
        <v>22</v>
      </c>
    </row>
    <row r="2919" spans="1:26" ht="24" customHeight="1" x14ac:dyDescent="0.2">
      <c r="A2919" s="9" t="s">
        <v>20160</v>
      </c>
      <c r="B2919" s="9" t="s">
        <v>14</v>
      </c>
      <c r="C2919" s="9" t="s">
        <v>16565</v>
      </c>
      <c r="D2919" s="6" t="s">
        <v>13189</v>
      </c>
      <c r="E2919" s="22">
        <v>45362</v>
      </c>
      <c r="F2919" s="22">
        <v>47187</v>
      </c>
      <c r="G2919" s="6" t="s">
        <v>13190</v>
      </c>
      <c r="H2919" s="6" t="s">
        <v>202</v>
      </c>
      <c r="I2919" s="6" t="s">
        <v>863</v>
      </c>
      <c r="J2919" s="6" t="s">
        <v>16566</v>
      </c>
      <c r="K2919" s="11" t="s">
        <v>21403</v>
      </c>
      <c r="L2919" s="10" t="s">
        <v>22</v>
      </c>
      <c r="M2919" s="10" t="s">
        <v>22</v>
      </c>
      <c r="N2919" s="10" t="s">
        <v>22</v>
      </c>
      <c r="O2919" s="10" t="s">
        <v>22</v>
      </c>
      <c r="P2919" s="10" t="s">
        <v>22</v>
      </c>
      <c r="Q2919" s="10" t="s">
        <v>22</v>
      </c>
      <c r="R2919" s="10" t="s">
        <v>22</v>
      </c>
      <c r="S2919" s="10" t="s">
        <v>22</v>
      </c>
      <c r="T2919" s="10" t="s">
        <v>22</v>
      </c>
      <c r="U2919" s="10" t="s">
        <v>22</v>
      </c>
      <c r="V2919" s="10" t="s">
        <v>22</v>
      </c>
      <c r="W2919" s="10" t="s">
        <v>22</v>
      </c>
      <c r="X2919" s="10" t="s">
        <v>22</v>
      </c>
      <c r="Y2919" s="10" t="s">
        <v>22</v>
      </c>
      <c r="Z2919" s="10" t="s">
        <v>22</v>
      </c>
    </row>
    <row r="2920" spans="1:26" ht="24" customHeight="1" x14ac:dyDescent="0.2">
      <c r="A2920" s="9" t="s">
        <v>20161</v>
      </c>
      <c r="B2920" s="9" t="s">
        <v>14</v>
      </c>
      <c r="C2920" s="9" t="s">
        <v>16567</v>
      </c>
      <c r="D2920" s="6" t="s">
        <v>16568</v>
      </c>
      <c r="E2920" s="22">
        <v>45365</v>
      </c>
      <c r="F2920" s="22">
        <v>47190</v>
      </c>
      <c r="G2920" s="6" t="s">
        <v>16569</v>
      </c>
      <c r="H2920" s="6" t="s">
        <v>1625</v>
      </c>
      <c r="I2920" s="6" t="s">
        <v>3160</v>
      </c>
      <c r="J2920" s="6" t="s">
        <v>16570</v>
      </c>
      <c r="K2920" s="11" t="s">
        <v>21404</v>
      </c>
      <c r="L2920" s="10" t="s">
        <v>22</v>
      </c>
      <c r="M2920" s="10" t="s">
        <v>22</v>
      </c>
      <c r="N2920" s="10" t="s">
        <v>22</v>
      </c>
      <c r="O2920" s="10" t="s">
        <v>22</v>
      </c>
      <c r="P2920" s="10" t="s">
        <v>22</v>
      </c>
      <c r="Q2920" s="10" t="s">
        <v>22</v>
      </c>
      <c r="R2920" s="10" t="s">
        <v>22</v>
      </c>
      <c r="S2920" s="10" t="s">
        <v>22</v>
      </c>
      <c r="T2920" s="10" t="s">
        <v>22</v>
      </c>
      <c r="U2920" s="10" t="s">
        <v>22</v>
      </c>
      <c r="V2920" s="10" t="s">
        <v>22</v>
      </c>
      <c r="W2920" s="10" t="s">
        <v>22</v>
      </c>
      <c r="X2920" s="10" t="s">
        <v>22</v>
      </c>
      <c r="Y2920" s="10" t="s">
        <v>22</v>
      </c>
      <c r="Z2920" s="10" t="s">
        <v>22</v>
      </c>
    </row>
    <row r="2921" spans="1:26" ht="24" customHeight="1" x14ac:dyDescent="0.2">
      <c r="A2921" s="9" t="s">
        <v>20162</v>
      </c>
      <c r="B2921" s="9" t="s">
        <v>14</v>
      </c>
      <c r="C2921" s="9" t="s">
        <v>16571</v>
      </c>
      <c r="D2921" s="6" t="s">
        <v>16572</v>
      </c>
      <c r="E2921" s="22">
        <v>45365</v>
      </c>
      <c r="F2921" s="22">
        <v>47190</v>
      </c>
      <c r="G2921" s="6" t="s">
        <v>16573</v>
      </c>
      <c r="H2921" s="6" t="s">
        <v>62</v>
      </c>
      <c r="I2921" s="6" t="s">
        <v>73</v>
      </c>
      <c r="J2921" s="6" t="s">
        <v>16574</v>
      </c>
      <c r="K2921" s="11" t="s">
        <v>21405</v>
      </c>
      <c r="L2921" s="10" t="s">
        <v>22</v>
      </c>
      <c r="M2921" s="10" t="s">
        <v>22</v>
      </c>
      <c r="N2921" s="10" t="s">
        <v>22</v>
      </c>
      <c r="O2921" s="10" t="s">
        <v>22</v>
      </c>
      <c r="P2921" s="10" t="s">
        <v>22</v>
      </c>
      <c r="Q2921" s="10" t="s">
        <v>22</v>
      </c>
      <c r="R2921" s="10" t="s">
        <v>22</v>
      </c>
      <c r="S2921" s="10" t="s">
        <v>22</v>
      </c>
      <c r="T2921" s="10" t="s">
        <v>22</v>
      </c>
      <c r="U2921" s="10" t="s">
        <v>22</v>
      </c>
      <c r="V2921" s="10" t="s">
        <v>22</v>
      </c>
      <c r="W2921" s="10" t="s">
        <v>22</v>
      </c>
      <c r="X2921" s="10" t="s">
        <v>22</v>
      </c>
      <c r="Y2921" s="10" t="s">
        <v>22</v>
      </c>
      <c r="Z2921" s="10" t="s">
        <v>22</v>
      </c>
    </row>
    <row r="2922" spans="1:26" ht="24" customHeight="1" x14ac:dyDescent="0.2">
      <c r="A2922" s="9" t="s">
        <v>20163</v>
      </c>
      <c r="B2922" s="9" t="s">
        <v>14</v>
      </c>
      <c r="C2922" s="9" t="s">
        <v>16575</v>
      </c>
      <c r="D2922" s="6" t="s">
        <v>16576</v>
      </c>
      <c r="E2922" s="22">
        <v>45365</v>
      </c>
      <c r="F2922" s="22">
        <v>47190</v>
      </c>
      <c r="G2922" s="6" t="s">
        <v>16576</v>
      </c>
      <c r="H2922" s="6" t="s">
        <v>62</v>
      </c>
      <c r="I2922" s="6" t="s">
        <v>318</v>
      </c>
      <c r="J2922" s="6" t="s">
        <v>16577</v>
      </c>
      <c r="K2922" s="11" t="s">
        <v>21406</v>
      </c>
      <c r="L2922" s="10" t="s">
        <v>22</v>
      </c>
      <c r="M2922" s="10" t="s">
        <v>22</v>
      </c>
      <c r="N2922" s="10" t="s">
        <v>22</v>
      </c>
      <c r="O2922" s="10" t="s">
        <v>22</v>
      </c>
      <c r="P2922" s="10" t="s">
        <v>22</v>
      </c>
      <c r="Q2922" s="10" t="s">
        <v>22</v>
      </c>
      <c r="R2922" s="10" t="s">
        <v>22</v>
      </c>
      <c r="S2922" s="10" t="s">
        <v>22</v>
      </c>
      <c r="T2922" s="10" t="s">
        <v>22</v>
      </c>
      <c r="U2922" s="10" t="s">
        <v>22</v>
      </c>
      <c r="V2922" s="10" t="s">
        <v>22</v>
      </c>
      <c r="W2922" s="10" t="s">
        <v>22</v>
      </c>
      <c r="X2922" s="10" t="s">
        <v>22</v>
      </c>
      <c r="Y2922" s="10" t="s">
        <v>22</v>
      </c>
      <c r="Z2922" s="10" t="s">
        <v>22</v>
      </c>
    </row>
    <row r="2923" spans="1:26" ht="24" customHeight="1" x14ac:dyDescent="0.2">
      <c r="A2923" s="9" t="s">
        <v>20164</v>
      </c>
      <c r="B2923" s="9" t="s">
        <v>14</v>
      </c>
      <c r="C2923" s="9" t="s">
        <v>16578</v>
      </c>
      <c r="D2923" s="6" t="s">
        <v>16579</v>
      </c>
      <c r="E2923" s="22">
        <v>45365</v>
      </c>
      <c r="F2923" s="22">
        <v>47190</v>
      </c>
      <c r="G2923" s="6" t="s">
        <v>16580</v>
      </c>
      <c r="H2923" s="6" t="s">
        <v>62</v>
      </c>
      <c r="I2923" s="6" t="s">
        <v>477</v>
      </c>
      <c r="J2923" s="6" t="s">
        <v>16581</v>
      </c>
      <c r="K2923" s="11" t="s">
        <v>21407</v>
      </c>
      <c r="L2923" s="10" t="s">
        <v>22</v>
      </c>
      <c r="M2923" s="10" t="s">
        <v>22</v>
      </c>
      <c r="N2923" s="10" t="s">
        <v>22</v>
      </c>
      <c r="O2923" s="10" t="s">
        <v>22</v>
      </c>
      <c r="P2923" s="10" t="s">
        <v>22</v>
      </c>
      <c r="Q2923" s="10" t="s">
        <v>22</v>
      </c>
      <c r="U2923" s="10" t="s">
        <v>22</v>
      </c>
      <c r="V2923" s="10" t="s">
        <v>22</v>
      </c>
      <c r="W2923" s="10" t="s">
        <v>22</v>
      </c>
      <c r="X2923" s="10" t="s">
        <v>22</v>
      </c>
      <c r="Y2923" s="10" t="s">
        <v>22</v>
      </c>
      <c r="Z2923" s="10" t="s">
        <v>22</v>
      </c>
    </row>
    <row r="2924" spans="1:26" ht="24" customHeight="1" x14ac:dyDescent="0.2">
      <c r="A2924" s="9" t="s">
        <v>20165</v>
      </c>
      <c r="B2924" s="9" t="s">
        <v>14</v>
      </c>
      <c r="C2924" s="9" t="s">
        <v>16582</v>
      </c>
      <c r="D2924" s="6" t="s">
        <v>16583</v>
      </c>
      <c r="E2924" s="22">
        <v>45365</v>
      </c>
      <c r="F2924" s="22">
        <v>47190</v>
      </c>
      <c r="G2924" s="6" t="s">
        <v>16584</v>
      </c>
      <c r="H2924" s="6" t="s">
        <v>18</v>
      </c>
      <c r="I2924" s="6" t="s">
        <v>26</v>
      </c>
      <c r="J2924" s="6" t="s">
        <v>16585</v>
      </c>
      <c r="K2924" s="12"/>
      <c r="L2924" s="10" t="s">
        <v>22</v>
      </c>
      <c r="M2924" s="10" t="s">
        <v>22</v>
      </c>
      <c r="N2924" s="10" t="s">
        <v>22</v>
      </c>
      <c r="O2924" s="10" t="s">
        <v>22</v>
      </c>
      <c r="P2924" s="10" t="s">
        <v>22</v>
      </c>
      <c r="Q2924" s="10" t="s">
        <v>22</v>
      </c>
      <c r="R2924" s="10" t="s">
        <v>22</v>
      </c>
      <c r="S2924" s="10" t="s">
        <v>22</v>
      </c>
      <c r="T2924" s="10" t="s">
        <v>22</v>
      </c>
      <c r="U2924" s="10" t="s">
        <v>22</v>
      </c>
      <c r="V2924" s="10" t="s">
        <v>22</v>
      </c>
      <c r="W2924" s="10" t="s">
        <v>22</v>
      </c>
      <c r="X2924" s="10" t="s">
        <v>22</v>
      </c>
      <c r="Y2924" s="10" t="s">
        <v>22</v>
      </c>
      <c r="Z2924" s="10" t="s">
        <v>22</v>
      </c>
    </row>
    <row r="2925" spans="1:26" ht="24" customHeight="1" x14ac:dyDescent="0.2">
      <c r="A2925" s="9" t="s">
        <v>20166</v>
      </c>
      <c r="B2925" s="9" t="s">
        <v>14</v>
      </c>
      <c r="C2925" s="9" t="s">
        <v>16586</v>
      </c>
      <c r="D2925" s="6" t="s">
        <v>16587</v>
      </c>
      <c r="E2925" s="22">
        <v>45365</v>
      </c>
      <c r="F2925" s="22">
        <v>47190</v>
      </c>
      <c r="G2925" s="6" t="s">
        <v>16588</v>
      </c>
      <c r="H2925" s="6" t="s">
        <v>202</v>
      </c>
      <c r="I2925" s="6" t="s">
        <v>2629</v>
      </c>
      <c r="J2925" s="6" t="s">
        <v>16589</v>
      </c>
      <c r="K2925" s="11" t="s">
        <v>21408</v>
      </c>
      <c r="L2925" s="10" t="s">
        <v>22</v>
      </c>
      <c r="M2925" s="10" t="s">
        <v>22</v>
      </c>
      <c r="N2925" s="10" t="s">
        <v>22</v>
      </c>
      <c r="O2925" s="10" t="s">
        <v>22</v>
      </c>
      <c r="P2925" s="10" t="s">
        <v>22</v>
      </c>
      <c r="Q2925" s="10" t="s">
        <v>22</v>
      </c>
      <c r="R2925" s="10" t="s">
        <v>22</v>
      </c>
      <c r="S2925" s="10" t="s">
        <v>22</v>
      </c>
      <c r="T2925" s="10" t="s">
        <v>22</v>
      </c>
    </row>
    <row r="2926" spans="1:26" ht="24" customHeight="1" x14ac:dyDescent="0.2">
      <c r="A2926" s="9" t="s">
        <v>20167</v>
      </c>
      <c r="B2926" s="9" t="s">
        <v>14</v>
      </c>
      <c r="C2926" s="9" t="s">
        <v>16590</v>
      </c>
      <c r="D2926" s="6" t="s">
        <v>16591</v>
      </c>
      <c r="E2926" s="22">
        <v>45370</v>
      </c>
      <c r="F2926" s="22">
        <v>47195</v>
      </c>
      <c r="G2926" s="6" t="s">
        <v>16592</v>
      </c>
      <c r="H2926" s="6" t="s">
        <v>62</v>
      </c>
      <c r="I2926" s="6" t="s">
        <v>73</v>
      </c>
      <c r="J2926" s="6" t="s">
        <v>16593</v>
      </c>
      <c r="K2926" s="11" t="s">
        <v>21409</v>
      </c>
      <c r="L2926" s="10" t="s">
        <v>22</v>
      </c>
      <c r="M2926" s="10" t="s">
        <v>22</v>
      </c>
      <c r="N2926" s="10" t="s">
        <v>22</v>
      </c>
      <c r="O2926" s="10" t="s">
        <v>22</v>
      </c>
      <c r="P2926" s="10" t="s">
        <v>22</v>
      </c>
      <c r="Q2926" s="10" t="s">
        <v>22</v>
      </c>
      <c r="R2926" s="10" t="s">
        <v>22</v>
      </c>
      <c r="S2926" s="10" t="s">
        <v>22</v>
      </c>
      <c r="T2926" s="10" t="s">
        <v>22</v>
      </c>
      <c r="U2926" s="10" t="s">
        <v>22</v>
      </c>
      <c r="V2926" s="10" t="s">
        <v>22</v>
      </c>
      <c r="W2926" s="10" t="s">
        <v>22</v>
      </c>
      <c r="X2926" s="10" t="s">
        <v>22</v>
      </c>
      <c r="Y2926" s="10" t="s">
        <v>22</v>
      </c>
      <c r="Z2926" s="10" t="s">
        <v>22</v>
      </c>
    </row>
    <row r="2927" spans="1:26" ht="24" customHeight="1" x14ac:dyDescent="0.2">
      <c r="A2927" s="9" t="s">
        <v>20168</v>
      </c>
      <c r="B2927" s="9" t="s">
        <v>14</v>
      </c>
      <c r="C2927" s="9" t="s">
        <v>16594</v>
      </c>
      <c r="D2927" s="6" t="s">
        <v>16595</v>
      </c>
      <c r="E2927" s="22">
        <v>45370</v>
      </c>
      <c r="F2927" s="22">
        <v>47195</v>
      </c>
      <c r="G2927" s="6" t="s">
        <v>16596</v>
      </c>
      <c r="H2927" s="6" t="s">
        <v>18</v>
      </c>
      <c r="I2927" s="6" t="s">
        <v>26</v>
      </c>
      <c r="J2927" s="6" t="s">
        <v>16597</v>
      </c>
      <c r="K2927" s="11" t="s">
        <v>21410</v>
      </c>
      <c r="N2927" s="10" t="s">
        <v>22</v>
      </c>
      <c r="T2927" s="10" t="s">
        <v>22</v>
      </c>
      <c r="W2927" s="10" t="s">
        <v>22</v>
      </c>
    </row>
    <row r="2928" spans="1:26" ht="24" customHeight="1" x14ac:dyDescent="0.2">
      <c r="A2928" s="9" t="s">
        <v>20169</v>
      </c>
      <c r="B2928" s="9" t="s">
        <v>14</v>
      </c>
      <c r="C2928" s="9" t="s">
        <v>16598</v>
      </c>
      <c r="D2928" s="6" t="s">
        <v>16599</v>
      </c>
      <c r="E2928" s="22">
        <v>45370</v>
      </c>
      <c r="F2928" s="22">
        <v>47195</v>
      </c>
      <c r="G2928" s="6" t="s">
        <v>16600</v>
      </c>
      <c r="H2928" s="6" t="s">
        <v>18</v>
      </c>
      <c r="I2928" s="6" t="s">
        <v>19</v>
      </c>
      <c r="J2928" s="6" t="s">
        <v>16601</v>
      </c>
      <c r="K2928" s="11" t="s">
        <v>21411</v>
      </c>
      <c r="L2928" s="10" t="s">
        <v>22</v>
      </c>
      <c r="M2928" s="10" t="s">
        <v>22</v>
      </c>
      <c r="N2928" s="10" t="s">
        <v>22</v>
      </c>
      <c r="O2928" s="10" t="s">
        <v>22</v>
      </c>
      <c r="P2928" s="10" t="s">
        <v>22</v>
      </c>
      <c r="Q2928" s="10" t="s">
        <v>22</v>
      </c>
      <c r="U2928" s="10" t="s">
        <v>22</v>
      </c>
      <c r="V2928" s="10" t="s">
        <v>22</v>
      </c>
      <c r="W2928" s="10" t="s">
        <v>22</v>
      </c>
      <c r="X2928" s="10" t="s">
        <v>22</v>
      </c>
      <c r="Y2928" s="10" t="s">
        <v>22</v>
      </c>
      <c r="Z2928" s="10" t="s">
        <v>22</v>
      </c>
    </row>
    <row r="2929" spans="1:26" ht="24" customHeight="1" x14ac:dyDescent="0.2">
      <c r="A2929" s="9" t="s">
        <v>20170</v>
      </c>
      <c r="B2929" s="9" t="s">
        <v>14</v>
      </c>
      <c r="C2929" s="9" t="s">
        <v>16602</v>
      </c>
      <c r="D2929" s="6" t="s">
        <v>16603</v>
      </c>
      <c r="E2929" s="22">
        <v>45370</v>
      </c>
      <c r="F2929" s="22">
        <v>47195</v>
      </c>
      <c r="G2929" s="6" t="s">
        <v>16604</v>
      </c>
      <c r="H2929" s="6" t="s">
        <v>2368</v>
      </c>
      <c r="I2929" s="6" t="s">
        <v>11314</v>
      </c>
      <c r="J2929" s="6" t="s">
        <v>16605</v>
      </c>
      <c r="K2929" s="11" t="s">
        <v>21412</v>
      </c>
      <c r="L2929" s="10" t="s">
        <v>22</v>
      </c>
      <c r="M2929" s="10" t="s">
        <v>22</v>
      </c>
      <c r="N2929" s="10" t="s">
        <v>22</v>
      </c>
      <c r="O2929" s="10" t="s">
        <v>22</v>
      </c>
      <c r="P2929" s="10" t="s">
        <v>22</v>
      </c>
      <c r="Q2929" s="10" t="s">
        <v>22</v>
      </c>
      <c r="R2929" s="10" t="s">
        <v>22</v>
      </c>
      <c r="S2929" s="10" t="s">
        <v>22</v>
      </c>
      <c r="T2929" s="10" t="s">
        <v>22</v>
      </c>
      <c r="U2929" s="10" t="s">
        <v>22</v>
      </c>
      <c r="V2929" s="10" t="s">
        <v>22</v>
      </c>
      <c r="W2929" s="10" t="s">
        <v>22</v>
      </c>
      <c r="X2929" s="10" t="s">
        <v>22</v>
      </c>
      <c r="Y2929" s="10" t="s">
        <v>22</v>
      </c>
      <c r="Z2929" s="10" t="s">
        <v>22</v>
      </c>
    </row>
    <row r="2930" spans="1:26" ht="24" customHeight="1" x14ac:dyDescent="0.2">
      <c r="A2930" s="9" t="s">
        <v>20171</v>
      </c>
      <c r="B2930" s="9" t="s">
        <v>14</v>
      </c>
      <c r="C2930" s="9" t="s">
        <v>16606</v>
      </c>
      <c r="D2930" s="6" t="s">
        <v>16607</v>
      </c>
      <c r="E2930" s="22">
        <v>45370</v>
      </c>
      <c r="F2930" s="22">
        <v>47195</v>
      </c>
      <c r="G2930" s="6" t="s">
        <v>16608</v>
      </c>
      <c r="H2930" s="6" t="s">
        <v>62</v>
      </c>
      <c r="I2930" s="6" t="s">
        <v>994</v>
      </c>
      <c r="J2930" s="6" t="s">
        <v>16609</v>
      </c>
      <c r="K2930" s="11" t="s">
        <v>21413</v>
      </c>
      <c r="L2930" s="10" t="s">
        <v>22</v>
      </c>
      <c r="M2930" s="10" t="s">
        <v>22</v>
      </c>
      <c r="N2930" s="10" t="s">
        <v>22</v>
      </c>
      <c r="R2930" s="10" t="s">
        <v>22</v>
      </c>
      <c r="S2930" s="10" t="s">
        <v>22</v>
      </c>
      <c r="T2930" s="10" t="s">
        <v>22</v>
      </c>
      <c r="U2930" s="10" t="s">
        <v>22</v>
      </c>
      <c r="V2930" s="10" t="s">
        <v>22</v>
      </c>
      <c r="W2930" s="10" t="s">
        <v>22</v>
      </c>
    </row>
    <row r="2931" spans="1:26" ht="24" customHeight="1" x14ac:dyDescent="0.2">
      <c r="A2931" s="9" t="s">
        <v>20172</v>
      </c>
      <c r="B2931" s="9" t="s">
        <v>14</v>
      </c>
      <c r="C2931" s="9" t="s">
        <v>16610</v>
      </c>
      <c r="D2931" s="6" t="s">
        <v>16611</v>
      </c>
      <c r="E2931" s="22">
        <v>45373</v>
      </c>
      <c r="F2931" s="22">
        <v>47198</v>
      </c>
      <c r="G2931" s="6" t="s">
        <v>16612</v>
      </c>
      <c r="H2931" s="6" t="s">
        <v>202</v>
      </c>
      <c r="I2931" s="6" t="s">
        <v>3050</v>
      </c>
      <c r="J2931" s="6" t="s">
        <v>16613</v>
      </c>
      <c r="K2931" s="11" t="s">
        <v>21414</v>
      </c>
      <c r="M2931" s="10" t="s">
        <v>22</v>
      </c>
      <c r="N2931" s="10" t="s">
        <v>22</v>
      </c>
      <c r="W2931" s="10" t="s">
        <v>22</v>
      </c>
    </row>
    <row r="2932" spans="1:26" ht="24" customHeight="1" x14ac:dyDescent="0.2">
      <c r="A2932" s="9" t="s">
        <v>20173</v>
      </c>
      <c r="B2932" s="9" t="s">
        <v>14</v>
      </c>
      <c r="C2932" s="9" t="s">
        <v>16614</v>
      </c>
      <c r="D2932" s="6" t="s">
        <v>16615</v>
      </c>
      <c r="E2932" s="22">
        <v>45373</v>
      </c>
      <c r="F2932" s="22">
        <v>47198</v>
      </c>
      <c r="G2932" s="6" t="s">
        <v>16616</v>
      </c>
      <c r="H2932" s="6" t="s">
        <v>62</v>
      </c>
      <c r="I2932" s="6" t="s">
        <v>236</v>
      </c>
      <c r="J2932" s="6" t="s">
        <v>16617</v>
      </c>
      <c r="K2932" s="11" t="s">
        <v>21415</v>
      </c>
      <c r="L2932" s="10" t="s">
        <v>22</v>
      </c>
      <c r="M2932" s="10" t="s">
        <v>22</v>
      </c>
      <c r="N2932" s="10" t="s">
        <v>22</v>
      </c>
      <c r="O2932" s="10" t="s">
        <v>22</v>
      </c>
      <c r="P2932" s="10" t="s">
        <v>22</v>
      </c>
      <c r="Q2932" s="10" t="s">
        <v>22</v>
      </c>
      <c r="U2932" s="10" t="s">
        <v>22</v>
      </c>
      <c r="V2932" s="10" t="s">
        <v>22</v>
      </c>
      <c r="W2932" s="10" t="s">
        <v>22</v>
      </c>
      <c r="X2932" s="10" t="s">
        <v>22</v>
      </c>
      <c r="Y2932" s="10" t="s">
        <v>22</v>
      </c>
      <c r="Z2932" s="10" t="s">
        <v>22</v>
      </c>
    </row>
    <row r="2933" spans="1:26" ht="24" customHeight="1" x14ac:dyDescent="0.2">
      <c r="A2933" s="9" t="s">
        <v>20174</v>
      </c>
      <c r="B2933" s="9" t="s">
        <v>14</v>
      </c>
      <c r="C2933" s="9" t="s">
        <v>16618</v>
      </c>
      <c r="D2933" s="6" t="s">
        <v>16619</v>
      </c>
      <c r="E2933" s="22">
        <v>45373</v>
      </c>
      <c r="F2933" s="22">
        <v>47198</v>
      </c>
      <c r="G2933" s="6" t="s">
        <v>16620</v>
      </c>
      <c r="H2933" s="6" t="s">
        <v>62</v>
      </c>
      <c r="I2933" s="6" t="s">
        <v>414</v>
      </c>
      <c r="J2933" s="6" t="s">
        <v>16621</v>
      </c>
      <c r="K2933" s="11" t="s">
        <v>21416</v>
      </c>
      <c r="M2933" s="10" t="s">
        <v>22</v>
      </c>
      <c r="N2933" s="10" t="s">
        <v>22</v>
      </c>
      <c r="S2933" s="10" t="s">
        <v>22</v>
      </c>
      <c r="T2933" s="10" t="s">
        <v>22</v>
      </c>
      <c r="V2933" s="10" t="s">
        <v>22</v>
      </c>
      <c r="W2933" s="10" t="s">
        <v>22</v>
      </c>
    </row>
    <row r="2934" spans="1:26" ht="24" customHeight="1" x14ac:dyDescent="0.2">
      <c r="A2934" s="9" t="s">
        <v>20175</v>
      </c>
      <c r="B2934" s="9" t="s">
        <v>14</v>
      </c>
      <c r="C2934" s="9" t="s">
        <v>16622</v>
      </c>
      <c r="D2934" s="6" t="s">
        <v>16623</v>
      </c>
      <c r="E2934" s="22">
        <v>45373</v>
      </c>
      <c r="F2934" s="22">
        <v>47198</v>
      </c>
      <c r="G2934" s="6" t="s">
        <v>16624</v>
      </c>
      <c r="H2934" s="6" t="s">
        <v>202</v>
      </c>
      <c r="I2934" s="6" t="s">
        <v>863</v>
      </c>
      <c r="J2934" s="6" t="s">
        <v>16625</v>
      </c>
      <c r="K2934" s="11" t="s">
        <v>21417</v>
      </c>
      <c r="L2934" s="10" t="s">
        <v>22</v>
      </c>
      <c r="M2934" s="10" t="s">
        <v>22</v>
      </c>
      <c r="N2934" s="10" t="s">
        <v>22</v>
      </c>
      <c r="O2934" s="10" t="s">
        <v>22</v>
      </c>
      <c r="P2934" s="10" t="s">
        <v>22</v>
      </c>
      <c r="Q2934" s="10" t="s">
        <v>22</v>
      </c>
      <c r="R2934" s="10" t="s">
        <v>22</v>
      </c>
      <c r="S2934" s="10" t="s">
        <v>22</v>
      </c>
      <c r="T2934" s="10" t="s">
        <v>22</v>
      </c>
      <c r="U2934" s="10" t="s">
        <v>22</v>
      </c>
      <c r="V2934" s="10" t="s">
        <v>22</v>
      </c>
      <c r="W2934" s="10" t="s">
        <v>22</v>
      </c>
      <c r="X2934" s="10" t="s">
        <v>22</v>
      </c>
      <c r="Y2934" s="10" t="s">
        <v>22</v>
      </c>
      <c r="Z2934" s="10" t="s">
        <v>22</v>
      </c>
    </row>
    <row r="2935" spans="1:26" ht="24" customHeight="1" x14ac:dyDescent="0.2">
      <c r="A2935" s="9" t="s">
        <v>20176</v>
      </c>
      <c r="B2935" s="9" t="s">
        <v>14</v>
      </c>
      <c r="C2935" s="9" t="s">
        <v>16626</v>
      </c>
      <c r="D2935" s="6" t="s">
        <v>16627</v>
      </c>
      <c r="E2935" s="22">
        <v>45377</v>
      </c>
      <c r="F2935" s="22">
        <v>47202</v>
      </c>
      <c r="G2935" s="6" t="s">
        <v>16628</v>
      </c>
      <c r="H2935" s="6" t="s">
        <v>62</v>
      </c>
      <c r="I2935" s="6" t="s">
        <v>1444</v>
      </c>
      <c r="J2935" s="6" t="s">
        <v>16629</v>
      </c>
      <c r="K2935" s="11" t="s">
        <v>21418</v>
      </c>
      <c r="L2935" s="10" t="s">
        <v>22</v>
      </c>
      <c r="M2935" s="10" t="s">
        <v>22</v>
      </c>
      <c r="N2935" s="10" t="s">
        <v>22</v>
      </c>
      <c r="O2935" s="10" t="s">
        <v>22</v>
      </c>
      <c r="P2935" s="10" t="s">
        <v>22</v>
      </c>
      <c r="Q2935" s="10" t="s">
        <v>22</v>
      </c>
      <c r="R2935" s="10" t="s">
        <v>22</v>
      </c>
      <c r="S2935" s="10" t="s">
        <v>22</v>
      </c>
      <c r="T2935" s="10" t="s">
        <v>22</v>
      </c>
      <c r="U2935" s="10" t="s">
        <v>22</v>
      </c>
      <c r="V2935" s="10" t="s">
        <v>22</v>
      </c>
      <c r="W2935" s="10" t="s">
        <v>22</v>
      </c>
      <c r="X2935" s="10" t="s">
        <v>22</v>
      </c>
      <c r="Y2935" s="10" t="s">
        <v>22</v>
      </c>
      <c r="Z2935" s="10" t="s">
        <v>22</v>
      </c>
    </row>
    <row r="2936" spans="1:26" ht="34" customHeight="1" x14ac:dyDescent="0.2">
      <c r="A2936" s="9" t="s">
        <v>20177</v>
      </c>
      <c r="B2936" s="9" t="s">
        <v>14</v>
      </c>
      <c r="C2936" s="9" t="s">
        <v>16630</v>
      </c>
      <c r="D2936" s="6" t="s">
        <v>16631</v>
      </c>
      <c r="E2936" s="22">
        <v>45380</v>
      </c>
      <c r="F2936" s="22">
        <v>47205</v>
      </c>
      <c r="G2936" s="6" t="s">
        <v>16632</v>
      </c>
      <c r="H2936" s="6" t="s">
        <v>18</v>
      </c>
      <c r="I2936" s="6" t="s">
        <v>19</v>
      </c>
      <c r="J2936" s="6" t="s">
        <v>16633</v>
      </c>
      <c r="K2936" s="11" t="s">
        <v>21419</v>
      </c>
      <c r="L2936" s="10" t="s">
        <v>22</v>
      </c>
      <c r="M2936" s="10" t="s">
        <v>22</v>
      </c>
      <c r="N2936" s="10" t="s">
        <v>22</v>
      </c>
      <c r="O2936" s="10" t="s">
        <v>22</v>
      </c>
      <c r="P2936" s="10" t="s">
        <v>22</v>
      </c>
      <c r="Q2936" s="10" t="s">
        <v>22</v>
      </c>
      <c r="R2936" s="10" t="s">
        <v>22</v>
      </c>
      <c r="S2936" s="10" t="s">
        <v>22</v>
      </c>
      <c r="T2936" s="10" t="s">
        <v>22</v>
      </c>
      <c r="U2936" s="10" t="s">
        <v>22</v>
      </c>
      <c r="V2936" s="10" t="s">
        <v>22</v>
      </c>
      <c r="W2936" s="10" t="s">
        <v>22</v>
      </c>
      <c r="X2936" s="10" t="s">
        <v>22</v>
      </c>
      <c r="Y2936" s="10" t="s">
        <v>22</v>
      </c>
      <c r="Z2936" s="10" t="s">
        <v>22</v>
      </c>
    </row>
    <row r="2937" spans="1:26" ht="24" customHeight="1" x14ac:dyDescent="0.2">
      <c r="A2937" s="9" t="s">
        <v>20178</v>
      </c>
      <c r="B2937" s="9" t="s">
        <v>14</v>
      </c>
      <c r="C2937" s="9" t="s">
        <v>16634</v>
      </c>
      <c r="D2937" s="6" t="s">
        <v>7889</v>
      </c>
      <c r="E2937" s="22">
        <v>45380</v>
      </c>
      <c r="F2937" s="22">
        <v>47205</v>
      </c>
      <c r="G2937" s="6" t="s">
        <v>7890</v>
      </c>
      <c r="H2937" s="6" t="s">
        <v>2069</v>
      </c>
      <c r="I2937" s="6" t="s">
        <v>16635</v>
      </c>
      <c r="J2937" s="6" t="s">
        <v>16636</v>
      </c>
      <c r="K2937" s="11" t="s">
        <v>21420</v>
      </c>
      <c r="L2937" s="10" t="s">
        <v>22</v>
      </c>
      <c r="M2937" s="10" t="s">
        <v>22</v>
      </c>
      <c r="N2937" s="10" t="s">
        <v>22</v>
      </c>
      <c r="O2937" s="10" t="s">
        <v>22</v>
      </c>
      <c r="P2937" s="10" t="s">
        <v>22</v>
      </c>
      <c r="Q2937" s="10" t="s">
        <v>22</v>
      </c>
      <c r="R2937" s="10" t="s">
        <v>22</v>
      </c>
      <c r="S2937" s="10" t="s">
        <v>22</v>
      </c>
      <c r="T2937" s="10" t="s">
        <v>22</v>
      </c>
      <c r="U2937" s="10" t="s">
        <v>22</v>
      </c>
      <c r="V2937" s="10" t="s">
        <v>22</v>
      </c>
      <c r="W2937" s="10" t="s">
        <v>22</v>
      </c>
      <c r="X2937" s="10" t="s">
        <v>22</v>
      </c>
      <c r="Y2937" s="10" t="s">
        <v>22</v>
      </c>
      <c r="Z2937" s="10" t="s">
        <v>22</v>
      </c>
    </row>
    <row r="2938" spans="1:26" ht="24" customHeight="1" x14ac:dyDescent="0.2">
      <c r="A2938" s="9" t="s">
        <v>20179</v>
      </c>
      <c r="B2938" s="9" t="s">
        <v>14</v>
      </c>
      <c r="C2938" s="9" t="s">
        <v>20180</v>
      </c>
      <c r="D2938" s="6" t="s">
        <v>16637</v>
      </c>
      <c r="E2938" s="22">
        <v>45385</v>
      </c>
      <c r="F2938" s="22">
        <v>47210</v>
      </c>
      <c r="G2938" s="6" t="s">
        <v>16638</v>
      </c>
      <c r="H2938" s="6" t="s">
        <v>18</v>
      </c>
      <c r="I2938" s="6" t="s">
        <v>19</v>
      </c>
      <c r="J2938" s="6" t="s">
        <v>16639</v>
      </c>
      <c r="L2938" s="10" t="s">
        <v>22</v>
      </c>
      <c r="M2938" s="10" t="s">
        <v>22</v>
      </c>
      <c r="N2938" s="10" t="s">
        <v>22</v>
      </c>
      <c r="O2938" s="10" t="s">
        <v>22</v>
      </c>
      <c r="P2938" s="10" t="s">
        <v>22</v>
      </c>
      <c r="Q2938" s="10" t="s">
        <v>22</v>
      </c>
    </row>
    <row r="2939" spans="1:26" ht="24" customHeight="1" x14ac:dyDescent="0.2">
      <c r="A2939" s="9" t="s">
        <v>20181</v>
      </c>
      <c r="B2939" s="9" t="s">
        <v>14</v>
      </c>
      <c r="C2939" s="9" t="s">
        <v>16640</v>
      </c>
      <c r="D2939" s="6" t="s">
        <v>16641</v>
      </c>
      <c r="E2939" s="22">
        <v>45385</v>
      </c>
      <c r="F2939" s="22">
        <v>47210</v>
      </c>
      <c r="G2939" s="6" t="s">
        <v>16642</v>
      </c>
      <c r="H2939" s="6" t="s">
        <v>13312</v>
      </c>
      <c r="I2939" s="6" t="s">
        <v>16643</v>
      </c>
      <c r="J2939" s="6" t="s">
        <v>16644</v>
      </c>
      <c r="M2939" s="10" t="s">
        <v>22</v>
      </c>
      <c r="N2939" s="10" t="s">
        <v>22</v>
      </c>
    </row>
    <row r="2940" spans="1:26" ht="24" customHeight="1" x14ac:dyDescent="0.2">
      <c r="A2940" s="9" t="s">
        <v>20182</v>
      </c>
      <c r="B2940" s="9" t="s">
        <v>14</v>
      </c>
      <c r="C2940" s="9" t="s">
        <v>16645</v>
      </c>
      <c r="D2940" s="6" t="s">
        <v>16646</v>
      </c>
      <c r="E2940" s="22">
        <v>45390</v>
      </c>
      <c r="F2940" s="22">
        <v>47215</v>
      </c>
      <c r="G2940" s="6" t="s">
        <v>16647</v>
      </c>
      <c r="H2940" s="6" t="s">
        <v>18</v>
      </c>
      <c r="I2940" s="6" t="s">
        <v>19</v>
      </c>
      <c r="J2940" s="6" t="s">
        <v>16648</v>
      </c>
      <c r="L2940" s="10" t="s">
        <v>22</v>
      </c>
      <c r="M2940" s="10" t="s">
        <v>22</v>
      </c>
      <c r="N2940" s="10" t="s">
        <v>22</v>
      </c>
      <c r="O2940" s="10" t="s">
        <v>22</v>
      </c>
      <c r="P2940" s="10" t="s">
        <v>22</v>
      </c>
      <c r="Q2940" s="10" t="s">
        <v>22</v>
      </c>
      <c r="U2940" s="10" t="s">
        <v>22</v>
      </c>
      <c r="V2940" s="10" t="s">
        <v>22</v>
      </c>
      <c r="W2940" s="10" t="s">
        <v>22</v>
      </c>
      <c r="X2940" s="10" t="s">
        <v>22</v>
      </c>
      <c r="Y2940" s="10" t="s">
        <v>22</v>
      </c>
      <c r="Z2940" s="10" t="s">
        <v>22</v>
      </c>
    </row>
    <row r="2941" spans="1:26" ht="24" customHeight="1" x14ac:dyDescent="0.2">
      <c r="A2941" s="9" t="s">
        <v>20183</v>
      </c>
      <c r="B2941" s="9" t="s">
        <v>14</v>
      </c>
      <c r="C2941" s="9" t="s">
        <v>16649</v>
      </c>
      <c r="D2941" s="6" t="s">
        <v>16650</v>
      </c>
      <c r="E2941" s="22">
        <v>45386</v>
      </c>
      <c r="F2941" s="22">
        <v>47211</v>
      </c>
      <c r="G2941" s="6" t="s">
        <v>16651</v>
      </c>
      <c r="H2941" s="6" t="s">
        <v>62</v>
      </c>
      <c r="I2941" s="6" t="s">
        <v>63</v>
      </c>
      <c r="J2941" s="6" t="s">
        <v>16652</v>
      </c>
      <c r="L2941" s="10" t="s">
        <v>22</v>
      </c>
      <c r="M2941" s="10" t="s">
        <v>22</v>
      </c>
      <c r="N2941" s="10" t="s">
        <v>22</v>
      </c>
      <c r="O2941" s="10" t="s">
        <v>22</v>
      </c>
      <c r="P2941" s="10" t="s">
        <v>22</v>
      </c>
      <c r="Q2941" s="10" t="s">
        <v>22</v>
      </c>
      <c r="R2941" s="10" t="s">
        <v>22</v>
      </c>
      <c r="S2941" s="10" t="s">
        <v>22</v>
      </c>
      <c r="T2941" s="10" t="s">
        <v>22</v>
      </c>
      <c r="U2941" s="10" t="s">
        <v>22</v>
      </c>
      <c r="V2941" s="10" t="s">
        <v>22</v>
      </c>
      <c r="W2941" s="10" t="s">
        <v>22</v>
      </c>
      <c r="X2941" s="10" t="s">
        <v>22</v>
      </c>
      <c r="Y2941" s="10" t="s">
        <v>22</v>
      </c>
      <c r="Z2941" s="10" t="s">
        <v>22</v>
      </c>
    </row>
    <row r="2942" spans="1:26" ht="24" customHeight="1" x14ac:dyDescent="0.2">
      <c r="A2942" s="9" t="s">
        <v>20184</v>
      </c>
      <c r="B2942" s="9" t="s">
        <v>14</v>
      </c>
      <c r="C2942" s="9" t="s">
        <v>16653</v>
      </c>
      <c r="D2942" s="6" t="s">
        <v>10068</v>
      </c>
      <c r="E2942" s="22">
        <v>45390</v>
      </c>
      <c r="F2942" s="22">
        <v>47215</v>
      </c>
      <c r="G2942" s="6" t="s">
        <v>10069</v>
      </c>
      <c r="H2942" s="6" t="s">
        <v>4409</v>
      </c>
      <c r="I2942" s="6" t="s">
        <v>7132</v>
      </c>
      <c r="J2942" s="6" t="s">
        <v>16654</v>
      </c>
      <c r="L2942" s="10" t="s">
        <v>22</v>
      </c>
      <c r="M2942" s="10" t="s">
        <v>22</v>
      </c>
      <c r="N2942" s="10" t="s">
        <v>22</v>
      </c>
      <c r="O2942" s="10" t="s">
        <v>22</v>
      </c>
      <c r="P2942" s="10" t="s">
        <v>22</v>
      </c>
      <c r="Q2942" s="10" t="s">
        <v>22</v>
      </c>
      <c r="R2942" s="10" t="s">
        <v>22</v>
      </c>
      <c r="S2942" s="10" t="s">
        <v>22</v>
      </c>
      <c r="T2942" s="10" t="s">
        <v>22</v>
      </c>
      <c r="U2942" s="10" t="s">
        <v>22</v>
      </c>
      <c r="V2942" s="10" t="s">
        <v>22</v>
      </c>
      <c r="W2942" s="10" t="s">
        <v>22</v>
      </c>
      <c r="X2942" s="10" t="s">
        <v>22</v>
      </c>
      <c r="Y2942" s="10" t="s">
        <v>22</v>
      </c>
      <c r="Z2942" s="10" t="s">
        <v>22</v>
      </c>
    </row>
    <row r="2943" spans="1:26" ht="24" customHeight="1" x14ac:dyDescent="0.2">
      <c r="A2943" s="9" t="s">
        <v>20185</v>
      </c>
      <c r="B2943" s="9" t="s">
        <v>14</v>
      </c>
      <c r="C2943" s="9" t="s">
        <v>16655</v>
      </c>
      <c r="D2943" s="6" t="s">
        <v>16656</v>
      </c>
      <c r="E2943" s="22">
        <v>45393</v>
      </c>
      <c r="F2943" s="22">
        <v>47218</v>
      </c>
      <c r="G2943" s="6" t="s">
        <v>16657</v>
      </c>
      <c r="H2943" s="6" t="s">
        <v>2069</v>
      </c>
      <c r="I2943" s="6" t="s">
        <v>16658</v>
      </c>
      <c r="J2943" s="6" t="s">
        <v>16659</v>
      </c>
      <c r="L2943" s="10" t="s">
        <v>22</v>
      </c>
      <c r="M2943" s="10" t="s">
        <v>22</v>
      </c>
      <c r="N2943" s="10" t="s">
        <v>22</v>
      </c>
      <c r="O2943" s="10" t="s">
        <v>22</v>
      </c>
      <c r="P2943" s="10" t="s">
        <v>22</v>
      </c>
      <c r="Q2943" s="10" t="s">
        <v>22</v>
      </c>
      <c r="R2943" s="10" t="s">
        <v>22</v>
      </c>
      <c r="S2943" s="10" t="s">
        <v>22</v>
      </c>
      <c r="T2943" s="10" t="s">
        <v>22</v>
      </c>
      <c r="U2943" s="10" t="s">
        <v>22</v>
      </c>
      <c r="V2943" s="10" t="s">
        <v>22</v>
      </c>
      <c r="W2943" s="10" t="s">
        <v>22</v>
      </c>
      <c r="X2943" s="10" t="s">
        <v>22</v>
      </c>
      <c r="Y2943" s="10" t="s">
        <v>22</v>
      </c>
      <c r="Z2943" s="10" t="s">
        <v>22</v>
      </c>
    </row>
    <row r="2944" spans="1:26" ht="24" customHeight="1" x14ac:dyDescent="0.2">
      <c r="A2944" s="9" t="s">
        <v>20186</v>
      </c>
      <c r="B2944" s="9" t="s">
        <v>14</v>
      </c>
      <c r="C2944" s="9" t="s">
        <v>16660</v>
      </c>
      <c r="D2944" s="6" t="s">
        <v>16661</v>
      </c>
      <c r="E2944" s="22">
        <v>45393</v>
      </c>
      <c r="F2944" s="22">
        <v>47218</v>
      </c>
      <c r="G2944" s="6" t="s">
        <v>16661</v>
      </c>
      <c r="H2944" s="6" t="s">
        <v>18</v>
      </c>
      <c r="I2944" s="6" t="s">
        <v>19</v>
      </c>
      <c r="J2944" s="6" t="s">
        <v>16662</v>
      </c>
      <c r="M2944" s="10" t="s">
        <v>22</v>
      </c>
      <c r="N2944" s="10" t="s">
        <v>22</v>
      </c>
      <c r="P2944" s="10" t="s">
        <v>22</v>
      </c>
      <c r="Q2944" s="10" t="s">
        <v>22</v>
      </c>
      <c r="S2944" s="10" t="s">
        <v>22</v>
      </c>
      <c r="T2944" s="10" t="s">
        <v>22</v>
      </c>
      <c r="V2944" s="10" t="s">
        <v>22</v>
      </c>
      <c r="W2944" s="10" t="s">
        <v>22</v>
      </c>
      <c r="Y2944" s="10" t="s">
        <v>22</v>
      </c>
      <c r="Z2944" s="10" t="s">
        <v>22</v>
      </c>
    </row>
    <row r="2945" spans="1:26" ht="24" customHeight="1" x14ac:dyDescent="0.2">
      <c r="A2945" s="9" t="s">
        <v>20187</v>
      </c>
      <c r="B2945" s="9" t="s">
        <v>14</v>
      </c>
      <c r="C2945" s="9" t="s">
        <v>16663</v>
      </c>
      <c r="D2945" s="6" t="s">
        <v>16664</v>
      </c>
      <c r="E2945" s="22">
        <v>45398</v>
      </c>
      <c r="F2945" s="22">
        <v>47223</v>
      </c>
      <c r="G2945" s="6" t="s">
        <v>16665</v>
      </c>
      <c r="H2945" s="6" t="s">
        <v>229</v>
      </c>
      <c r="I2945" s="6" t="s">
        <v>5604</v>
      </c>
      <c r="J2945" s="6" t="s">
        <v>16666</v>
      </c>
      <c r="L2945" s="10" t="s">
        <v>22</v>
      </c>
      <c r="M2945" s="10" t="s">
        <v>22</v>
      </c>
      <c r="N2945" s="10" t="s">
        <v>22</v>
      </c>
      <c r="O2945" s="10" t="s">
        <v>22</v>
      </c>
      <c r="P2945" s="10" t="s">
        <v>22</v>
      </c>
      <c r="Q2945" s="10" t="s">
        <v>22</v>
      </c>
    </row>
    <row r="2946" spans="1:26" ht="24" customHeight="1" x14ac:dyDescent="0.2">
      <c r="A2946" s="9" t="s">
        <v>20188</v>
      </c>
      <c r="B2946" s="9" t="s">
        <v>14</v>
      </c>
      <c r="C2946" s="9" t="s">
        <v>16667</v>
      </c>
      <c r="D2946" s="6" t="s">
        <v>16668</v>
      </c>
      <c r="E2946" s="22">
        <v>45398</v>
      </c>
      <c r="F2946" s="22">
        <v>47223</v>
      </c>
      <c r="G2946" s="6" t="s">
        <v>16669</v>
      </c>
      <c r="H2946" s="6" t="s">
        <v>363</v>
      </c>
      <c r="I2946" s="6" t="s">
        <v>364</v>
      </c>
      <c r="J2946" s="6" t="s">
        <v>16670</v>
      </c>
      <c r="L2946" s="10" t="s">
        <v>22</v>
      </c>
      <c r="M2946" s="10" t="s">
        <v>22</v>
      </c>
      <c r="N2946" s="10" t="s">
        <v>22</v>
      </c>
      <c r="R2946" s="10" t="s">
        <v>22</v>
      </c>
      <c r="S2946" s="10" t="s">
        <v>22</v>
      </c>
      <c r="T2946" s="10" t="s">
        <v>22</v>
      </c>
      <c r="U2946" s="10" t="s">
        <v>22</v>
      </c>
      <c r="V2946" s="10" t="s">
        <v>22</v>
      </c>
      <c r="W2946" s="10" t="s">
        <v>22</v>
      </c>
    </row>
    <row r="2947" spans="1:26" ht="24" customHeight="1" x14ac:dyDescent="0.2">
      <c r="A2947" s="9" t="s">
        <v>20189</v>
      </c>
      <c r="B2947" s="9" t="s">
        <v>14</v>
      </c>
      <c r="C2947" s="9" t="s">
        <v>16671</v>
      </c>
      <c r="D2947" s="6" t="s">
        <v>16672</v>
      </c>
      <c r="E2947" s="22">
        <v>45398</v>
      </c>
      <c r="F2947" s="22">
        <v>47223</v>
      </c>
      <c r="G2947" s="6" t="s">
        <v>16673</v>
      </c>
      <c r="H2947" s="6" t="s">
        <v>62</v>
      </c>
      <c r="I2947" s="6" t="s">
        <v>10662</v>
      </c>
      <c r="J2947" s="6" t="s">
        <v>16674</v>
      </c>
      <c r="L2947" s="10" t="s">
        <v>22</v>
      </c>
      <c r="M2947" s="10" t="s">
        <v>22</v>
      </c>
      <c r="N2947" s="10" t="s">
        <v>22</v>
      </c>
      <c r="O2947" s="10" t="s">
        <v>22</v>
      </c>
      <c r="P2947" s="10" t="s">
        <v>22</v>
      </c>
      <c r="Q2947" s="10" t="s">
        <v>22</v>
      </c>
    </row>
    <row r="2948" spans="1:26" ht="24" customHeight="1" x14ac:dyDescent="0.2">
      <c r="A2948" s="9" t="s">
        <v>20190</v>
      </c>
      <c r="B2948" s="9" t="s">
        <v>14</v>
      </c>
      <c r="C2948" s="9" t="s">
        <v>16675</v>
      </c>
      <c r="D2948" s="6" t="s">
        <v>16676</v>
      </c>
      <c r="E2948" s="22">
        <v>45398</v>
      </c>
      <c r="F2948" s="22">
        <v>47223</v>
      </c>
      <c r="G2948" s="6" t="s">
        <v>16677</v>
      </c>
      <c r="H2948" s="6" t="s">
        <v>2069</v>
      </c>
      <c r="I2948" s="6" t="s">
        <v>2070</v>
      </c>
      <c r="J2948" s="6" t="s">
        <v>16678</v>
      </c>
      <c r="L2948" s="10" t="s">
        <v>22</v>
      </c>
      <c r="M2948" s="10" t="s">
        <v>22</v>
      </c>
      <c r="N2948" s="10" t="s">
        <v>22</v>
      </c>
      <c r="O2948" s="10" t="s">
        <v>22</v>
      </c>
      <c r="P2948" s="10" t="s">
        <v>22</v>
      </c>
      <c r="Q2948" s="10" t="s">
        <v>22</v>
      </c>
      <c r="R2948" s="10" t="s">
        <v>22</v>
      </c>
      <c r="S2948" s="10" t="s">
        <v>22</v>
      </c>
      <c r="T2948" s="10" t="s">
        <v>22</v>
      </c>
      <c r="U2948" s="10" t="s">
        <v>22</v>
      </c>
      <c r="V2948" s="10" t="s">
        <v>22</v>
      </c>
      <c r="W2948" s="10" t="s">
        <v>22</v>
      </c>
      <c r="X2948" s="10" t="s">
        <v>22</v>
      </c>
      <c r="Y2948" s="10" t="s">
        <v>22</v>
      </c>
      <c r="Z2948" s="10" t="s">
        <v>22</v>
      </c>
    </row>
    <row r="2949" spans="1:26" ht="24" customHeight="1" x14ac:dyDescent="0.2">
      <c r="A2949" s="9" t="s">
        <v>20191</v>
      </c>
      <c r="B2949" s="9" t="s">
        <v>14</v>
      </c>
      <c r="C2949" s="9" t="s">
        <v>16679</v>
      </c>
      <c r="D2949" s="6" t="s">
        <v>16680</v>
      </c>
      <c r="E2949" s="22">
        <v>45400</v>
      </c>
      <c r="F2949" s="22">
        <v>47225</v>
      </c>
      <c r="G2949" s="6" t="s">
        <v>16681</v>
      </c>
      <c r="H2949" s="6" t="s">
        <v>1047</v>
      </c>
      <c r="I2949" s="6" t="s">
        <v>1048</v>
      </c>
      <c r="J2949" s="6" t="s">
        <v>21377</v>
      </c>
      <c r="L2949" s="10" t="s">
        <v>22</v>
      </c>
      <c r="M2949" s="10" t="s">
        <v>22</v>
      </c>
      <c r="N2949" s="10" t="s">
        <v>22</v>
      </c>
      <c r="O2949" s="10" t="s">
        <v>22</v>
      </c>
      <c r="P2949" s="10" t="s">
        <v>22</v>
      </c>
      <c r="Q2949" s="10" t="s">
        <v>22</v>
      </c>
      <c r="R2949" s="10" t="s">
        <v>22</v>
      </c>
      <c r="S2949" s="10" t="s">
        <v>22</v>
      </c>
      <c r="T2949" s="10" t="s">
        <v>22</v>
      </c>
      <c r="U2949" s="10" t="s">
        <v>22</v>
      </c>
      <c r="V2949" s="10" t="s">
        <v>22</v>
      </c>
      <c r="W2949" s="10" t="s">
        <v>22</v>
      </c>
      <c r="X2949" s="10" t="s">
        <v>22</v>
      </c>
      <c r="Y2949" s="10" t="s">
        <v>22</v>
      </c>
      <c r="Z2949" s="10" t="s">
        <v>22</v>
      </c>
    </row>
    <row r="2950" spans="1:26" ht="24" customHeight="1" x14ac:dyDescent="0.2">
      <c r="A2950" s="9" t="s">
        <v>20192</v>
      </c>
      <c r="B2950" s="9" t="s">
        <v>14</v>
      </c>
      <c r="C2950" s="9" t="s">
        <v>16682</v>
      </c>
      <c r="D2950" s="6" t="s">
        <v>16683</v>
      </c>
      <c r="E2950" s="22">
        <v>45400</v>
      </c>
      <c r="F2950" s="22">
        <v>47225</v>
      </c>
      <c r="G2950" s="6" t="s">
        <v>16684</v>
      </c>
      <c r="H2950" s="6" t="s">
        <v>62</v>
      </c>
      <c r="I2950" s="6" t="s">
        <v>842</v>
      </c>
      <c r="J2950" s="6" t="s">
        <v>16685</v>
      </c>
      <c r="L2950" s="10" t="s">
        <v>22</v>
      </c>
      <c r="M2950" s="10" t="s">
        <v>22</v>
      </c>
      <c r="N2950" s="10" t="s">
        <v>22</v>
      </c>
      <c r="O2950" s="10" t="s">
        <v>22</v>
      </c>
      <c r="P2950" s="10" t="s">
        <v>22</v>
      </c>
      <c r="Q2950" s="10" t="s">
        <v>22</v>
      </c>
      <c r="R2950" s="10" t="s">
        <v>22</v>
      </c>
      <c r="S2950" s="10" t="s">
        <v>22</v>
      </c>
      <c r="T2950" s="10" t="s">
        <v>22</v>
      </c>
      <c r="U2950" s="10" t="s">
        <v>22</v>
      </c>
      <c r="V2950" s="10" t="s">
        <v>22</v>
      </c>
      <c r="W2950" s="10" t="s">
        <v>22</v>
      </c>
      <c r="X2950" s="10" t="s">
        <v>22</v>
      </c>
      <c r="Y2950" s="10" t="s">
        <v>22</v>
      </c>
      <c r="Z2950" s="10" t="s">
        <v>22</v>
      </c>
    </row>
    <row r="2951" spans="1:26" ht="24" customHeight="1" x14ac:dyDescent="0.2">
      <c r="A2951" s="9" t="s">
        <v>20193</v>
      </c>
      <c r="B2951" s="9" t="s">
        <v>14</v>
      </c>
      <c r="C2951" s="9" t="s">
        <v>16686</v>
      </c>
      <c r="D2951" s="6" t="s">
        <v>16687</v>
      </c>
      <c r="E2951" s="22">
        <v>45405</v>
      </c>
      <c r="F2951" s="22">
        <v>47230</v>
      </c>
      <c r="G2951" s="6" t="s">
        <v>16688</v>
      </c>
      <c r="H2951" s="6" t="s">
        <v>18</v>
      </c>
      <c r="I2951" s="6" t="s">
        <v>26</v>
      </c>
      <c r="J2951" s="6" t="s">
        <v>16689</v>
      </c>
      <c r="L2951" s="10" t="s">
        <v>22</v>
      </c>
      <c r="M2951" s="10" t="s">
        <v>22</v>
      </c>
      <c r="N2951" s="10" t="s">
        <v>22</v>
      </c>
      <c r="O2951" s="10" t="s">
        <v>22</v>
      </c>
      <c r="P2951" s="10" t="s">
        <v>22</v>
      </c>
      <c r="Q2951" s="10" t="s">
        <v>22</v>
      </c>
      <c r="R2951" s="10" t="s">
        <v>22</v>
      </c>
      <c r="S2951" s="10" t="s">
        <v>22</v>
      </c>
      <c r="T2951" s="10" t="s">
        <v>22</v>
      </c>
      <c r="U2951" s="10" t="s">
        <v>22</v>
      </c>
      <c r="V2951" s="10" t="s">
        <v>22</v>
      </c>
      <c r="W2951" s="10" t="s">
        <v>22</v>
      </c>
      <c r="X2951" s="10" t="s">
        <v>22</v>
      </c>
      <c r="Y2951" s="10" t="s">
        <v>22</v>
      </c>
      <c r="Z2951" s="10" t="s">
        <v>22</v>
      </c>
    </row>
    <row r="2952" spans="1:26" ht="24" customHeight="1" x14ac:dyDescent="0.2">
      <c r="A2952" s="9" t="s">
        <v>20194</v>
      </c>
      <c r="B2952" s="9" t="s">
        <v>14</v>
      </c>
      <c r="C2952" s="9" t="s">
        <v>16690</v>
      </c>
      <c r="D2952" s="6" t="s">
        <v>16691</v>
      </c>
      <c r="E2952" s="22">
        <v>45401</v>
      </c>
      <c r="F2952" s="22">
        <v>47226</v>
      </c>
      <c r="G2952" s="6" t="s">
        <v>16692</v>
      </c>
      <c r="H2952" s="6" t="s">
        <v>62</v>
      </c>
      <c r="I2952" s="6" t="s">
        <v>186</v>
      </c>
      <c r="J2952" s="6" t="s">
        <v>16693</v>
      </c>
      <c r="L2952" s="10" t="s">
        <v>22</v>
      </c>
      <c r="M2952" s="10" t="s">
        <v>22</v>
      </c>
      <c r="N2952" s="10" t="s">
        <v>22</v>
      </c>
      <c r="O2952" s="10" t="s">
        <v>22</v>
      </c>
      <c r="P2952" s="10" t="s">
        <v>22</v>
      </c>
      <c r="Q2952" s="10" t="s">
        <v>22</v>
      </c>
      <c r="R2952" s="10" t="s">
        <v>22</v>
      </c>
      <c r="S2952" s="10" t="s">
        <v>22</v>
      </c>
      <c r="T2952" s="10" t="s">
        <v>22</v>
      </c>
      <c r="U2952" s="10" t="s">
        <v>22</v>
      </c>
      <c r="V2952" s="10" t="s">
        <v>22</v>
      </c>
      <c r="W2952" s="10" t="s">
        <v>22</v>
      </c>
      <c r="X2952" s="10" t="s">
        <v>22</v>
      </c>
      <c r="Y2952" s="10" t="s">
        <v>22</v>
      </c>
      <c r="Z2952" s="10" t="s">
        <v>22</v>
      </c>
    </row>
    <row r="2953" spans="1:26" ht="24" customHeight="1" x14ac:dyDescent="0.2">
      <c r="A2953" s="9" t="s">
        <v>20195</v>
      </c>
      <c r="B2953" s="9" t="s">
        <v>14</v>
      </c>
      <c r="C2953" s="9" t="s">
        <v>16694</v>
      </c>
      <c r="D2953" s="6" t="s">
        <v>16695</v>
      </c>
      <c r="E2953" s="22">
        <v>45405</v>
      </c>
      <c r="F2953" s="22">
        <v>47230</v>
      </c>
      <c r="G2953" s="6" t="s">
        <v>16696</v>
      </c>
      <c r="H2953" s="6" t="s">
        <v>18</v>
      </c>
      <c r="I2953" s="6" t="s">
        <v>26</v>
      </c>
      <c r="J2953" s="6" t="s">
        <v>16697</v>
      </c>
      <c r="L2953" s="10" t="s">
        <v>22</v>
      </c>
      <c r="M2953" s="10" t="s">
        <v>22</v>
      </c>
      <c r="N2953" s="10" t="s">
        <v>22</v>
      </c>
      <c r="O2953" s="10" t="s">
        <v>22</v>
      </c>
      <c r="P2953" s="10" t="s">
        <v>22</v>
      </c>
      <c r="Q2953" s="10" t="s">
        <v>22</v>
      </c>
      <c r="U2953" s="10" t="s">
        <v>22</v>
      </c>
      <c r="V2953" s="10" t="s">
        <v>22</v>
      </c>
      <c r="W2953" s="10" t="s">
        <v>22</v>
      </c>
      <c r="X2953" s="10" t="s">
        <v>22</v>
      </c>
      <c r="Y2953" s="10" t="s">
        <v>22</v>
      </c>
      <c r="Z2953" s="10" t="s">
        <v>22</v>
      </c>
    </row>
    <row r="2954" spans="1:26" ht="24" customHeight="1" x14ac:dyDescent="0.2">
      <c r="A2954" s="9" t="s">
        <v>20196</v>
      </c>
      <c r="B2954" s="9" t="s">
        <v>14</v>
      </c>
      <c r="C2954" s="9" t="s">
        <v>16698</v>
      </c>
      <c r="D2954" s="6" t="s">
        <v>16699</v>
      </c>
      <c r="E2954" s="22">
        <v>45405</v>
      </c>
      <c r="F2954" s="22">
        <v>47230</v>
      </c>
      <c r="G2954" s="6" t="s">
        <v>16700</v>
      </c>
      <c r="H2954" s="6" t="s">
        <v>18</v>
      </c>
      <c r="I2954" s="6" t="s">
        <v>19</v>
      </c>
      <c r="J2954" s="6" t="s">
        <v>16701</v>
      </c>
      <c r="L2954" s="10" t="s">
        <v>22</v>
      </c>
      <c r="M2954" s="10" t="s">
        <v>22</v>
      </c>
      <c r="N2954" s="10" t="s">
        <v>22</v>
      </c>
      <c r="U2954" s="10" t="s">
        <v>22</v>
      </c>
      <c r="V2954" s="10" t="s">
        <v>22</v>
      </c>
      <c r="W2954" s="10" t="s">
        <v>22</v>
      </c>
    </row>
    <row r="2955" spans="1:26" ht="24" customHeight="1" x14ac:dyDescent="0.2">
      <c r="A2955" s="9" t="s">
        <v>20197</v>
      </c>
      <c r="B2955" s="9" t="s">
        <v>14</v>
      </c>
      <c r="C2955" s="9" t="s">
        <v>16702</v>
      </c>
      <c r="D2955" s="6" t="s">
        <v>16703</v>
      </c>
      <c r="E2955" s="22">
        <v>45419</v>
      </c>
      <c r="F2955" s="22">
        <v>47244</v>
      </c>
      <c r="G2955" s="6" t="s">
        <v>16704</v>
      </c>
      <c r="H2955" s="6" t="s">
        <v>18</v>
      </c>
      <c r="I2955" s="6" t="s">
        <v>19</v>
      </c>
      <c r="J2955" s="6" t="s">
        <v>16705</v>
      </c>
      <c r="L2955" s="10" t="s">
        <v>22</v>
      </c>
      <c r="M2955" s="10" t="s">
        <v>22</v>
      </c>
      <c r="N2955" s="10" t="s">
        <v>22</v>
      </c>
      <c r="R2955" s="10" t="s">
        <v>22</v>
      </c>
      <c r="S2955" s="10" t="s">
        <v>22</v>
      </c>
      <c r="T2955" s="10" t="s">
        <v>22</v>
      </c>
      <c r="U2955" s="10" t="s">
        <v>22</v>
      </c>
      <c r="V2955" s="10" t="s">
        <v>22</v>
      </c>
      <c r="W2955" s="10" t="s">
        <v>22</v>
      </c>
    </row>
    <row r="2956" spans="1:26" ht="24" customHeight="1" x14ac:dyDescent="0.2">
      <c r="A2956" s="9" t="s">
        <v>20198</v>
      </c>
      <c r="B2956" s="9" t="s">
        <v>14</v>
      </c>
      <c r="C2956" s="9" t="s">
        <v>16706</v>
      </c>
      <c r="D2956" s="6" t="s">
        <v>16707</v>
      </c>
      <c r="E2956" s="22">
        <v>45419</v>
      </c>
      <c r="F2956" s="22">
        <v>47244</v>
      </c>
      <c r="G2956" s="6" t="s">
        <v>16708</v>
      </c>
      <c r="H2956" s="6" t="s">
        <v>18</v>
      </c>
      <c r="I2956" s="6" t="s">
        <v>19</v>
      </c>
      <c r="J2956" s="6" t="s">
        <v>16709</v>
      </c>
      <c r="L2956" s="10" t="s">
        <v>22</v>
      </c>
      <c r="M2956" s="10" t="s">
        <v>22</v>
      </c>
      <c r="N2956" s="10" t="s">
        <v>22</v>
      </c>
      <c r="O2956" s="10" t="s">
        <v>22</v>
      </c>
      <c r="P2956" s="10" t="s">
        <v>22</v>
      </c>
      <c r="Q2956" s="10" t="s">
        <v>22</v>
      </c>
      <c r="R2956" s="10" t="s">
        <v>22</v>
      </c>
      <c r="S2956" s="10" t="s">
        <v>22</v>
      </c>
      <c r="T2956" s="10" t="s">
        <v>22</v>
      </c>
      <c r="U2956" s="10" t="s">
        <v>22</v>
      </c>
      <c r="V2956" s="10" t="s">
        <v>22</v>
      </c>
      <c r="W2956" s="10" t="s">
        <v>22</v>
      </c>
      <c r="X2956" s="10" t="s">
        <v>22</v>
      </c>
      <c r="Y2956" s="10" t="s">
        <v>22</v>
      </c>
      <c r="Z2956" s="10" t="s">
        <v>22</v>
      </c>
    </row>
    <row r="2957" spans="1:26" ht="24" customHeight="1" x14ac:dyDescent="0.2">
      <c r="A2957" s="9" t="s">
        <v>20199</v>
      </c>
      <c r="B2957" s="9" t="s">
        <v>14</v>
      </c>
      <c r="C2957" s="9" t="s">
        <v>16710</v>
      </c>
      <c r="D2957" s="6" t="s">
        <v>16711</v>
      </c>
      <c r="E2957" s="22">
        <v>45419</v>
      </c>
      <c r="F2957" s="22">
        <v>47244</v>
      </c>
      <c r="G2957" s="6" t="s">
        <v>16712</v>
      </c>
      <c r="H2957" s="6" t="s">
        <v>229</v>
      </c>
      <c r="I2957" s="6" t="s">
        <v>324</v>
      </c>
      <c r="J2957" s="6" t="s">
        <v>16713</v>
      </c>
      <c r="L2957" s="10" t="s">
        <v>22</v>
      </c>
      <c r="M2957" s="10" t="s">
        <v>22</v>
      </c>
      <c r="N2957" s="10" t="s">
        <v>22</v>
      </c>
      <c r="O2957" s="10" t="s">
        <v>22</v>
      </c>
      <c r="P2957" s="10" t="s">
        <v>22</v>
      </c>
      <c r="Q2957" s="10" t="s">
        <v>22</v>
      </c>
      <c r="R2957" s="10" t="s">
        <v>22</v>
      </c>
      <c r="S2957" s="10" t="s">
        <v>22</v>
      </c>
      <c r="T2957" s="10" t="s">
        <v>22</v>
      </c>
      <c r="U2957" s="10" t="s">
        <v>22</v>
      </c>
      <c r="V2957" s="10" t="s">
        <v>22</v>
      </c>
      <c r="W2957" s="10" t="s">
        <v>22</v>
      </c>
      <c r="X2957" s="10" t="s">
        <v>22</v>
      </c>
      <c r="Y2957" s="10" t="s">
        <v>22</v>
      </c>
      <c r="Z2957" s="10" t="s">
        <v>22</v>
      </c>
    </row>
    <row r="2958" spans="1:26" ht="24" customHeight="1" x14ac:dyDescent="0.2">
      <c r="A2958" s="9" t="s">
        <v>20200</v>
      </c>
      <c r="B2958" s="9" t="s">
        <v>14</v>
      </c>
      <c r="C2958" s="9" t="s">
        <v>16714</v>
      </c>
      <c r="D2958" s="6" t="s">
        <v>5491</v>
      </c>
      <c r="E2958" s="22">
        <v>45419</v>
      </c>
      <c r="F2958" s="22">
        <v>47244</v>
      </c>
      <c r="G2958" s="6" t="s">
        <v>5492</v>
      </c>
      <c r="H2958" s="6" t="s">
        <v>62</v>
      </c>
      <c r="I2958" s="6" t="s">
        <v>414</v>
      </c>
      <c r="J2958" s="6" t="s">
        <v>5493</v>
      </c>
      <c r="L2958" s="10" t="s">
        <v>22</v>
      </c>
      <c r="M2958" s="10" t="s">
        <v>22</v>
      </c>
      <c r="N2958" s="10" t="s">
        <v>22</v>
      </c>
      <c r="O2958" s="10" t="s">
        <v>22</v>
      </c>
      <c r="P2958" s="10" t="s">
        <v>22</v>
      </c>
      <c r="Q2958" s="10" t="s">
        <v>22</v>
      </c>
      <c r="R2958" s="10" t="s">
        <v>22</v>
      </c>
      <c r="S2958" s="10" t="s">
        <v>22</v>
      </c>
      <c r="T2958" s="10" t="s">
        <v>22</v>
      </c>
      <c r="U2958" s="10" t="s">
        <v>22</v>
      </c>
      <c r="V2958" s="10" t="s">
        <v>22</v>
      </c>
      <c r="W2958" s="10" t="s">
        <v>22</v>
      </c>
      <c r="X2958" s="10" t="s">
        <v>22</v>
      </c>
      <c r="Y2958" s="10" t="s">
        <v>22</v>
      </c>
      <c r="Z2958" s="10" t="s">
        <v>22</v>
      </c>
    </row>
    <row r="2959" spans="1:26" ht="24" customHeight="1" x14ac:dyDescent="0.2">
      <c r="A2959" s="9" t="s">
        <v>20201</v>
      </c>
      <c r="B2959" s="9" t="s">
        <v>14</v>
      </c>
      <c r="C2959" s="9" t="s">
        <v>16715</v>
      </c>
      <c r="D2959" s="6" t="s">
        <v>16716</v>
      </c>
      <c r="E2959" s="22">
        <v>45419</v>
      </c>
      <c r="F2959" s="22">
        <v>47244</v>
      </c>
      <c r="G2959" s="6" t="s">
        <v>16717</v>
      </c>
      <c r="H2959" s="6" t="s">
        <v>18</v>
      </c>
      <c r="I2959" s="6" t="s">
        <v>392</v>
      </c>
      <c r="J2959" s="6" t="s">
        <v>16718</v>
      </c>
      <c r="L2959" s="10" t="s">
        <v>22</v>
      </c>
      <c r="M2959" s="10" t="s">
        <v>22</v>
      </c>
      <c r="N2959" s="10" t="s">
        <v>22</v>
      </c>
      <c r="O2959" s="10" t="s">
        <v>22</v>
      </c>
      <c r="P2959" s="10" t="s">
        <v>22</v>
      </c>
      <c r="Q2959" s="10" t="s">
        <v>22</v>
      </c>
      <c r="U2959" s="10" t="s">
        <v>22</v>
      </c>
      <c r="V2959" s="10" t="s">
        <v>22</v>
      </c>
      <c r="W2959" s="10" t="s">
        <v>22</v>
      </c>
      <c r="X2959" s="10" t="s">
        <v>22</v>
      </c>
      <c r="Y2959" s="10" t="s">
        <v>22</v>
      </c>
      <c r="Z2959" s="10" t="s">
        <v>22</v>
      </c>
    </row>
    <row r="2960" spans="1:26" ht="24" customHeight="1" x14ac:dyDescent="0.2">
      <c r="A2960" s="9" t="s">
        <v>20202</v>
      </c>
      <c r="B2960" s="9" t="s">
        <v>14</v>
      </c>
      <c r="C2960" s="9" t="s">
        <v>16719</v>
      </c>
      <c r="D2960" s="6" t="s">
        <v>4155</v>
      </c>
      <c r="E2960" s="22">
        <v>45427</v>
      </c>
      <c r="F2960" s="22">
        <v>47252</v>
      </c>
      <c r="G2960" s="6" t="s">
        <v>4156</v>
      </c>
      <c r="H2960" s="6" t="s">
        <v>62</v>
      </c>
      <c r="I2960" s="6" t="s">
        <v>279</v>
      </c>
      <c r="J2960" s="6" t="s">
        <v>4157</v>
      </c>
      <c r="L2960" s="10" t="s">
        <v>22</v>
      </c>
      <c r="M2960" s="10" t="s">
        <v>22</v>
      </c>
      <c r="N2960" s="10" t="s">
        <v>22</v>
      </c>
      <c r="O2960" s="10" t="s">
        <v>22</v>
      </c>
      <c r="P2960" s="10" t="s">
        <v>22</v>
      </c>
      <c r="Q2960" s="10" t="s">
        <v>22</v>
      </c>
      <c r="R2960" s="10" t="s">
        <v>22</v>
      </c>
      <c r="S2960" s="10" t="s">
        <v>22</v>
      </c>
      <c r="T2960" s="10" t="s">
        <v>22</v>
      </c>
      <c r="U2960" s="10" t="s">
        <v>22</v>
      </c>
      <c r="V2960" s="10" t="s">
        <v>22</v>
      </c>
      <c r="W2960" s="10" t="s">
        <v>22</v>
      </c>
      <c r="X2960" s="10" t="s">
        <v>22</v>
      </c>
      <c r="Y2960" s="10" t="s">
        <v>22</v>
      </c>
      <c r="Z2960" s="10" t="s">
        <v>22</v>
      </c>
    </row>
    <row r="2961" spans="1:26" ht="24" customHeight="1" x14ac:dyDescent="0.2">
      <c r="A2961" s="9" t="s">
        <v>20203</v>
      </c>
      <c r="B2961" s="9" t="s">
        <v>14</v>
      </c>
      <c r="C2961" s="9" t="s">
        <v>16720</v>
      </c>
      <c r="D2961" s="6" t="s">
        <v>16721</v>
      </c>
      <c r="E2961" s="22">
        <v>45427</v>
      </c>
      <c r="F2961" s="22">
        <v>47252</v>
      </c>
      <c r="G2961" s="6" t="s">
        <v>16722</v>
      </c>
      <c r="H2961" s="6" t="s">
        <v>1625</v>
      </c>
      <c r="I2961" s="6" t="s">
        <v>3516</v>
      </c>
      <c r="J2961" s="6" t="s">
        <v>16723</v>
      </c>
      <c r="L2961" s="10" t="s">
        <v>22</v>
      </c>
      <c r="M2961" s="10" t="s">
        <v>22</v>
      </c>
      <c r="N2961" s="10" t="s">
        <v>22</v>
      </c>
      <c r="O2961" s="10" t="s">
        <v>22</v>
      </c>
      <c r="P2961" s="10" t="s">
        <v>22</v>
      </c>
      <c r="Q2961" s="10" t="s">
        <v>22</v>
      </c>
      <c r="R2961" s="10" t="s">
        <v>22</v>
      </c>
      <c r="S2961" s="10" t="s">
        <v>22</v>
      </c>
      <c r="T2961" s="10" t="s">
        <v>22</v>
      </c>
      <c r="U2961" s="10" t="s">
        <v>22</v>
      </c>
      <c r="V2961" s="10" t="s">
        <v>22</v>
      </c>
      <c r="W2961" s="10" t="s">
        <v>22</v>
      </c>
      <c r="X2961" s="10" t="s">
        <v>22</v>
      </c>
      <c r="Y2961" s="10" t="s">
        <v>22</v>
      </c>
      <c r="Z2961" s="10" t="s">
        <v>22</v>
      </c>
    </row>
    <row r="2962" spans="1:26" ht="24" customHeight="1" x14ac:dyDescent="0.2">
      <c r="A2962" s="9" t="s">
        <v>20204</v>
      </c>
      <c r="B2962" s="9" t="s">
        <v>14</v>
      </c>
      <c r="C2962" s="9" t="s">
        <v>16724</v>
      </c>
      <c r="D2962" s="6" t="s">
        <v>16725</v>
      </c>
      <c r="E2962" s="22">
        <v>45429</v>
      </c>
      <c r="F2962" s="22">
        <v>47254</v>
      </c>
      <c r="G2962" s="6" t="s">
        <v>16726</v>
      </c>
      <c r="H2962" s="6" t="s">
        <v>18</v>
      </c>
      <c r="I2962" s="6" t="s">
        <v>19</v>
      </c>
      <c r="J2962" s="6" t="s">
        <v>16727</v>
      </c>
      <c r="L2962" s="10" t="s">
        <v>22</v>
      </c>
      <c r="M2962" s="10" t="s">
        <v>22</v>
      </c>
      <c r="N2962" s="10" t="s">
        <v>22</v>
      </c>
      <c r="O2962" s="10" t="s">
        <v>22</v>
      </c>
      <c r="P2962" s="10" t="s">
        <v>22</v>
      </c>
      <c r="Q2962" s="10" t="s">
        <v>22</v>
      </c>
      <c r="R2962" s="10" t="s">
        <v>22</v>
      </c>
      <c r="S2962" s="10" t="s">
        <v>22</v>
      </c>
      <c r="T2962" s="10" t="s">
        <v>22</v>
      </c>
      <c r="U2962" s="10" t="s">
        <v>22</v>
      </c>
      <c r="V2962" s="10" t="s">
        <v>22</v>
      </c>
      <c r="W2962" s="10" t="s">
        <v>22</v>
      </c>
      <c r="X2962" s="10" t="s">
        <v>22</v>
      </c>
      <c r="Y2962" s="10" t="s">
        <v>22</v>
      </c>
      <c r="Z2962" s="10" t="s">
        <v>22</v>
      </c>
    </row>
    <row r="2963" spans="1:26" ht="24" customHeight="1" x14ac:dyDescent="0.2">
      <c r="A2963" s="9" t="s">
        <v>20205</v>
      </c>
      <c r="B2963" s="9" t="s">
        <v>14</v>
      </c>
      <c r="C2963" s="9" t="s">
        <v>16728</v>
      </c>
      <c r="D2963" s="6" t="s">
        <v>16729</v>
      </c>
      <c r="E2963" s="22">
        <v>45429</v>
      </c>
      <c r="F2963" s="22">
        <v>47254</v>
      </c>
      <c r="G2963" s="6" t="s">
        <v>16730</v>
      </c>
      <c r="H2963" s="6" t="s">
        <v>363</v>
      </c>
      <c r="I2963" s="6" t="s">
        <v>597</v>
      </c>
      <c r="J2963" s="6" t="s">
        <v>16731</v>
      </c>
      <c r="L2963" s="10" t="s">
        <v>22</v>
      </c>
      <c r="M2963" s="10" t="s">
        <v>22</v>
      </c>
      <c r="N2963" s="10" t="s">
        <v>22</v>
      </c>
      <c r="O2963" s="10" t="s">
        <v>22</v>
      </c>
      <c r="P2963" s="10" t="s">
        <v>22</v>
      </c>
      <c r="Q2963" s="10" t="s">
        <v>22</v>
      </c>
      <c r="R2963" s="10" t="s">
        <v>22</v>
      </c>
      <c r="S2963" s="10" t="s">
        <v>22</v>
      </c>
      <c r="T2963" s="10" t="s">
        <v>22</v>
      </c>
      <c r="U2963" s="10" t="s">
        <v>22</v>
      </c>
      <c r="V2963" s="10" t="s">
        <v>22</v>
      </c>
      <c r="W2963" s="10" t="s">
        <v>22</v>
      </c>
      <c r="X2963" s="10" t="s">
        <v>22</v>
      </c>
      <c r="Y2963" s="10" t="s">
        <v>22</v>
      </c>
      <c r="Z2963" s="10" t="s">
        <v>22</v>
      </c>
    </row>
    <row r="2964" spans="1:26" ht="24" customHeight="1" x14ac:dyDescent="0.2">
      <c r="A2964" s="9" t="s">
        <v>20206</v>
      </c>
      <c r="B2964" s="9" t="s">
        <v>14</v>
      </c>
      <c r="C2964" s="9" t="s">
        <v>16732</v>
      </c>
      <c r="D2964" s="6" t="s">
        <v>16733</v>
      </c>
      <c r="E2964" s="22">
        <v>45434</v>
      </c>
      <c r="F2964" s="22">
        <v>47259</v>
      </c>
      <c r="G2964" s="6" t="s">
        <v>16734</v>
      </c>
      <c r="H2964" s="6" t="s">
        <v>363</v>
      </c>
      <c r="I2964" s="6" t="s">
        <v>2113</v>
      </c>
      <c r="J2964" s="6" t="s">
        <v>16735</v>
      </c>
      <c r="L2964" s="10" t="s">
        <v>22</v>
      </c>
      <c r="M2964" s="10" t="s">
        <v>22</v>
      </c>
      <c r="N2964" s="10" t="s">
        <v>22</v>
      </c>
      <c r="O2964" s="10" t="s">
        <v>22</v>
      </c>
      <c r="P2964" s="10" t="s">
        <v>22</v>
      </c>
      <c r="Q2964" s="10" t="s">
        <v>22</v>
      </c>
      <c r="R2964" s="10" t="s">
        <v>22</v>
      </c>
      <c r="S2964" s="10" t="s">
        <v>22</v>
      </c>
      <c r="T2964" s="10" t="s">
        <v>22</v>
      </c>
    </row>
    <row r="2965" spans="1:26" ht="24" customHeight="1" x14ac:dyDescent="0.2">
      <c r="A2965" s="9" t="s">
        <v>20207</v>
      </c>
      <c r="B2965" s="9" t="s">
        <v>14</v>
      </c>
      <c r="C2965" s="9" t="s">
        <v>16736</v>
      </c>
      <c r="D2965" s="6" t="s">
        <v>16737</v>
      </c>
      <c r="E2965" s="22">
        <v>45434</v>
      </c>
      <c r="F2965" s="22">
        <v>47259</v>
      </c>
      <c r="G2965" s="6" t="s">
        <v>16738</v>
      </c>
      <c r="H2965" s="6" t="s">
        <v>229</v>
      </c>
      <c r="I2965" s="6" t="s">
        <v>1885</v>
      </c>
      <c r="J2965" s="6" t="s">
        <v>16739</v>
      </c>
      <c r="L2965" s="10" t="s">
        <v>22</v>
      </c>
      <c r="M2965" s="10" t="s">
        <v>22</v>
      </c>
      <c r="N2965" s="10" t="s">
        <v>22</v>
      </c>
      <c r="O2965" s="10" t="s">
        <v>22</v>
      </c>
      <c r="P2965" s="10" t="s">
        <v>22</v>
      </c>
      <c r="Q2965" s="10" t="s">
        <v>22</v>
      </c>
      <c r="R2965" s="10" t="s">
        <v>22</v>
      </c>
      <c r="S2965" s="10" t="s">
        <v>22</v>
      </c>
      <c r="T2965" s="10" t="s">
        <v>22</v>
      </c>
      <c r="U2965" s="10" t="s">
        <v>22</v>
      </c>
      <c r="V2965" s="10" t="s">
        <v>22</v>
      </c>
      <c r="W2965" s="10" t="s">
        <v>22</v>
      </c>
      <c r="X2965" s="10" t="s">
        <v>22</v>
      </c>
      <c r="Y2965" s="10" t="s">
        <v>22</v>
      </c>
      <c r="Z2965" s="10" t="s">
        <v>22</v>
      </c>
    </row>
    <row r="2966" spans="1:26" ht="24" customHeight="1" x14ac:dyDescent="0.2">
      <c r="A2966" s="9" t="s">
        <v>20208</v>
      </c>
      <c r="B2966" s="9" t="s">
        <v>14</v>
      </c>
      <c r="C2966" s="9" t="s">
        <v>16740</v>
      </c>
      <c r="D2966" s="6" t="s">
        <v>16741</v>
      </c>
      <c r="E2966" s="22">
        <v>45440</v>
      </c>
      <c r="F2966" s="22">
        <v>47265</v>
      </c>
      <c r="G2966" s="6" t="s">
        <v>16742</v>
      </c>
      <c r="H2966" s="6" t="s">
        <v>62</v>
      </c>
      <c r="I2966" s="6" t="s">
        <v>312</v>
      </c>
      <c r="J2966" s="6" t="s">
        <v>16743</v>
      </c>
      <c r="L2966" s="10" t="s">
        <v>22</v>
      </c>
      <c r="M2966" s="10" t="s">
        <v>22</v>
      </c>
      <c r="N2966" s="10" t="s">
        <v>22</v>
      </c>
      <c r="O2966" s="10" t="s">
        <v>22</v>
      </c>
      <c r="P2966" s="10" t="s">
        <v>22</v>
      </c>
      <c r="Q2966" s="10" t="s">
        <v>22</v>
      </c>
      <c r="R2966" s="10" t="s">
        <v>22</v>
      </c>
      <c r="S2966" s="10" t="s">
        <v>22</v>
      </c>
      <c r="T2966" s="10" t="s">
        <v>22</v>
      </c>
      <c r="U2966" s="10" t="s">
        <v>22</v>
      </c>
      <c r="V2966" s="10" t="s">
        <v>22</v>
      </c>
      <c r="W2966" s="10" t="s">
        <v>22</v>
      </c>
      <c r="X2966" s="10" t="s">
        <v>22</v>
      </c>
      <c r="Y2966" s="10" t="s">
        <v>22</v>
      </c>
      <c r="Z2966" s="10" t="s">
        <v>22</v>
      </c>
    </row>
    <row r="2967" spans="1:26" ht="24" customHeight="1" x14ac:dyDescent="0.2">
      <c r="A2967" s="9" t="s">
        <v>20209</v>
      </c>
      <c r="B2967" s="9" t="s">
        <v>14</v>
      </c>
      <c r="C2967" s="9" t="s">
        <v>16744</v>
      </c>
      <c r="D2967" s="6" t="s">
        <v>16745</v>
      </c>
      <c r="E2967" s="22">
        <v>45440</v>
      </c>
      <c r="F2967" s="22">
        <v>47265</v>
      </c>
      <c r="G2967" s="6" t="s">
        <v>16746</v>
      </c>
      <c r="H2967" s="6" t="s">
        <v>18</v>
      </c>
      <c r="I2967" s="6" t="s">
        <v>19</v>
      </c>
      <c r="J2967" s="6" t="s">
        <v>16747</v>
      </c>
      <c r="L2967" s="10" t="s">
        <v>22</v>
      </c>
      <c r="M2967" s="10" t="s">
        <v>22</v>
      </c>
      <c r="N2967" s="10" t="s">
        <v>22</v>
      </c>
      <c r="O2967" s="10" t="s">
        <v>22</v>
      </c>
      <c r="P2967" s="10" t="s">
        <v>22</v>
      </c>
      <c r="Q2967" s="10" t="s">
        <v>22</v>
      </c>
      <c r="U2967" s="10" t="s">
        <v>22</v>
      </c>
      <c r="V2967" s="10" t="s">
        <v>22</v>
      </c>
      <c r="W2967" s="10" t="s">
        <v>22</v>
      </c>
      <c r="X2967" s="10" t="s">
        <v>22</v>
      </c>
      <c r="Y2967" s="10" t="s">
        <v>22</v>
      </c>
      <c r="Z2967" s="10" t="s">
        <v>22</v>
      </c>
    </row>
    <row r="2968" spans="1:26" ht="24" customHeight="1" x14ac:dyDescent="0.2">
      <c r="A2968" s="9" t="s">
        <v>20210</v>
      </c>
      <c r="B2968" s="9" t="s">
        <v>14</v>
      </c>
      <c r="C2968" s="9" t="s">
        <v>16748</v>
      </c>
      <c r="D2968" s="6" t="s">
        <v>16749</v>
      </c>
      <c r="E2968" s="22">
        <v>45442</v>
      </c>
      <c r="F2968" s="22">
        <v>47267</v>
      </c>
      <c r="G2968" s="6" t="s">
        <v>16750</v>
      </c>
      <c r="H2968" s="6" t="s">
        <v>202</v>
      </c>
      <c r="I2968" s="6" t="s">
        <v>873</v>
      </c>
      <c r="J2968" s="6" t="s">
        <v>16751</v>
      </c>
      <c r="L2968" s="10" t="s">
        <v>22</v>
      </c>
      <c r="M2968" s="10" t="s">
        <v>22</v>
      </c>
      <c r="N2968" s="10" t="s">
        <v>22</v>
      </c>
      <c r="O2968" s="10" t="s">
        <v>22</v>
      </c>
      <c r="P2968" s="10" t="s">
        <v>22</v>
      </c>
      <c r="Q2968" s="10" t="s">
        <v>22</v>
      </c>
      <c r="R2968" s="10" t="s">
        <v>22</v>
      </c>
      <c r="S2968" s="10" t="s">
        <v>22</v>
      </c>
      <c r="T2968" s="10" t="s">
        <v>22</v>
      </c>
      <c r="U2968" s="10" t="s">
        <v>22</v>
      </c>
      <c r="V2968" s="10" t="s">
        <v>22</v>
      </c>
      <c r="W2968" s="10" t="s">
        <v>22</v>
      </c>
      <c r="X2968" s="10" t="s">
        <v>22</v>
      </c>
      <c r="Y2968" s="10" t="s">
        <v>22</v>
      </c>
      <c r="Z2968" s="10" t="s">
        <v>22</v>
      </c>
    </row>
    <row r="2969" spans="1:26" ht="24" customHeight="1" x14ac:dyDescent="0.2">
      <c r="A2969" s="9" t="s">
        <v>20211</v>
      </c>
      <c r="B2969" s="9" t="s">
        <v>14</v>
      </c>
      <c r="C2969" s="9" t="s">
        <v>16752</v>
      </c>
      <c r="D2969" s="6" t="s">
        <v>16753</v>
      </c>
      <c r="E2969" s="22">
        <v>45440</v>
      </c>
      <c r="F2969" s="22">
        <v>47265</v>
      </c>
      <c r="G2969" s="6" t="s">
        <v>16754</v>
      </c>
      <c r="H2969" s="6" t="s">
        <v>1047</v>
      </c>
      <c r="I2969" s="6" t="s">
        <v>16755</v>
      </c>
      <c r="J2969" s="6" t="s">
        <v>20995</v>
      </c>
      <c r="L2969" s="10" t="s">
        <v>22</v>
      </c>
      <c r="M2969" s="10" t="s">
        <v>22</v>
      </c>
      <c r="N2969" s="10" t="s">
        <v>22</v>
      </c>
      <c r="O2969" s="10" t="s">
        <v>22</v>
      </c>
      <c r="P2969" s="10" t="s">
        <v>22</v>
      </c>
      <c r="Q2969" s="10" t="s">
        <v>22</v>
      </c>
      <c r="R2969" s="10" t="s">
        <v>22</v>
      </c>
      <c r="S2969" s="10" t="s">
        <v>22</v>
      </c>
      <c r="T2969" s="10" t="s">
        <v>22</v>
      </c>
      <c r="U2969" s="10" t="s">
        <v>22</v>
      </c>
      <c r="V2969" s="10" t="s">
        <v>22</v>
      </c>
      <c r="W2969" s="10" t="s">
        <v>22</v>
      </c>
      <c r="X2969" s="10" t="s">
        <v>22</v>
      </c>
      <c r="Y2969" s="10" t="s">
        <v>22</v>
      </c>
      <c r="Z2969" s="10" t="s">
        <v>22</v>
      </c>
    </row>
    <row r="2970" spans="1:26" ht="24" customHeight="1" x14ac:dyDescent="0.2">
      <c r="A2970" s="9" t="s">
        <v>20212</v>
      </c>
      <c r="B2970" s="9" t="s">
        <v>14</v>
      </c>
      <c r="C2970" s="9" t="s">
        <v>16756</v>
      </c>
      <c r="D2970" s="6" t="s">
        <v>16757</v>
      </c>
      <c r="E2970" s="22">
        <v>45442</v>
      </c>
      <c r="F2970" s="22">
        <v>47267</v>
      </c>
      <c r="G2970" s="6" t="s">
        <v>16758</v>
      </c>
      <c r="H2970" s="6" t="s">
        <v>62</v>
      </c>
      <c r="I2970" s="6" t="s">
        <v>357</v>
      </c>
      <c r="J2970" s="6" t="s">
        <v>16759</v>
      </c>
      <c r="L2970" s="10" t="s">
        <v>22</v>
      </c>
      <c r="M2970" s="10" t="s">
        <v>22</v>
      </c>
      <c r="N2970" s="10" t="s">
        <v>22</v>
      </c>
      <c r="O2970" s="10" t="s">
        <v>22</v>
      </c>
      <c r="P2970" s="10" t="s">
        <v>22</v>
      </c>
      <c r="Q2970" s="10" t="s">
        <v>22</v>
      </c>
      <c r="R2970" s="10" t="s">
        <v>22</v>
      </c>
      <c r="S2970" s="10" t="s">
        <v>22</v>
      </c>
      <c r="T2970" s="10" t="s">
        <v>22</v>
      </c>
      <c r="U2970" s="10" t="s">
        <v>22</v>
      </c>
      <c r="V2970" s="10" t="s">
        <v>22</v>
      </c>
      <c r="W2970" s="10" t="s">
        <v>22</v>
      </c>
      <c r="X2970" s="10" t="s">
        <v>22</v>
      </c>
      <c r="Y2970" s="10" t="s">
        <v>22</v>
      </c>
      <c r="Z2970" s="10" t="s">
        <v>22</v>
      </c>
    </row>
    <row r="2971" spans="1:26" ht="24" customHeight="1" x14ac:dyDescent="0.2">
      <c r="A2971" s="9" t="s">
        <v>20213</v>
      </c>
      <c r="B2971" s="9" t="s">
        <v>14</v>
      </c>
      <c r="C2971" s="9" t="s">
        <v>16760</v>
      </c>
      <c r="D2971" s="6" t="s">
        <v>16761</v>
      </c>
      <c r="E2971" s="22">
        <v>45443</v>
      </c>
      <c r="F2971" s="22">
        <v>47268</v>
      </c>
      <c r="G2971" s="6" t="s">
        <v>16762</v>
      </c>
      <c r="H2971" s="6" t="s">
        <v>18</v>
      </c>
      <c r="I2971" s="6" t="s">
        <v>19</v>
      </c>
      <c r="J2971" s="6" t="s">
        <v>16763</v>
      </c>
      <c r="L2971" s="10" t="s">
        <v>22</v>
      </c>
      <c r="M2971" s="10" t="s">
        <v>22</v>
      </c>
      <c r="N2971" s="10" t="s">
        <v>22</v>
      </c>
      <c r="O2971" s="10" t="s">
        <v>22</v>
      </c>
      <c r="P2971" s="10" t="s">
        <v>22</v>
      </c>
      <c r="Q2971" s="10" t="s">
        <v>22</v>
      </c>
      <c r="R2971" s="10" t="s">
        <v>22</v>
      </c>
      <c r="S2971" s="10" t="s">
        <v>22</v>
      </c>
      <c r="T2971" s="10" t="s">
        <v>22</v>
      </c>
      <c r="U2971" s="10" t="s">
        <v>22</v>
      </c>
      <c r="V2971" s="10" t="s">
        <v>22</v>
      </c>
      <c r="W2971" s="10" t="s">
        <v>22</v>
      </c>
      <c r="X2971" s="10" t="s">
        <v>22</v>
      </c>
      <c r="Y2971" s="10" t="s">
        <v>22</v>
      </c>
      <c r="Z2971" s="10" t="s">
        <v>22</v>
      </c>
    </row>
    <row r="2972" spans="1:26" ht="24" customHeight="1" x14ac:dyDescent="0.2">
      <c r="A2972" s="9" t="s">
        <v>20214</v>
      </c>
      <c r="B2972" s="9" t="s">
        <v>14</v>
      </c>
      <c r="C2972" s="9" t="s">
        <v>16764</v>
      </c>
      <c r="D2972" s="6" t="s">
        <v>16765</v>
      </c>
      <c r="E2972" s="22">
        <v>45443</v>
      </c>
      <c r="F2972" s="22">
        <v>47268</v>
      </c>
      <c r="G2972" s="6" t="s">
        <v>16766</v>
      </c>
      <c r="H2972" s="6" t="s">
        <v>2368</v>
      </c>
      <c r="I2972" s="6" t="s">
        <v>2369</v>
      </c>
      <c r="J2972" s="6" t="s">
        <v>16767</v>
      </c>
      <c r="L2972" s="10" t="s">
        <v>22</v>
      </c>
      <c r="M2972" s="10" t="s">
        <v>22</v>
      </c>
      <c r="N2972" s="10" t="s">
        <v>22</v>
      </c>
      <c r="O2972" s="10" t="s">
        <v>22</v>
      </c>
      <c r="P2972" s="10" t="s">
        <v>22</v>
      </c>
      <c r="Q2972" s="10" t="s">
        <v>22</v>
      </c>
      <c r="U2972" s="10" t="s">
        <v>22</v>
      </c>
      <c r="V2972" s="10" t="s">
        <v>22</v>
      </c>
      <c r="W2972" s="10" t="s">
        <v>22</v>
      </c>
      <c r="X2972" s="10" t="s">
        <v>22</v>
      </c>
      <c r="Y2972" s="10" t="s">
        <v>22</v>
      </c>
      <c r="Z2972" s="10" t="s">
        <v>22</v>
      </c>
    </row>
    <row r="2973" spans="1:26" ht="34" customHeight="1" x14ac:dyDescent="0.2">
      <c r="A2973" s="9" t="s">
        <v>20215</v>
      </c>
      <c r="B2973" s="9" t="s">
        <v>14</v>
      </c>
      <c r="C2973" s="9" t="s">
        <v>16768</v>
      </c>
      <c r="D2973" s="6" t="s">
        <v>16769</v>
      </c>
      <c r="E2973" s="22">
        <v>45450</v>
      </c>
      <c r="F2973" s="22">
        <v>47275</v>
      </c>
      <c r="G2973" s="6" t="s">
        <v>16770</v>
      </c>
      <c r="H2973" s="6" t="s">
        <v>363</v>
      </c>
      <c r="I2973" s="6" t="s">
        <v>5754</v>
      </c>
      <c r="J2973" s="6" t="s">
        <v>16771</v>
      </c>
      <c r="L2973" s="10" t="s">
        <v>22</v>
      </c>
      <c r="M2973" s="10" t="s">
        <v>22</v>
      </c>
      <c r="N2973" s="10" t="s">
        <v>22</v>
      </c>
      <c r="O2973" s="10" t="s">
        <v>22</v>
      </c>
      <c r="P2973" s="10" t="s">
        <v>22</v>
      </c>
      <c r="Q2973" s="10" t="s">
        <v>22</v>
      </c>
      <c r="R2973" s="10" t="s">
        <v>22</v>
      </c>
      <c r="S2973" s="10" t="s">
        <v>22</v>
      </c>
      <c r="T2973" s="10" t="s">
        <v>22</v>
      </c>
    </row>
    <row r="2974" spans="1:26" ht="24" customHeight="1" x14ac:dyDescent="0.2">
      <c r="A2974" s="9" t="s">
        <v>20216</v>
      </c>
      <c r="B2974" s="9" t="s">
        <v>14</v>
      </c>
      <c r="C2974" s="9" t="s">
        <v>16772</v>
      </c>
      <c r="D2974" s="6" t="s">
        <v>16773</v>
      </c>
      <c r="E2974" s="22">
        <v>45453</v>
      </c>
      <c r="F2974" s="22">
        <v>47278</v>
      </c>
      <c r="G2974" s="6" t="s">
        <v>16774</v>
      </c>
      <c r="H2974" s="6" t="s">
        <v>229</v>
      </c>
      <c r="I2974" s="6" t="s">
        <v>4848</v>
      </c>
      <c r="J2974" s="6" t="s">
        <v>16775</v>
      </c>
      <c r="L2974" s="10" t="s">
        <v>22</v>
      </c>
      <c r="M2974" s="10" t="s">
        <v>22</v>
      </c>
      <c r="N2974" s="10" t="s">
        <v>22</v>
      </c>
      <c r="O2974" s="10" t="s">
        <v>22</v>
      </c>
      <c r="P2974" s="10" t="s">
        <v>22</v>
      </c>
      <c r="Q2974" s="10" t="s">
        <v>22</v>
      </c>
      <c r="U2974" s="10" t="s">
        <v>22</v>
      </c>
      <c r="V2974" s="10" t="s">
        <v>22</v>
      </c>
      <c r="W2974" s="10" t="s">
        <v>22</v>
      </c>
      <c r="X2974" s="10" t="s">
        <v>22</v>
      </c>
      <c r="Y2974" s="10" t="s">
        <v>22</v>
      </c>
      <c r="Z2974" s="10" t="s">
        <v>22</v>
      </c>
    </row>
    <row r="2975" spans="1:26" ht="24" customHeight="1" x14ac:dyDescent="0.2">
      <c r="A2975" s="9" t="s">
        <v>20217</v>
      </c>
      <c r="B2975" s="9" t="s">
        <v>14</v>
      </c>
      <c r="C2975" s="9" t="s">
        <v>16776</v>
      </c>
      <c r="D2975" s="6" t="s">
        <v>16777</v>
      </c>
      <c r="E2975" s="22">
        <v>45453</v>
      </c>
      <c r="F2975" s="22">
        <v>47278</v>
      </c>
      <c r="G2975" s="6" t="s">
        <v>16778</v>
      </c>
      <c r="H2975" s="6" t="s">
        <v>62</v>
      </c>
      <c r="I2975" s="6" t="s">
        <v>414</v>
      </c>
      <c r="J2975" s="6" t="s">
        <v>16779</v>
      </c>
      <c r="L2975" s="10" t="s">
        <v>22</v>
      </c>
      <c r="M2975" s="10" t="s">
        <v>22</v>
      </c>
      <c r="N2975" s="10" t="s">
        <v>22</v>
      </c>
      <c r="O2975" s="10" t="s">
        <v>22</v>
      </c>
      <c r="P2975" s="10" t="s">
        <v>22</v>
      </c>
      <c r="Q2975" s="10" t="s">
        <v>22</v>
      </c>
      <c r="U2975" s="10" t="s">
        <v>22</v>
      </c>
      <c r="V2975" s="10" t="s">
        <v>22</v>
      </c>
      <c r="W2975" s="10" t="s">
        <v>22</v>
      </c>
      <c r="X2975" s="10" t="s">
        <v>22</v>
      </c>
      <c r="Y2975" s="10" t="s">
        <v>22</v>
      </c>
      <c r="Z2975" s="10" t="s">
        <v>22</v>
      </c>
    </row>
    <row r="2976" spans="1:26" ht="24" customHeight="1" x14ac:dyDescent="0.2">
      <c r="A2976" s="9" t="s">
        <v>20218</v>
      </c>
      <c r="B2976" s="9" t="s">
        <v>14</v>
      </c>
      <c r="C2976" s="9" t="s">
        <v>16780</v>
      </c>
      <c r="D2976" s="6" t="s">
        <v>16781</v>
      </c>
      <c r="E2976" s="22">
        <v>45456</v>
      </c>
      <c r="F2976" s="22">
        <v>47281</v>
      </c>
      <c r="G2976" s="6" t="s">
        <v>16782</v>
      </c>
      <c r="H2976" s="6" t="s">
        <v>62</v>
      </c>
      <c r="I2976" s="6" t="s">
        <v>63</v>
      </c>
      <c r="J2976" s="6" t="s">
        <v>16783</v>
      </c>
      <c r="L2976" s="10" t="s">
        <v>22</v>
      </c>
      <c r="M2976" s="10" t="s">
        <v>22</v>
      </c>
      <c r="N2976" s="10" t="s">
        <v>22</v>
      </c>
      <c r="O2976" s="10" t="s">
        <v>22</v>
      </c>
      <c r="P2976" s="10" t="s">
        <v>22</v>
      </c>
      <c r="Q2976" s="10" t="s">
        <v>22</v>
      </c>
      <c r="U2976" s="10" t="s">
        <v>22</v>
      </c>
      <c r="V2976" s="10" t="s">
        <v>22</v>
      </c>
      <c r="W2976" s="10" t="s">
        <v>22</v>
      </c>
      <c r="X2976" s="10" t="s">
        <v>22</v>
      </c>
      <c r="Y2976" s="10" t="s">
        <v>22</v>
      </c>
      <c r="Z2976" s="10" t="s">
        <v>22</v>
      </c>
    </row>
    <row r="2977" spans="1:26" ht="24" customHeight="1" x14ac:dyDescent="0.2">
      <c r="A2977" s="9" t="s">
        <v>20219</v>
      </c>
      <c r="B2977" s="9" t="s">
        <v>14</v>
      </c>
      <c r="C2977" s="9" t="s">
        <v>16784</v>
      </c>
      <c r="D2977" s="6" t="s">
        <v>16785</v>
      </c>
      <c r="E2977" s="22">
        <v>45456</v>
      </c>
      <c r="F2977" s="22">
        <v>47281</v>
      </c>
      <c r="G2977" s="6" t="s">
        <v>16786</v>
      </c>
      <c r="H2977" s="6" t="s">
        <v>18</v>
      </c>
      <c r="I2977" s="6" t="s">
        <v>26</v>
      </c>
      <c r="J2977" s="6" t="s">
        <v>16787</v>
      </c>
      <c r="L2977" s="10" t="s">
        <v>22</v>
      </c>
      <c r="M2977" s="10" t="s">
        <v>22</v>
      </c>
      <c r="N2977" s="10" t="s">
        <v>22</v>
      </c>
      <c r="O2977" s="10" t="s">
        <v>22</v>
      </c>
      <c r="P2977" s="10" t="s">
        <v>22</v>
      </c>
      <c r="Q2977" s="10" t="s">
        <v>22</v>
      </c>
      <c r="R2977" s="10" t="s">
        <v>22</v>
      </c>
      <c r="S2977" s="10" t="s">
        <v>22</v>
      </c>
      <c r="T2977" s="10" t="s">
        <v>22</v>
      </c>
    </row>
    <row r="2978" spans="1:26" ht="24" customHeight="1" x14ac:dyDescent="0.2">
      <c r="A2978" s="9" t="s">
        <v>20220</v>
      </c>
      <c r="B2978" s="9" t="s">
        <v>14</v>
      </c>
      <c r="C2978" s="9" t="s">
        <v>16788</v>
      </c>
      <c r="D2978" s="6" t="s">
        <v>16789</v>
      </c>
      <c r="E2978" s="22">
        <v>45456</v>
      </c>
      <c r="F2978" s="22">
        <v>47281</v>
      </c>
      <c r="G2978" s="6" t="s">
        <v>16790</v>
      </c>
      <c r="H2978" s="6" t="s">
        <v>62</v>
      </c>
      <c r="I2978" s="6" t="s">
        <v>842</v>
      </c>
      <c r="J2978" s="6" t="s">
        <v>16791</v>
      </c>
      <c r="L2978" s="10" t="s">
        <v>22</v>
      </c>
      <c r="M2978" s="10" t="s">
        <v>22</v>
      </c>
      <c r="N2978" s="10" t="s">
        <v>22</v>
      </c>
      <c r="O2978" s="10" t="s">
        <v>22</v>
      </c>
      <c r="P2978" s="10" t="s">
        <v>22</v>
      </c>
      <c r="Q2978" s="10" t="s">
        <v>22</v>
      </c>
      <c r="R2978" s="10" t="s">
        <v>22</v>
      </c>
      <c r="S2978" s="10" t="s">
        <v>22</v>
      </c>
      <c r="T2978" s="10" t="s">
        <v>22</v>
      </c>
      <c r="U2978" s="10" t="s">
        <v>22</v>
      </c>
      <c r="V2978" s="10" t="s">
        <v>22</v>
      </c>
      <c r="W2978" s="10" t="s">
        <v>22</v>
      </c>
      <c r="X2978" s="10" t="s">
        <v>22</v>
      </c>
      <c r="Y2978" s="10" t="s">
        <v>22</v>
      </c>
      <c r="Z2978" s="10" t="s">
        <v>22</v>
      </c>
    </row>
    <row r="2979" spans="1:26" ht="24" customHeight="1" x14ac:dyDescent="0.2">
      <c r="A2979" s="9" t="s">
        <v>20221</v>
      </c>
      <c r="B2979" s="9" t="s">
        <v>14</v>
      </c>
      <c r="C2979" s="9" t="s">
        <v>16792</v>
      </c>
      <c r="D2979" s="6" t="s">
        <v>16793</v>
      </c>
      <c r="E2979" s="22">
        <v>45456</v>
      </c>
      <c r="F2979" s="22">
        <v>47281</v>
      </c>
      <c r="G2979" s="6" t="s">
        <v>16794</v>
      </c>
      <c r="H2979" s="6" t="s">
        <v>62</v>
      </c>
      <c r="I2979" s="6" t="s">
        <v>1444</v>
      </c>
      <c r="J2979" s="6" t="s">
        <v>16795</v>
      </c>
      <c r="L2979" s="10" t="s">
        <v>22</v>
      </c>
      <c r="M2979" s="10" t="s">
        <v>22</v>
      </c>
      <c r="N2979" s="10" t="s">
        <v>22</v>
      </c>
      <c r="O2979" s="10" t="s">
        <v>22</v>
      </c>
      <c r="P2979" s="10" t="s">
        <v>22</v>
      </c>
      <c r="Q2979" s="10" t="s">
        <v>22</v>
      </c>
      <c r="R2979" s="10" t="s">
        <v>22</v>
      </c>
      <c r="S2979" s="10" t="s">
        <v>22</v>
      </c>
      <c r="T2979" s="10" t="s">
        <v>22</v>
      </c>
      <c r="U2979" s="10" t="s">
        <v>22</v>
      </c>
      <c r="V2979" s="10" t="s">
        <v>22</v>
      </c>
      <c r="W2979" s="10" t="s">
        <v>22</v>
      </c>
      <c r="X2979" s="10" t="s">
        <v>22</v>
      </c>
      <c r="Y2979" s="10" t="s">
        <v>22</v>
      </c>
      <c r="Z2979" s="10" t="s">
        <v>22</v>
      </c>
    </row>
    <row r="2980" spans="1:26" ht="24" customHeight="1" x14ac:dyDescent="0.2">
      <c r="A2980" s="9" t="s">
        <v>20222</v>
      </c>
      <c r="B2980" s="9" t="s">
        <v>14</v>
      </c>
      <c r="C2980" s="9" t="s">
        <v>16796</v>
      </c>
      <c r="D2980" s="6" t="s">
        <v>16797</v>
      </c>
      <c r="E2980" s="22">
        <v>45456</v>
      </c>
      <c r="F2980" s="22">
        <v>47281</v>
      </c>
      <c r="G2980" s="6" t="s">
        <v>16798</v>
      </c>
      <c r="H2980" s="6" t="s">
        <v>62</v>
      </c>
      <c r="I2980" s="6" t="s">
        <v>2378</v>
      </c>
      <c r="J2980" s="6" t="s">
        <v>16799</v>
      </c>
      <c r="L2980" s="10" t="s">
        <v>22</v>
      </c>
      <c r="M2980" s="10" t="s">
        <v>22</v>
      </c>
      <c r="N2980" s="10" t="s">
        <v>22</v>
      </c>
      <c r="O2980" s="10" t="s">
        <v>22</v>
      </c>
      <c r="P2980" s="10" t="s">
        <v>22</v>
      </c>
      <c r="Q2980" s="10" t="s">
        <v>22</v>
      </c>
    </row>
    <row r="2981" spans="1:26" ht="24" customHeight="1" x14ac:dyDescent="0.2">
      <c r="A2981" s="9" t="s">
        <v>20223</v>
      </c>
      <c r="B2981" s="9" t="s">
        <v>14</v>
      </c>
      <c r="C2981" s="9" t="s">
        <v>16800</v>
      </c>
      <c r="D2981" s="6" t="s">
        <v>16801</v>
      </c>
      <c r="E2981" s="22">
        <v>45462</v>
      </c>
      <c r="F2981" s="22">
        <v>47287</v>
      </c>
      <c r="G2981" s="6" t="s">
        <v>16802</v>
      </c>
      <c r="H2981" s="6" t="s">
        <v>1625</v>
      </c>
      <c r="I2981" s="6" t="s">
        <v>4540</v>
      </c>
      <c r="J2981" s="6" t="s">
        <v>16803</v>
      </c>
      <c r="L2981" s="10" t="s">
        <v>22</v>
      </c>
      <c r="M2981" s="10" t="s">
        <v>22</v>
      </c>
      <c r="N2981" s="10" t="s">
        <v>22</v>
      </c>
      <c r="O2981" s="10" t="s">
        <v>22</v>
      </c>
      <c r="P2981" s="10" t="s">
        <v>22</v>
      </c>
      <c r="Q2981" s="10" t="s">
        <v>22</v>
      </c>
      <c r="R2981" s="10" t="s">
        <v>22</v>
      </c>
      <c r="S2981" s="10" t="s">
        <v>22</v>
      </c>
      <c r="T2981" s="10" t="s">
        <v>22</v>
      </c>
    </row>
    <row r="2982" spans="1:26" ht="24" customHeight="1" x14ac:dyDescent="0.2">
      <c r="A2982" s="9" t="s">
        <v>20224</v>
      </c>
      <c r="B2982" s="9" t="s">
        <v>14</v>
      </c>
      <c r="C2982" s="9" t="s">
        <v>16804</v>
      </c>
      <c r="D2982" s="6" t="s">
        <v>16805</v>
      </c>
      <c r="E2982" s="22">
        <v>45464</v>
      </c>
      <c r="F2982" s="22">
        <v>47289</v>
      </c>
      <c r="G2982" s="6" t="s">
        <v>16806</v>
      </c>
      <c r="H2982" s="6" t="s">
        <v>18</v>
      </c>
      <c r="I2982" s="6" t="s">
        <v>19</v>
      </c>
      <c r="J2982" s="6" t="s">
        <v>16807</v>
      </c>
      <c r="L2982" s="10" t="s">
        <v>22</v>
      </c>
      <c r="M2982" s="10" t="s">
        <v>22</v>
      </c>
      <c r="N2982" s="10" t="s">
        <v>22</v>
      </c>
      <c r="O2982" s="10" t="s">
        <v>22</v>
      </c>
      <c r="P2982" s="10" t="s">
        <v>22</v>
      </c>
      <c r="Q2982" s="10" t="s">
        <v>22</v>
      </c>
      <c r="R2982" s="10" t="s">
        <v>22</v>
      </c>
      <c r="S2982" s="10" t="s">
        <v>22</v>
      </c>
      <c r="T2982" s="10" t="s">
        <v>22</v>
      </c>
      <c r="U2982" s="10" t="s">
        <v>22</v>
      </c>
      <c r="V2982" s="10" t="s">
        <v>22</v>
      </c>
      <c r="W2982" s="10" t="s">
        <v>22</v>
      </c>
      <c r="X2982" s="10" t="s">
        <v>22</v>
      </c>
      <c r="Y2982" s="10" t="s">
        <v>22</v>
      </c>
      <c r="Z2982" s="10" t="s">
        <v>22</v>
      </c>
    </row>
    <row r="2983" spans="1:26" ht="24" customHeight="1" x14ac:dyDescent="0.2">
      <c r="A2983" s="9" t="s">
        <v>20225</v>
      </c>
      <c r="B2983" s="9" t="s">
        <v>14</v>
      </c>
      <c r="C2983" s="9" t="s">
        <v>16808</v>
      </c>
      <c r="D2983" s="6" t="s">
        <v>16809</v>
      </c>
      <c r="E2983" s="22">
        <v>45467</v>
      </c>
      <c r="F2983" s="22">
        <v>47292</v>
      </c>
      <c r="G2983" s="6" t="s">
        <v>16810</v>
      </c>
      <c r="H2983" s="6" t="s">
        <v>62</v>
      </c>
      <c r="I2983" s="6" t="s">
        <v>551</v>
      </c>
      <c r="J2983" s="6" t="s">
        <v>16811</v>
      </c>
      <c r="L2983" s="10" t="s">
        <v>22</v>
      </c>
      <c r="M2983" s="10" t="s">
        <v>22</v>
      </c>
      <c r="N2983" s="10" t="s">
        <v>22</v>
      </c>
      <c r="O2983" s="10" t="s">
        <v>22</v>
      </c>
      <c r="P2983" s="10" t="s">
        <v>22</v>
      </c>
      <c r="Q2983" s="10" t="s">
        <v>22</v>
      </c>
      <c r="R2983" s="10" t="s">
        <v>22</v>
      </c>
      <c r="S2983" s="10" t="s">
        <v>22</v>
      </c>
      <c r="T2983" s="10" t="s">
        <v>22</v>
      </c>
      <c r="U2983" s="10" t="s">
        <v>22</v>
      </c>
      <c r="V2983" s="10" t="s">
        <v>22</v>
      </c>
      <c r="W2983" s="10" t="s">
        <v>22</v>
      </c>
      <c r="X2983" s="10" t="s">
        <v>22</v>
      </c>
      <c r="Y2983" s="10" t="s">
        <v>22</v>
      </c>
      <c r="Z2983" s="10" t="s">
        <v>22</v>
      </c>
    </row>
    <row r="2984" spans="1:26" ht="24" customHeight="1" x14ac:dyDescent="0.2">
      <c r="A2984" s="9" t="s">
        <v>20226</v>
      </c>
      <c r="B2984" s="9" t="s">
        <v>14</v>
      </c>
      <c r="C2984" s="9" t="s">
        <v>16812</v>
      </c>
      <c r="D2984" s="6" t="s">
        <v>16813</v>
      </c>
      <c r="E2984" s="22">
        <v>45467</v>
      </c>
      <c r="F2984" s="22">
        <v>47292</v>
      </c>
      <c r="G2984" s="6" t="s">
        <v>16814</v>
      </c>
      <c r="H2984" s="6" t="s">
        <v>62</v>
      </c>
      <c r="I2984" s="6" t="s">
        <v>252</v>
      </c>
      <c r="J2984" s="6" t="s">
        <v>16815</v>
      </c>
      <c r="L2984" s="10" t="s">
        <v>22</v>
      </c>
      <c r="M2984" s="10" t="s">
        <v>22</v>
      </c>
      <c r="N2984" s="10" t="s">
        <v>22</v>
      </c>
      <c r="O2984" s="10" t="s">
        <v>22</v>
      </c>
      <c r="P2984" s="10" t="s">
        <v>22</v>
      </c>
      <c r="Q2984" s="10" t="s">
        <v>22</v>
      </c>
      <c r="R2984" s="10" t="s">
        <v>22</v>
      </c>
      <c r="S2984" s="10" t="s">
        <v>22</v>
      </c>
      <c r="T2984" s="10" t="s">
        <v>22</v>
      </c>
      <c r="U2984" s="10" t="s">
        <v>22</v>
      </c>
      <c r="V2984" s="10" t="s">
        <v>22</v>
      </c>
      <c r="W2984" s="10" t="s">
        <v>22</v>
      </c>
      <c r="X2984" s="10" t="s">
        <v>22</v>
      </c>
      <c r="Y2984" s="10" t="s">
        <v>22</v>
      </c>
      <c r="Z2984" s="10" t="s">
        <v>22</v>
      </c>
    </row>
    <row r="2985" spans="1:26" ht="24" customHeight="1" x14ac:dyDescent="0.2">
      <c r="A2985" s="9" t="s">
        <v>20227</v>
      </c>
      <c r="B2985" s="9" t="s">
        <v>14</v>
      </c>
      <c r="C2985" s="9" t="s">
        <v>16816</v>
      </c>
      <c r="D2985" s="6" t="s">
        <v>16817</v>
      </c>
      <c r="E2985" s="22">
        <v>45467</v>
      </c>
      <c r="F2985" s="22">
        <v>47292</v>
      </c>
      <c r="G2985" s="6" t="s">
        <v>16818</v>
      </c>
      <c r="H2985" s="6" t="s">
        <v>363</v>
      </c>
      <c r="I2985" s="6" t="s">
        <v>364</v>
      </c>
      <c r="J2985" s="6" t="s">
        <v>16819</v>
      </c>
      <c r="L2985" s="10" t="s">
        <v>22</v>
      </c>
      <c r="M2985" s="10" t="s">
        <v>22</v>
      </c>
      <c r="N2985" s="10" t="s">
        <v>22</v>
      </c>
    </row>
    <row r="2986" spans="1:26" ht="24" customHeight="1" x14ac:dyDescent="0.2">
      <c r="A2986" s="9" t="s">
        <v>20228</v>
      </c>
      <c r="B2986" s="9" t="s">
        <v>14</v>
      </c>
      <c r="C2986" s="9" t="s">
        <v>16820</v>
      </c>
      <c r="D2986" s="6" t="s">
        <v>16821</v>
      </c>
      <c r="E2986" s="22">
        <v>45467</v>
      </c>
      <c r="F2986" s="22">
        <v>47292</v>
      </c>
      <c r="G2986" s="6" t="s">
        <v>16822</v>
      </c>
      <c r="H2986" s="6" t="s">
        <v>363</v>
      </c>
      <c r="I2986" s="6" t="s">
        <v>364</v>
      </c>
      <c r="J2986" s="6" t="s">
        <v>16823</v>
      </c>
      <c r="L2986" s="10" t="s">
        <v>22</v>
      </c>
      <c r="M2986" s="10" t="s">
        <v>22</v>
      </c>
      <c r="N2986" s="10" t="s">
        <v>22</v>
      </c>
      <c r="O2986" s="10" t="s">
        <v>22</v>
      </c>
      <c r="P2986" s="10" t="s">
        <v>22</v>
      </c>
      <c r="Q2986" s="10" t="s">
        <v>22</v>
      </c>
      <c r="R2986" s="10" t="s">
        <v>22</v>
      </c>
      <c r="S2986" s="10" t="s">
        <v>22</v>
      </c>
      <c r="T2986" s="10" t="s">
        <v>22</v>
      </c>
      <c r="U2986" s="10" t="s">
        <v>22</v>
      </c>
      <c r="V2986" s="10" t="s">
        <v>22</v>
      </c>
      <c r="W2986" s="10" t="s">
        <v>22</v>
      </c>
      <c r="X2986" s="10" t="s">
        <v>22</v>
      </c>
      <c r="Y2986" s="10" t="s">
        <v>22</v>
      </c>
      <c r="Z2986" s="10" t="s">
        <v>22</v>
      </c>
    </row>
    <row r="2987" spans="1:26" ht="24" customHeight="1" x14ac:dyDescent="0.2">
      <c r="A2987" s="9" t="s">
        <v>20229</v>
      </c>
      <c r="B2987" s="9" t="s">
        <v>14</v>
      </c>
      <c r="C2987" s="9" t="s">
        <v>16824</v>
      </c>
      <c r="D2987" s="6" t="s">
        <v>16825</v>
      </c>
      <c r="E2987" s="22">
        <v>45468</v>
      </c>
      <c r="F2987" s="22">
        <v>47293</v>
      </c>
      <c r="G2987" s="6" t="s">
        <v>16826</v>
      </c>
      <c r="H2987" s="6" t="s">
        <v>62</v>
      </c>
      <c r="I2987" s="6" t="s">
        <v>10135</v>
      </c>
      <c r="J2987" s="6" t="s">
        <v>16827</v>
      </c>
      <c r="L2987" s="10" t="s">
        <v>22</v>
      </c>
      <c r="M2987" s="10" t="s">
        <v>22</v>
      </c>
      <c r="N2987" s="10" t="s">
        <v>22</v>
      </c>
      <c r="U2987" s="10" t="s">
        <v>22</v>
      </c>
      <c r="V2987" s="10" t="s">
        <v>22</v>
      </c>
      <c r="W2987" s="10" t="s">
        <v>22</v>
      </c>
    </row>
    <row r="2988" spans="1:26" ht="24" customHeight="1" x14ac:dyDescent="0.2">
      <c r="A2988" s="9" t="s">
        <v>20230</v>
      </c>
      <c r="B2988" s="9" t="s">
        <v>14</v>
      </c>
      <c r="C2988" s="9" t="s">
        <v>16828</v>
      </c>
      <c r="D2988" s="6" t="s">
        <v>5538</v>
      </c>
      <c r="E2988" s="22">
        <v>45474</v>
      </c>
      <c r="F2988" s="22">
        <v>47299</v>
      </c>
      <c r="G2988" s="6" t="s">
        <v>5539</v>
      </c>
      <c r="H2988" s="6" t="s">
        <v>62</v>
      </c>
      <c r="I2988" s="6" t="s">
        <v>318</v>
      </c>
      <c r="J2988" s="6" t="s">
        <v>5540</v>
      </c>
      <c r="L2988" s="10" t="s">
        <v>22</v>
      </c>
      <c r="M2988" s="10" t="s">
        <v>22</v>
      </c>
      <c r="N2988" s="10" t="s">
        <v>22</v>
      </c>
      <c r="O2988" s="10" t="s">
        <v>22</v>
      </c>
      <c r="P2988" s="10" t="s">
        <v>22</v>
      </c>
      <c r="Q2988" s="10" t="s">
        <v>22</v>
      </c>
      <c r="R2988" s="10" t="s">
        <v>22</v>
      </c>
      <c r="S2988" s="10" t="s">
        <v>22</v>
      </c>
      <c r="T2988" s="10" t="s">
        <v>22</v>
      </c>
      <c r="U2988" s="10" t="s">
        <v>22</v>
      </c>
      <c r="V2988" s="10" t="s">
        <v>22</v>
      </c>
      <c r="W2988" s="10" t="s">
        <v>22</v>
      </c>
      <c r="X2988" s="10" t="s">
        <v>22</v>
      </c>
      <c r="Y2988" s="10" t="s">
        <v>22</v>
      </c>
      <c r="Z2988" s="10" t="s">
        <v>22</v>
      </c>
    </row>
    <row r="2989" spans="1:26" ht="24" customHeight="1" x14ac:dyDescent="0.2">
      <c r="A2989" s="9" t="s">
        <v>20231</v>
      </c>
      <c r="B2989" s="9" t="s">
        <v>14</v>
      </c>
      <c r="C2989" s="9" t="s">
        <v>16829</v>
      </c>
      <c r="D2989" s="6" t="s">
        <v>16830</v>
      </c>
      <c r="E2989" s="22">
        <v>45474</v>
      </c>
      <c r="F2989" s="22">
        <v>47299</v>
      </c>
      <c r="G2989" s="6" t="s">
        <v>16831</v>
      </c>
      <c r="H2989" s="6" t="s">
        <v>18</v>
      </c>
      <c r="I2989" s="6" t="s">
        <v>26</v>
      </c>
      <c r="J2989" s="6" t="s">
        <v>16832</v>
      </c>
      <c r="L2989" s="10" t="s">
        <v>22</v>
      </c>
      <c r="M2989" s="10" t="s">
        <v>22</v>
      </c>
      <c r="N2989" s="10" t="s">
        <v>22</v>
      </c>
      <c r="O2989" s="10" t="s">
        <v>22</v>
      </c>
      <c r="P2989" s="10" t="s">
        <v>22</v>
      </c>
      <c r="Q2989" s="10" t="s">
        <v>22</v>
      </c>
      <c r="R2989" s="10" t="s">
        <v>22</v>
      </c>
      <c r="S2989" s="10" t="s">
        <v>22</v>
      </c>
      <c r="T2989" s="10" t="s">
        <v>22</v>
      </c>
      <c r="U2989" s="10" t="s">
        <v>22</v>
      </c>
      <c r="V2989" s="10" t="s">
        <v>22</v>
      </c>
      <c r="W2989" s="10" t="s">
        <v>22</v>
      </c>
      <c r="X2989" s="10" t="s">
        <v>22</v>
      </c>
      <c r="Y2989" s="10" t="s">
        <v>22</v>
      </c>
      <c r="Z2989" s="10" t="s">
        <v>22</v>
      </c>
    </row>
    <row r="2990" spans="1:26" ht="24" customHeight="1" x14ac:dyDescent="0.2">
      <c r="A2990" s="9" t="s">
        <v>20232</v>
      </c>
      <c r="B2990" s="9" t="s">
        <v>14</v>
      </c>
      <c r="C2990" s="9" t="s">
        <v>16833</v>
      </c>
      <c r="D2990" s="6" t="s">
        <v>16834</v>
      </c>
      <c r="E2990" s="22">
        <v>45474</v>
      </c>
      <c r="F2990" s="22">
        <v>47299</v>
      </c>
      <c r="G2990" s="6" t="s">
        <v>16835</v>
      </c>
      <c r="H2990" s="6" t="s">
        <v>1047</v>
      </c>
      <c r="I2990" s="6" t="s">
        <v>1048</v>
      </c>
      <c r="J2990" s="6" t="s">
        <v>16836</v>
      </c>
      <c r="M2990" s="10" t="s">
        <v>22</v>
      </c>
      <c r="N2990" s="10" t="s">
        <v>22</v>
      </c>
      <c r="P2990" s="10" t="s">
        <v>22</v>
      </c>
      <c r="Q2990" s="10" t="s">
        <v>22</v>
      </c>
      <c r="S2990" s="10" t="s">
        <v>22</v>
      </c>
      <c r="T2990" s="10" t="s">
        <v>22</v>
      </c>
      <c r="V2990" s="10" t="s">
        <v>22</v>
      </c>
      <c r="W2990" s="10" t="s">
        <v>22</v>
      </c>
      <c r="Y2990" s="10" t="s">
        <v>22</v>
      </c>
      <c r="Z2990" s="10" t="s">
        <v>22</v>
      </c>
    </row>
    <row r="2991" spans="1:26" ht="24" customHeight="1" x14ac:dyDescent="0.2">
      <c r="A2991" s="9" t="s">
        <v>20233</v>
      </c>
      <c r="B2991" s="9" t="s">
        <v>14</v>
      </c>
      <c r="C2991" s="9" t="s">
        <v>16837</v>
      </c>
      <c r="D2991" s="6" t="s">
        <v>16838</v>
      </c>
      <c r="E2991" s="22">
        <v>45474</v>
      </c>
      <c r="F2991" s="22">
        <v>47299</v>
      </c>
      <c r="G2991" s="6" t="s">
        <v>16839</v>
      </c>
      <c r="H2991" s="6" t="s">
        <v>18</v>
      </c>
      <c r="I2991" s="6" t="s">
        <v>19</v>
      </c>
      <c r="J2991" s="6" t="s">
        <v>16840</v>
      </c>
      <c r="L2991" s="10" t="s">
        <v>22</v>
      </c>
      <c r="M2991" s="10" t="s">
        <v>22</v>
      </c>
      <c r="N2991" s="10" t="s">
        <v>22</v>
      </c>
      <c r="O2991" s="10" t="s">
        <v>22</v>
      </c>
      <c r="P2991" s="10" t="s">
        <v>22</v>
      </c>
      <c r="Q2991" s="10" t="s">
        <v>22</v>
      </c>
      <c r="R2991" s="10" t="s">
        <v>22</v>
      </c>
      <c r="S2991" s="10" t="s">
        <v>22</v>
      </c>
      <c r="T2991" s="10" t="s">
        <v>22</v>
      </c>
      <c r="U2991" s="10" t="s">
        <v>22</v>
      </c>
      <c r="V2991" s="10" t="s">
        <v>22</v>
      </c>
      <c r="W2991" s="10" t="s">
        <v>22</v>
      </c>
      <c r="X2991" s="10" t="s">
        <v>22</v>
      </c>
      <c r="Y2991" s="10" t="s">
        <v>22</v>
      </c>
      <c r="Z2991" s="10" t="s">
        <v>22</v>
      </c>
    </row>
    <row r="2992" spans="1:26" ht="24" customHeight="1" x14ac:dyDescent="0.2">
      <c r="A2992" s="9" t="s">
        <v>20234</v>
      </c>
      <c r="B2992" s="9" t="s">
        <v>14</v>
      </c>
      <c r="C2992" s="9" t="s">
        <v>16841</v>
      </c>
      <c r="D2992" s="6" t="s">
        <v>9334</v>
      </c>
      <c r="E2992" s="22">
        <v>45476</v>
      </c>
      <c r="F2992" s="22">
        <v>47301</v>
      </c>
      <c r="G2992" s="6" t="s">
        <v>9335</v>
      </c>
      <c r="H2992" s="6" t="s">
        <v>18</v>
      </c>
      <c r="I2992" s="6" t="s">
        <v>19</v>
      </c>
      <c r="J2992" s="6" t="s">
        <v>9336</v>
      </c>
      <c r="L2992" s="10" t="s">
        <v>22</v>
      </c>
      <c r="M2992" s="10" t="s">
        <v>22</v>
      </c>
      <c r="N2992" s="10" t="s">
        <v>22</v>
      </c>
      <c r="O2992" s="10" t="s">
        <v>22</v>
      </c>
      <c r="P2992" s="10" t="s">
        <v>22</v>
      </c>
      <c r="Q2992" s="10" t="s">
        <v>22</v>
      </c>
      <c r="R2992" s="10" t="s">
        <v>22</v>
      </c>
      <c r="S2992" s="10" t="s">
        <v>22</v>
      </c>
      <c r="T2992" s="10" t="s">
        <v>22</v>
      </c>
      <c r="U2992" s="10" t="s">
        <v>22</v>
      </c>
      <c r="V2992" s="10" t="s">
        <v>22</v>
      </c>
      <c r="W2992" s="10" t="s">
        <v>22</v>
      </c>
      <c r="X2992" s="10" t="s">
        <v>22</v>
      </c>
      <c r="Y2992" s="10" t="s">
        <v>22</v>
      </c>
      <c r="Z2992" s="10" t="s">
        <v>22</v>
      </c>
    </row>
    <row r="2993" spans="1:26" ht="24" customHeight="1" x14ac:dyDescent="0.2">
      <c r="A2993" s="9" t="s">
        <v>20235</v>
      </c>
      <c r="B2993" s="9" t="s">
        <v>14</v>
      </c>
      <c r="C2993" s="9" t="s">
        <v>16842</v>
      </c>
      <c r="D2993" s="6" t="s">
        <v>16843</v>
      </c>
      <c r="E2993" s="22">
        <v>45481</v>
      </c>
      <c r="F2993" s="22">
        <v>47306</v>
      </c>
      <c r="G2993" s="6" t="s">
        <v>16844</v>
      </c>
      <c r="H2993" s="6" t="s">
        <v>2029</v>
      </c>
      <c r="I2993" s="6" t="s">
        <v>16845</v>
      </c>
      <c r="J2993" s="6" t="s">
        <v>16846</v>
      </c>
      <c r="L2993" s="10" t="s">
        <v>22</v>
      </c>
      <c r="M2993" s="10" t="s">
        <v>22</v>
      </c>
      <c r="N2993" s="10" t="s">
        <v>22</v>
      </c>
      <c r="O2993" s="10" t="s">
        <v>22</v>
      </c>
      <c r="P2993" s="10" t="s">
        <v>22</v>
      </c>
      <c r="Q2993" s="10" t="s">
        <v>22</v>
      </c>
      <c r="R2993" s="10" t="s">
        <v>22</v>
      </c>
      <c r="S2993" s="10" t="s">
        <v>22</v>
      </c>
      <c r="T2993" s="10" t="s">
        <v>22</v>
      </c>
      <c r="U2993" s="10" t="s">
        <v>22</v>
      </c>
      <c r="V2993" s="10" t="s">
        <v>22</v>
      </c>
      <c r="W2993" s="10" t="s">
        <v>22</v>
      </c>
      <c r="X2993" s="10" t="s">
        <v>22</v>
      </c>
      <c r="Y2993" s="10" t="s">
        <v>22</v>
      </c>
      <c r="Z2993" s="10" t="s">
        <v>22</v>
      </c>
    </row>
    <row r="2994" spans="1:26" ht="24" customHeight="1" x14ac:dyDescent="0.2">
      <c r="A2994" s="9" t="s">
        <v>20236</v>
      </c>
      <c r="B2994" s="9" t="s">
        <v>14</v>
      </c>
      <c r="C2994" s="9" t="s">
        <v>16847</v>
      </c>
      <c r="D2994" s="6" t="s">
        <v>16848</v>
      </c>
      <c r="E2994" s="22">
        <v>45481</v>
      </c>
      <c r="F2994" s="22">
        <v>47306</v>
      </c>
      <c r="G2994" s="6" t="s">
        <v>16849</v>
      </c>
      <c r="H2994" s="6" t="s">
        <v>18</v>
      </c>
      <c r="I2994" s="6" t="s">
        <v>19</v>
      </c>
      <c r="J2994" s="6" t="s">
        <v>16850</v>
      </c>
      <c r="L2994" s="10" t="s">
        <v>22</v>
      </c>
      <c r="M2994" s="10" t="s">
        <v>22</v>
      </c>
      <c r="N2994" s="10" t="s">
        <v>22</v>
      </c>
      <c r="O2994" s="10" t="s">
        <v>22</v>
      </c>
      <c r="P2994" s="10" t="s">
        <v>22</v>
      </c>
      <c r="Q2994" s="10" t="s">
        <v>22</v>
      </c>
      <c r="R2994" s="10" t="s">
        <v>22</v>
      </c>
      <c r="S2994" s="10" t="s">
        <v>22</v>
      </c>
      <c r="T2994" s="10" t="s">
        <v>22</v>
      </c>
      <c r="U2994" s="10" t="s">
        <v>22</v>
      </c>
      <c r="V2994" s="10" t="s">
        <v>22</v>
      </c>
      <c r="W2994" s="10" t="s">
        <v>22</v>
      </c>
      <c r="X2994" s="10" t="s">
        <v>22</v>
      </c>
      <c r="Y2994" s="10" t="s">
        <v>22</v>
      </c>
      <c r="Z2994" s="10" t="s">
        <v>22</v>
      </c>
    </row>
    <row r="2995" spans="1:26" ht="24" customHeight="1" x14ac:dyDescent="0.2">
      <c r="A2995" s="9" t="s">
        <v>20237</v>
      </c>
      <c r="B2995" s="9" t="s">
        <v>14</v>
      </c>
      <c r="C2995" s="9" t="s">
        <v>16851</v>
      </c>
      <c r="D2995" s="6" t="s">
        <v>16852</v>
      </c>
      <c r="E2995" s="22">
        <v>45485</v>
      </c>
      <c r="F2995" s="22">
        <v>47310</v>
      </c>
      <c r="G2995" s="6" t="s">
        <v>16853</v>
      </c>
      <c r="H2995" s="6" t="s">
        <v>18</v>
      </c>
      <c r="I2995" s="6" t="s">
        <v>19</v>
      </c>
      <c r="J2995" s="6" t="s">
        <v>16854</v>
      </c>
      <c r="L2995" s="10" t="s">
        <v>22</v>
      </c>
      <c r="M2995" s="10" t="s">
        <v>22</v>
      </c>
      <c r="N2995" s="10" t="s">
        <v>22</v>
      </c>
      <c r="O2995" s="10" t="s">
        <v>22</v>
      </c>
      <c r="P2995" s="10" t="s">
        <v>22</v>
      </c>
      <c r="Q2995" s="10" t="s">
        <v>22</v>
      </c>
      <c r="R2995" s="10" t="s">
        <v>22</v>
      </c>
      <c r="S2995" s="10" t="s">
        <v>22</v>
      </c>
      <c r="T2995" s="10" t="s">
        <v>22</v>
      </c>
      <c r="U2995" s="10" t="s">
        <v>22</v>
      </c>
      <c r="V2995" s="10" t="s">
        <v>22</v>
      </c>
      <c r="W2995" s="10" t="s">
        <v>22</v>
      </c>
      <c r="X2995" s="10" t="s">
        <v>22</v>
      </c>
      <c r="Y2995" s="10" t="s">
        <v>22</v>
      </c>
      <c r="Z2995" s="10" t="s">
        <v>22</v>
      </c>
    </row>
    <row r="2996" spans="1:26" ht="24" customHeight="1" x14ac:dyDescent="0.2">
      <c r="A2996" s="9" t="s">
        <v>20238</v>
      </c>
      <c r="B2996" s="9" t="s">
        <v>14</v>
      </c>
      <c r="C2996" s="9" t="s">
        <v>16855</v>
      </c>
      <c r="D2996" s="6" t="s">
        <v>16856</v>
      </c>
      <c r="E2996" s="22">
        <v>45485</v>
      </c>
      <c r="F2996" s="22">
        <v>47310</v>
      </c>
      <c r="G2996" s="6" t="s">
        <v>16857</v>
      </c>
      <c r="H2996" s="6" t="s">
        <v>18</v>
      </c>
      <c r="I2996" s="6" t="s">
        <v>19</v>
      </c>
      <c r="J2996" s="6" t="s">
        <v>16858</v>
      </c>
      <c r="M2996" s="10" t="s">
        <v>22</v>
      </c>
      <c r="N2996" s="10" t="s">
        <v>22</v>
      </c>
      <c r="V2996" s="10" t="s">
        <v>22</v>
      </c>
      <c r="W2996" s="10" t="s">
        <v>22</v>
      </c>
    </row>
    <row r="2997" spans="1:26" ht="24" customHeight="1" x14ac:dyDescent="0.2">
      <c r="A2997" s="9" t="s">
        <v>20239</v>
      </c>
      <c r="B2997" s="9" t="s">
        <v>14</v>
      </c>
      <c r="C2997" s="9" t="s">
        <v>16859</v>
      </c>
      <c r="D2997" s="6" t="s">
        <v>16860</v>
      </c>
      <c r="E2997" s="22">
        <v>45485</v>
      </c>
      <c r="F2997" s="22">
        <v>47310</v>
      </c>
      <c r="G2997" s="6" t="s">
        <v>16861</v>
      </c>
      <c r="H2997" s="6" t="s">
        <v>1625</v>
      </c>
      <c r="I2997" s="6" t="s">
        <v>3160</v>
      </c>
      <c r="J2997" s="6" t="s">
        <v>16862</v>
      </c>
      <c r="L2997" s="10" t="s">
        <v>22</v>
      </c>
      <c r="M2997" s="10" t="s">
        <v>22</v>
      </c>
      <c r="N2997" s="10" t="s">
        <v>22</v>
      </c>
      <c r="O2997" s="10" t="s">
        <v>22</v>
      </c>
      <c r="P2997" s="10" t="s">
        <v>22</v>
      </c>
      <c r="R2997" s="10" t="s">
        <v>22</v>
      </c>
      <c r="S2997" s="10" t="s">
        <v>22</v>
      </c>
      <c r="U2997" s="10" t="s">
        <v>22</v>
      </c>
      <c r="V2997" s="10" t="s">
        <v>22</v>
      </c>
      <c r="W2997" s="10" t="s">
        <v>22</v>
      </c>
      <c r="X2997" s="10" t="s">
        <v>22</v>
      </c>
      <c r="Y2997" s="10" t="s">
        <v>22</v>
      </c>
      <c r="Z2997" s="10" t="s">
        <v>22</v>
      </c>
    </row>
    <row r="2998" spans="1:26" ht="24" customHeight="1" x14ac:dyDescent="0.2">
      <c r="A2998" s="9" t="s">
        <v>20240</v>
      </c>
      <c r="B2998" s="9" t="s">
        <v>14</v>
      </c>
      <c r="C2998" s="9" t="s">
        <v>16863</v>
      </c>
      <c r="D2998" s="6" t="s">
        <v>16864</v>
      </c>
      <c r="E2998" s="22">
        <v>45495</v>
      </c>
      <c r="F2998" s="22">
        <v>47320</v>
      </c>
      <c r="G2998" s="6" t="s">
        <v>16865</v>
      </c>
      <c r="H2998" s="6" t="s">
        <v>62</v>
      </c>
      <c r="I2998" s="6" t="s">
        <v>73</v>
      </c>
      <c r="J2998" s="6" t="s">
        <v>16866</v>
      </c>
      <c r="L2998" s="10" t="s">
        <v>22</v>
      </c>
      <c r="M2998" s="10" t="s">
        <v>22</v>
      </c>
      <c r="N2998" s="10" t="s">
        <v>22</v>
      </c>
      <c r="O2998" s="10" t="s">
        <v>22</v>
      </c>
      <c r="P2998" s="10" t="s">
        <v>22</v>
      </c>
      <c r="Q2998" s="10" t="s">
        <v>22</v>
      </c>
      <c r="R2998" s="10" t="s">
        <v>22</v>
      </c>
      <c r="S2998" s="10" t="s">
        <v>22</v>
      </c>
      <c r="T2998" s="10" t="s">
        <v>22</v>
      </c>
      <c r="U2998" s="10" t="s">
        <v>22</v>
      </c>
      <c r="V2998" s="10" t="s">
        <v>22</v>
      </c>
      <c r="W2998" s="10" t="s">
        <v>22</v>
      </c>
      <c r="X2998" s="10" t="s">
        <v>22</v>
      </c>
      <c r="Y2998" s="10" t="s">
        <v>22</v>
      </c>
      <c r="Z2998" s="10" t="s">
        <v>22</v>
      </c>
    </row>
    <row r="2999" spans="1:26" ht="24" customHeight="1" x14ac:dyDescent="0.2">
      <c r="A2999" s="9" t="s">
        <v>20241</v>
      </c>
      <c r="B2999" s="9" t="s">
        <v>14</v>
      </c>
      <c r="C2999" s="9" t="s">
        <v>16867</v>
      </c>
      <c r="D2999" s="6" t="s">
        <v>16868</v>
      </c>
      <c r="E2999" s="22">
        <v>45495</v>
      </c>
      <c r="F2999" s="22">
        <v>47320</v>
      </c>
      <c r="G2999" s="6" t="s">
        <v>16869</v>
      </c>
      <c r="H2999" s="6" t="s">
        <v>62</v>
      </c>
      <c r="I2999" s="6" t="s">
        <v>414</v>
      </c>
      <c r="J2999" s="6" t="s">
        <v>16870</v>
      </c>
      <c r="M2999" s="10" t="s">
        <v>22</v>
      </c>
      <c r="N2999" s="10" t="s">
        <v>22</v>
      </c>
      <c r="V2999" s="10" t="s">
        <v>22</v>
      </c>
      <c r="W2999" s="10" t="s">
        <v>22</v>
      </c>
    </row>
    <row r="3000" spans="1:26" ht="24" customHeight="1" x14ac:dyDescent="0.2">
      <c r="A3000" s="9" t="s">
        <v>20242</v>
      </c>
      <c r="B3000" s="9" t="s">
        <v>14</v>
      </c>
      <c r="C3000" s="9" t="s">
        <v>16871</v>
      </c>
      <c r="D3000" s="6" t="s">
        <v>16872</v>
      </c>
      <c r="E3000" s="22">
        <v>45503</v>
      </c>
      <c r="F3000" s="22">
        <v>47328</v>
      </c>
      <c r="G3000" s="6" t="s">
        <v>16873</v>
      </c>
      <c r="H3000" s="6" t="s">
        <v>202</v>
      </c>
      <c r="I3000" s="6" t="s">
        <v>3799</v>
      </c>
      <c r="J3000" s="6" t="s">
        <v>16874</v>
      </c>
      <c r="L3000" s="10" t="s">
        <v>22</v>
      </c>
      <c r="M3000" s="10" t="s">
        <v>22</v>
      </c>
      <c r="N3000" s="10" t="s">
        <v>22</v>
      </c>
      <c r="O3000" s="10" t="s">
        <v>22</v>
      </c>
      <c r="P3000" s="10" t="s">
        <v>22</v>
      </c>
      <c r="Q3000" s="10" t="s">
        <v>22</v>
      </c>
      <c r="U3000" s="10" t="s">
        <v>22</v>
      </c>
      <c r="V3000" s="10" t="s">
        <v>22</v>
      </c>
      <c r="W3000" s="10" t="s">
        <v>22</v>
      </c>
      <c r="X3000" s="10" t="s">
        <v>22</v>
      </c>
      <c r="Y3000" s="10" t="s">
        <v>22</v>
      </c>
      <c r="Z3000" s="10" t="s">
        <v>22</v>
      </c>
    </row>
    <row r="3001" spans="1:26" ht="24" customHeight="1" x14ac:dyDescent="0.2">
      <c r="A3001" s="9" t="s">
        <v>20243</v>
      </c>
      <c r="B3001" s="9" t="s">
        <v>14</v>
      </c>
      <c r="C3001" s="9" t="s">
        <v>16875</v>
      </c>
      <c r="D3001" s="6" t="s">
        <v>16876</v>
      </c>
      <c r="E3001" s="22">
        <v>45509</v>
      </c>
      <c r="F3001" s="22">
        <v>47334</v>
      </c>
      <c r="G3001" s="6" t="s">
        <v>16877</v>
      </c>
      <c r="H3001" s="6" t="s">
        <v>2368</v>
      </c>
      <c r="I3001" s="6" t="s">
        <v>2369</v>
      </c>
      <c r="J3001" s="6" t="s">
        <v>16878</v>
      </c>
      <c r="O3001" s="10" t="s">
        <v>22</v>
      </c>
      <c r="P3001" s="10" t="s">
        <v>22</v>
      </c>
      <c r="Q3001" s="10" t="s">
        <v>22</v>
      </c>
      <c r="X3001" s="10" t="s">
        <v>22</v>
      </c>
      <c r="Y3001" s="10" t="s">
        <v>22</v>
      </c>
      <c r="Z3001" s="10" t="s">
        <v>22</v>
      </c>
    </row>
    <row r="3002" spans="1:26" ht="24" customHeight="1" x14ac:dyDescent="0.2">
      <c r="A3002" s="9" t="s">
        <v>20244</v>
      </c>
      <c r="B3002" s="9" t="s">
        <v>14</v>
      </c>
      <c r="C3002" s="9" t="s">
        <v>16879</v>
      </c>
      <c r="D3002" s="6" t="s">
        <v>16880</v>
      </c>
      <c r="E3002" s="22">
        <v>45517</v>
      </c>
      <c r="F3002" s="22">
        <v>47342</v>
      </c>
      <c r="G3002" s="6" t="s">
        <v>16881</v>
      </c>
      <c r="H3002" s="6" t="s">
        <v>202</v>
      </c>
      <c r="I3002" s="6" t="s">
        <v>336</v>
      </c>
      <c r="J3002" s="6" t="s">
        <v>16882</v>
      </c>
      <c r="L3002" s="10" t="s">
        <v>22</v>
      </c>
      <c r="M3002" s="10" t="s">
        <v>22</v>
      </c>
      <c r="N3002" s="10" t="s">
        <v>22</v>
      </c>
      <c r="O3002" s="10" t="s">
        <v>22</v>
      </c>
      <c r="P3002" s="10" t="s">
        <v>22</v>
      </c>
      <c r="Q3002" s="10" t="s">
        <v>22</v>
      </c>
    </row>
    <row r="3003" spans="1:26" ht="24" customHeight="1" x14ac:dyDescent="0.2">
      <c r="A3003" s="9" t="s">
        <v>20245</v>
      </c>
      <c r="B3003" s="9" t="s">
        <v>14</v>
      </c>
      <c r="C3003" s="9" t="s">
        <v>16883</v>
      </c>
      <c r="D3003" s="6" t="s">
        <v>16884</v>
      </c>
      <c r="E3003" s="22">
        <v>45517</v>
      </c>
      <c r="F3003" s="22">
        <v>47342</v>
      </c>
      <c r="G3003" s="6" t="s">
        <v>16885</v>
      </c>
      <c r="H3003" s="6" t="s">
        <v>62</v>
      </c>
      <c r="I3003" s="6" t="s">
        <v>1225</v>
      </c>
      <c r="J3003" s="6" t="s">
        <v>16886</v>
      </c>
      <c r="L3003" s="10" t="s">
        <v>22</v>
      </c>
      <c r="M3003" s="10" t="s">
        <v>22</v>
      </c>
      <c r="N3003" s="10" t="s">
        <v>22</v>
      </c>
      <c r="O3003" s="10" t="s">
        <v>22</v>
      </c>
      <c r="P3003" s="10" t="s">
        <v>22</v>
      </c>
      <c r="Q3003" s="10" t="s">
        <v>22</v>
      </c>
      <c r="R3003" s="10" t="s">
        <v>22</v>
      </c>
      <c r="S3003" s="10" t="s">
        <v>22</v>
      </c>
      <c r="T3003" s="10" t="s">
        <v>22</v>
      </c>
      <c r="U3003" s="10" t="s">
        <v>22</v>
      </c>
      <c r="V3003" s="10" t="s">
        <v>22</v>
      </c>
      <c r="W3003" s="10" t="s">
        <v>22</v>
      </c>
      <c r="X3003" s="10" t="s">
        <v>22</v>
      </c>
      <c r="Y3003" s="10" t="s">
        <v>22</v>
      </c>
      <c r="Z3003" s="10" t="s">
        <v>22</v>
      </c>
    </row>
    <row r="3004" spans="1:26" ht="24" customHeight="1" x14ac:dyDescent="0.2">
      <c r="A3004" s="9" t="s">
        <v>20246</v>
      </c>
      <c r="B3004" s="9" t="s">
        <v>14</v>
      </c>
      <c r="C3004" s="9" t="s">
        <v>16887</v>
      </c>
      <c r="D3004" s="6" t="s">
        <v>16888</v>
      </c>
      <c r="E3004" s="22">
        <v>45512</v>
      </c>
      <c r="F3004" s="22">
        <v>47337</v>
      </c>
      <c r="G3004" s="6" t="s">
        <v>16889</v>
      </c>
      <c r="H3004" s="6" t="s">
        <v>363</v>
      </c>
      <c r="I3004" s="6" t="s">
        <v>646</v>
      </c>
      <c r="J3004" s="6" t="s">
        <v>16890</v>
      </c>
      <c r="L3004" s="10" t="s">
        <v>22</v>
      </c>
      <c r="M3004" s="10" t="s">
        <v>22</v>
      </c>
      <c r="N3004" s="10" t="s">
        <v>22</v>
      </c>
      <c r="O3004" s="10" t="s">
        <v>22</v>
      </c>
      <c r="P3004" s="10" t="s">
        <v>22</v>
      </c>
      <c r="Q3004" s="10" t="s">
        <v>22</v>
      </c>
      <c r="R3004" s="10" t="s">
        <v>22</v>
      </c>
      <c r="S3004" s="10" t="s">
        <v>22</v>
      </c>
      <c r="T3004" s="10" t="s">
        <v>22</v>
      </c>
      <c r="U3004" s="10" t="s">
        <v>22</v>
      </c>
      <c r="V3004" s="10" t="s">
        <v>22</v>
      </c>
      <c r="W3004" s="10" t="s">
        <v>22</v>
      </c>
      <c r="X3004" s="10" t="s">
        <v>22</v>
      </c>
      <c r="Y3004" s="10" t="s">
        <v>22</v>
      </c>
      <c r="Z3004" s="10" t="s">
        <v>22</v>
      </c>
    </row>
    <row r="3005" spans="1:26" ht="24" customHeight="1" x14ac:dyDescent="0.2">
      <c r="A3005" s="9" t="s">
        <v>20247</v>
      </c>
      <c r="B3005" s="9" t="s">
        <v>14</v>
      </c>
      <c r="C3005" s="9" t="s">
        <v>16891</v>
      </c>
      <c r="D3005" s="6" t="s">
        <v>16892</v>
      </c>
      <c r="E3005" s="22">
        <v>45517</v>
      </c>
      <c r="F3005" s="22">
        <v>47342</v>
      </c>
      <c r="G3005" s="6" t="s">
        <v>16893</v>
      </c>
      <c r="H3005" s="6" t="s">
        <v>62</v>
      </c>
      <c r="I3005" s="6" t="s">
        <v>4879</v>
      </c>
      <c r="J3005" s="6" t="s">
        <v>16894</v>
      </c>
      <c r="L3005" s="10" t="s">
        <v>22</v>
      </c>
      <c r="M3005" s="10" t="s">
        <v>22</v>
      </c>
      <c r="N3005" s="10" t="s">
        <v>22</v>
      </c>
      <c r="O3005" s="10" t="s">
        <v>22</v>
      </c>
      <c r="P3005" s="10" t="s">
        <v>22</v>
      </c>
      <c r="Q3005" s="10" t="s">
        <v>22</v>
      </c>
      <c r="R3005" s="10" t="s">
        <v>22</v>
      </c>
      <c r="S3005" s="10" t="s">
        <v>22</v>
      </c>
      <c r="T3005" s="10" t="s">
        <v>22</v>
      </c>
      <c r="U3005" s="10" t="s">
        <v>22</v>
      </c>
      <c r="V3005" s="10" t="s">
        <v>22</v>
      </c>
      <c r="W3005" s="10" t="s">
        <v>22</v>
      </c>
      <c r="X3005" s="10" t="s">
        <v>22</v>
      </c>
      <c r="Y3005" s="10" t="s">
        <v>22</v>
      </c>
      <c r="Z3005" s="10" t="s">
        <v>22</v>
      </c>
    </row>
    <row r="3006" spans="1:26" ht="24" customHeight="1" x14ac:dyDescent="0.2">
      <c r="A3006" s="9" t="s">
        <v>20248</v>
      </c>
      <c r="B3006" s="9" t="s">
        <v>14</v>
      </c>
      <c r="C3006" s="9" t="s">
        <v>16895</v>
      </c>
      <c r="D3006" s="6" t="s">
        <v>16896</v>
      </c>
      <c r="E3006" s="22">
        <v>45517</v>
      </c>
      <c r="F3006" s="22">
        <v>47342</v>
      </c>
      <c r="G3006" s="6" t="s">
        <v>16896</v>
      </c>
      <c r="H3006" s="6" t="s">
        <v>62</v>
      </c>
      <c r="I3006" s="6" t="s">
        <v>1433</v>
      </c>
      <c r="J3006" s="6" t="s">
        <v>16897</v>
      </c>
      <c r="L3006" s="10" t="s">
        <v>22</v>
      </c>
      <c r="M3006" s="10" t="s">
        <v>22</v>
      </c>
      <c r="N3006" s="10" t="s">
        <v>22</v>
      </c>
      <c r="O3006" s="10" t="s">
        <v>22</v>
      </c>
      <c r="P3006" s="10" t="s">
        <v>22</v>
      </c>
      <c r="Q3006" s="10" t="s">
        <v>22</v>
      </c>
      <c r="R3006" s="10" t="s">
        <v>22</v>
      </c>
      <c r="S3006" s="10" t="s">
        <v>22</v>
      </c>
      <c r="T3006" s="10" t="s">
        <v>22</v>
      </c>
      <c r="U3006" s="10" t="s">
        <v>22</v>
      </c>
      <c r="V3006" s="10" t="s">
        <v>22</v>
      </c>
      <c r="W3006" s="10" t="s">
        <v>22</v>
      </c>
      <c r="X3006" s="10" t="s">
        <v>22</v>
      </c>
      <c r="Y3006" s="10" t="s">
        <v>22</v>
      </c>
      <c r="Z3006" s="10" t="s">
        <v>22</v>
      </c>
    </row>
    <row r="3007" spans="1:26" ht="24" customHeight="1" x14ac:dyDescent="0.2">
      <c r="A3007" s="9" t="s">
        <v>20249</v>
      </c>
      <c r="B3007" s="9" t="s">
        <v>14</v>
      </c>
      <c r="C3007" s="9" t="s">
        <v>16898</v>
      </c>
      <c r="D3007" s="6" t="s">
        <v>16899</v>
      </c>
      <c r="E3007" s="22">
        <v>45517</v>
      </c>
      <c r="F3007" s="22">
        <v>47342</v>
      </c>
      <c r="G3007" s="6" t="s">
        <v>16900</v>
      </c>
      <c r="H3007" s="6" t="s">
        <v>202</v>
      </c>
      <c r="I3007" s="6" t="s">
        <v>336</v>
      </c>
      <c r="J3007" s="6" t="s">
        <v>16901</v>
      </c>
      <c r="L3007" s="10" t="s">
        <v>22</v>
      </c>
      <c r="M3007" s="10" t="s">
        <v>22</v>
      </c>
      <c r="N3007" s="10" t="s">
        <v>22</v>
      </c>
      <c r="O3007" s="10" t="s">
        <v>22</v>
      </c>
      <c r="P3007" s="10" t="s">
        <v>22</v>
      </c>
      <c r="Q3007" s="10" t="s">
        <v>22</v>
      </c>
      <c r="R3007" s="10" t="s">
        <v>22</v>
      </c>
      <c r="S3007" s="10" t="s">
        <v>22</v>
      </c>
      <c r="T3007" s="10" t="s">
        <v>22</v>
      </c>
      <c r="U3007" s="10" t="s">
        <v>22</v>
      </c>
      <c r="V3007" s="10" t="s">
        <v>22</v>
      </c>
      <c r="W3007" s="10" t="s">
        <v>22</v>
      </c>
      <c r="X3007" s="10" t="s">
        <v>22</v>
      </c>
      <c r="Y3007" s="10" t="s">
        <v>22</v>
      </c>
      <c r="Z3007" s="10" t="s">
        <v>22</v>
      </c>
    </row>
    <row r="3008" spans="1:26" ht="24" customHeight="1" x14ac:dyDescent="0.2">
      <c r="A3008" s="9" t="s">
        <v>20250</v>
      </c>
      <c r="B3008" s="9" t="s">
        <v>14</v>
      </c>
      <c r="C3008" s="9" t="s">
        <v>16902</v>
      </c>
      <c r="D3008" s="6" t="s">
        <v>16903</v>
      </c>
      <c r="E3008" s="22">
        <v>45518</v>
      </c>
      <c r="F3008" s="22">
        <v>47343</v>
      </c>
      <c r="G3008" s="6" t="s">
        <v>16904</v>
      </c>
      <c r="H3008" s="6" t="s">
        <v>18</v>
      </c>
      <c r="I3008" s="6" t="s">
        <v>19</v>
      </c>
      <c r="J3008" s="6" t="s">
        <v>16905</v>
      </c>
      <c r="L3008" s="10" t="s">
        <v>22</v>
      </c>
      <c r="M3008" s="10" t="s">
        <v>22</v>
      </c>
      <c r="N3008" s="10" t="s">
        <v>22</v>
      </c>
      <c r="O3008" s="10" t="s">
        <v>22</v>
      </c>
      <c r="P3008" s="10" t="s">
        <v>22</v>
      </c>
      <c r="Q3008" s="10" t="s">
        <v>22</v>
      </c>
      <c r="R3008" s="10" t="s">
        <v>22</v>
      </c>
      <c r="S3008" s="10" t="s">
        <v>22</v>
      </c>
      <c r="T3008" s="10" t="s">
        <v>22</v>
      </c>
    </row>
    <row r="3009" spans="1:26" ht="24" customHeight="1" x14ac:dyDescent="0.2">
      <c r="A3009" s="9" t="s">
        <v>20251</v>
      </c>
      <c r="B3009" s="9" t="s">
        <v>14</v>
      </c>
      <c r="C3009" s="9" t="s">
        <v>16906</v>
      </c>
      <c r="D3009" s="6" t="s">
        <v>16907</v>
      </c>
      <c r="E3009" s="22">
        <v>45520</v>
      </c>
      <c r="F3009" s="22">
        <v>47345</v>
      </c>
      <c r="G3009" s="6" t="s">
        <v>16908</v>
      </c>
      <c r="H3009" s="6" t="s">
        <v>62</v>
      </c>
      <c r="I3009" s="6" t="s">
        <v>186</v>
      </c>
      <c r="J3009" s="6" t="s">
        <v>16909</v>
      </c>
      <c r="L3009" s="10" t="s">
        <v>22</v>
      </c>
      <c r="M3009" s="10" t="s">
        <v>22</v>
      </c>
      <c r="N3009" s="10" t="s">
        <v>22</v>
      </c>
      <c r="U3009" s="10" t="s">
        <v>22</v>
      </c>
      <c r="V3009" s="10" t="s">
        <v>22</v>
      </c>
      <c r="W3009" s="10" t="s">
        <v>22</v>
      </c>
    </row>
    <row r="3010" spans="1:26" ht="24" customHeight="1" x14ac:dyDescent="0.2">
      <c r="A3010" s="9" t="s">
        <v>20252</v>
      </c>
      <c r="B3010" s="9" t="s">
        <v>14</v>
      </c>
      <c r="C3010" s="9" t="s">
        <v>16910</v>
      </c>
      <c r="D3010" s="6" t="s">
        <v>16911</v>
      </c>
      <c r="E3010" s="22">
        <v>45526</v>
      </c>
      <c r="F3010" s="22">
        <v>47351</v>
      </c>
      <c r="G3010" s="6" t="s">
        <v>16912</v>
      </c>
      <c r="H3010" s="6" t="s">
        <v>62</v>
      </c>
      <c r="I3010" s="6" t="s">
        <v>493</v>
      </c>
      <c r="J3010" s="6" t="s">
        <v>16913</v>
      </c>
      <c r="L3010" s="10" t="s">
        <v>22</v>
      </c>
      <c r="M3010" s="10" t="s">
        <v>22</v>
      </c>
      <c r="N3010" s="10" t="s">
        <v>22</v>
      </c>
      <c r="O3010" s="10" t="s">
        <v>22</v>
      </c>
      <c r="P3010" s="10" t="s">
        <v>22</v>
      </c>
      <c r="Q3010" s="10" t="s">
        <v>22</v>
      </c>
      <c r="R3010" s="10" t="s">
        <v>22</v>
      </c>
      <c r="S3010" s="10" t="s">
        <v>22</v>
      </c>
      <c r="T3010" s="10" t="s">
        <v>22</v>
      </c>
      <c r="U3010" s="10" t="s">
        <v>22</v>
      </c>
      <c r="V3010" s="10" t="s">
        <v>22</v>
      </c>
      <c r="W3010" s="10" t="s">
        <v>22</v>
      </c>
      <c r="X3010" s="10" t="s">
        <v>22</v>
      </c>
      <c r="Y3010" s="10" t="s">
        <v>22</v>
      </c>
      <c r="Z3010" s="10" t="s">
        <v>22</v>
      </c>
    </row>
    <row r="3011" spans="1:26" ht="24" customHeight="1" x14ac:dyDescent="0.2">
      <c r="A3011" s="9" t="s">
        <v>20253</v>
      </c>
      <c r="B3011" s="9" t="s">
        <v>14</v>
      </c>
      <c r="C3011" s="9" t="s">
        <v>16914</v>
      </c>
      <c r="D3011" s="6" t="s">
        <v>16915</v>
      </c>
      <c r="E3011" s="22">
        <v>45526</v>
      </c>
      <c r="F3011" s="22">
        <v>47351</v>
      </c>
      <c r="G3011" s="6" t="s">
        <v>16916</v>
      </c>
      <c r="H3011" s="6" t="s">
        <v>18</v>
      </c>
      <c r="I3011" s="6" t="s">
        <v>19</v>
      </c>
      <c r="J3011" s="6" t="s">
        <v>16917</v>
      </c>
      <c r="L3011" s="10" t="s">
        <v>22</v>
      </c>
      <c r="M3011" s="10" t="s">
        <v>22</v>
      </c>
      <c r="N3011" s="10" t="s">
        <v>22</v>
      </c>
      <c r="O3011" s="10" t="s">
        <v>22</v>
      </c>
      <c r="P3011" s="10" t="s">
        <v>22</v>
      </c>
      <c r="Q3011" s="10" t="s">
        <v>22</v>
      </c>
      <c r="R3011" s="10" t="s">
        <v>22</v>
      </c>
      <c r="S3011" s="10" t="s">
        <v>22</v>
      </c>
      <c r="T3011" s="10" t="s">
        <v>22</v>
      </c>
      <c r="U3011" s="10" t="s">
        <v>22</v>
      </c>
      <c r="V3011" s="10" t="s">
        <v>22</v>
      </c>
      <c r="W3011" s="10" t="s">
        <v>22</v>
      </c>
      <c r="X3011" s="10" t="s">
        <v>22</v>
      </c>
      <c r="Y3011" s="10" t="s">
        <v>22</v>
      </c>
      <c r="Z3011" s="10" t="s">
        <v>22</v>
      </c>
    </row>
    <row r="3012" spans="1:26" ht="24" customHeight="1" x14ac:dyDescent="0.2">
      <c r="A3012" s="9" t="s">
        <v>20254</v>
      </c>
      <c r="B3012" s="9" t="s">
        <v>14</v>
      </c>
      <c r="C3012" s="9" t="s">
        <v>16918</v>
      </c>
      <c r="D3012" s="6" t="s">
        <v>16919</v>
      </c>
      <c r="E3012" s="22">
        <v>45526</v>
      </c>
      <c r="F3012" s="22">
        <v>47351</v>
      </c>
      <c r="G3012" s="6" t="s">
        <v>16920</v>
      </c>
      <c r="H3012" s="6" t="s">
        <v>202</v>
      </c>
      <c r="I3012" s="6" t="s">
        <v>336</v>
      </c>
      <c r="J3012" s="6" t="s">
        <v>16921</v>
      </c>
      <c r="L3012" s="10" t="s">
        <v>22</v>
      </c>
      <c r="M3012" s="10" t="s">
        <v>22</v>
      </c>
      <c r="N3012" s="10" t="s">
        <v>22</v>
      </c>
      <c r="O3012" s="10" t="s">
        <v>22</v>
      </c>
      <c r="P3012" s="10" t="s">
        <v>22</v>
      </c>
      <c r="Q3012" s="10" t="s">
        <v>22</v>
      </c>
      <c r="R3012" s="10" t="s">
        <v>22</v>
      </c>
      <c r="S3012" s="10" t="s">
        <v>22</v>
      </c>
      <c r="T3012" s="10" t="s">
        <v>22</v>
      </c>
      <c r="U3012" s="10" t="s">
        <v>22</v>
      </c>
      <c r="V3012" s="10" t="s">
        <v>22</v>
      </c>
      <c r="W3012" s="10" t="s">
        <v>22</v>
      </c>
      <c r="X3012" s="10" t="s">
        <v>22</v>
      </c>
      <c r="Y3012" s="10" t="s">
        <v>22</v>
      </c>
      <c r="Z3012" s="10" t="s">
        <v>22</v>
      </c>
    </row>
    <row r="3013" spans="1:26" ht="24" customHeight="1" x14ac:dyDescent="0.2">
      <c r="A3013" s="9" t="s">
        <v>20255</v>
      </c>
      <c r="B3013" s="9" t="s">
        <v>14</v>
      </c>
      <c r="C3013" s="9" t="s">
        <v>16922</v>
      </c>
      <c r="D3013" s="6" t="s">
        <v>16923</v>
      </c>
      <c r="E3013" s="22">
        <v>45527</v>
      </c>
      <c r="F3013" s="22">
        <v>47352</v>
      </c>
      <c r="G3013" s="6" t="s">
        <v>16924</v>
      </c>
      <c r="H3013" s="6" t="s">
        <v>62</v>
      </c>
      <c r="I3013" s="6" t="s">
        <v>73</v>
      </c>
      <c r="J3013" s="6" t="s">
        <v>16925</v>
      </c>
      <c r="L3013" s="10" t="s">
        <v>22</v>
      </c>
      <c r="M3013" s="10" t="s">
        <v>22</v>
      </c>
      <c r="N3013" s="10" t="s">
        <v>22</v>
      </c>
      <c r="O3013" s="10" t="s">
        <v>22</v>
      </c>
      <c r="P3013" s="10" t="s">
        <v>22</v>
      </c>
      <c r="Q3013" s="10" t="s">
        <v>22</v>
      </c>
      <c r="R3013" s="10" t="s">
        <v>22</v>
      </c>
      <c r="S3013" s="10" t="s">
        <v>22</v>
      </c>
      <c r="T3013" s="10" t="s">
        <v>22</v>
      </c>
      <c r="U3013" s="10" t="s">
        <v>22</v>
      </c>
      <c r="V3013" s="10" t="s">
        <v>22</v>
      </c>
      <c r="W3013" s="10" t="s">
        <v>22</v>
      </c>
      <c r="X3013" s="10" t="s">
        <v>22</v>
      </c>
      <c r="Y3013" s="10" t="s">
        <v>22</v>
      </c>
      <c r="Z3013" s="10" t="s">
        <v>22</v>
      </c>
    </row>
    <row r="3014" spans="1:26" ht="24" customHeight="1" x14ac:dyDescent="0.2">
      <c r="A3014" s="9" t="s">
        <v>20256</v>
      </c>
      <c r="B3014" s="9" t="s">
        <v>14</v>
      </c>
      <c r="C3014" s="9" t="s">
        <v>16926</v>
      </c>
      <c r="D3014" s="6" t="s">
        <v>16927</v>
      </c>
      <c r="E3014" s="22">
        <v>45527</v>
      </c>
      <c r="F3014" s="22">
        <v>47352</v>
      </c>
      <c r="G3014" s="6" t="s">
        <v>16928</v>
      </c>
      <c r="H3014" s="6" t="s">
        <v>202</v>
      </c>
      <c r="I3014" s="6" t="s">
        <v>203</v>
      </c>
      <c r="J3014" s="6" t="s">
        <v>16929</v>
      </c>
      <c r="L3014" s="10" t="s">
        <v>22</v>
      </c>
      <c r="M3014" s="10" t="s">
        <v>22</v>
      </c>
      <c r="N3014" s="10" t="s">
        <v>22</v>
      </c>
      <c r="O3014" s="10" t="s">
        <v>22</v>
      </c>
      <c r="P3014" s="10" t="s">
        <v>22</v>
      </c>
      <c r="Q3014" s="10" t="s">
        <v>22</v>
      </c>
      <c r="R3014" s="10" t="s">
        <v>22</v>
      </c>
      <c r="S3014" s="10" t="s">
        <v>22</v>
      </c>
      <c r="T3014" s="10" t="s">
        <v>22</v>
      </c>
      <c r="U3014" s="10" t="s">
        <v>22</v>
      </c>
      <c r="V3014" s="10" t="s">
        <v>22</v>
      </c>
      <c r="W3014" s="10" t="s">
        <v>22</v>
      </c>
      <c r="X3014" s="10" t="s">
        <v>22</v>
      </c>
      <c r="Y3014" s="10" t="s">
        <v>22</v>
      </c>
      <c r="Z3014" s="10" t="s">
        <v>22</v>
      </c>
    </row>
    <row r="3015" spans="1:26" ht="24" customHeight="1" x14ac:dyDescent="0.2">
      <c r="A3015" s="9" t="s">
        <v>20257</v>
      </c>
      <c r="B3015" s="9" t="s">
        <v>14</v>
      </c>
      <c r="C3015" s="9" t="s">
        <v>16930</v>
      </c>
      <c r="D3015" s="6" t="s">
        <v>16931</v>
      </c>
      <c r="E3015" s="22">
        <v>45527</v>
      </c>
      <c r="F3015" s="22">
        <v>47352</v>
      </c>
      <c r="G3015" s="6" t="s">
        <v>16932</v>
      </c>
      <c r="H3015" s="6" t="s">
        <v>363</v>
      </c>
      <c r="I3015" s="6" t="s">
        <v>5865</v>
      </c>
      <c r="J3015" s="6" t="s">
        <v>16933</v>
      </c>
      <c r="L3015" s="10" t="s">
        <v>22</v>
      </c>
      <c r="M3015" s="10" t="s">
        <v>22</v>
      </c>
      <c r="N3015" s="10" t="s">
        <v>22</v>
      </c>
      <c r="O3015" s="10" t="s">
        <v>22</v>
      </c>
      <c r="P3015" s="10" t="s">
        <v>22</v>
      </c>
      <c r="Q3015" s="10" t="s">
        <v>22</v>
      </c>
      <c r="R3015" s="10" t="s">
        <v>22</v>
      </c>
      <c r="S3015" s="10" t="s">
        <v>22</v>
      </c>
      <c r="T3015" s="10" t="s">
        <v>22</v>
      </c>
      <c r="U3015" s="10" t="s">
        <v>22</v>
      </c>
      <c r="V3015" s="10" t="s">
        <v>22</v>
      </c>
      <c r="W3015" s="10" t="s">
        <v>22</v>
      </c>
      <c r="X3015" s="10" t="s">
        <v>22</v>
      </c>
      <c r="Y3015" s="10" t="s">
        <v>22</v>
      </c>
      <c r="Z3015" s="10" t="s">
        <v>22</v>
      </c>
    </row>
    <row r="3016" spans="1:26" ht="24" customHeight="1" x14ac:dyDescent="0.2">
      <c r="A3016" s="9" t="s">
        <v>20258</v>
      </c>
      <c r="B3016" s="9" t="s">
        <v>14</v>
      </c>
      <c r="C3016" s="9" t="s">
        <v>16934</v>
      </c>
      <c r="D3016" s="6" t="s">
        <v>16935</v>
      </c>
      <c r="E3016" s="22">
        <v>45537</v>
      </c>
      <c r="F3016" s="22">
        <v>47362</v>
      </c>
      <c r="G3016" s="6" t="s">
        <v>16936</v>
      </c>
      <c r="H3016" s="6" t="s">
        <v>18</v>
      </c>
      <c r="I3016" s="6" t="s">
        <v>19</v>
      </c>
      <c r="J3016" s="6" t="s">
        <v>16937</v>
      </c>
      <c r="L3016" s="10" t="s">
        <v>22</v>
      </c>
      <c r="M3016" s="10" t="s">
        <v>22</v>
      </c>
      <c r="N3016" s="10" t="s">
        <v>22</v>
      </c>
      <c r="O3016" s="10" t="s">
        <v>22</v>
      </c>
      <c r="P3016" s="10" t="s">
        <v>22</v>
      </c>
      <c r="Q3016" s="10" t="s">
        <v>22</v>
      </c>
      <c r="R3016" s="10" t="s">
        <v>22</v>
      </c>
      <c r="S3016" s="10" t="s">
        <v>22</v>
      </c>
      <c r="T3016" s="10" t="s">
        <v>22</v>
      </c>
      <c r="U3016" s="10" t="s">
        <v>22</v>
      </c>
      <c r="V3016" s="10" t="s">
        <v>22</v>
      </c>
      <c r="W3016" s="10" t="s">
        <v>22</v>
      </c>
      <c r="X3016" s="10" t="s">
        <v>22</v>
      </c>
      <c r="Y3016" s="10" t="s">
        <v>22</v>
      </c>
      <c r="Z3016" s="10" t="s">
        <v>22</v>
      </c>
    </row>
    <row r="3017" spans="1:26" ht="24" customHeight="1" x14ac:dyDescent="0.2">
      <c r="A3017" s="9" t="s">
        <v>20259</v>
      </c>
      <c r="B3017" s="9" t="s">
        <v>14</v>
      </c>
      <c r="C3017" s="9" t="s">
        <v>16938</v>
      </c>
      <c r="D3017" s="6" t="s">
        <v>16939</v>
      </c>
      <c r="E3017" s="22">
        <v>45530</v>
      </c>
      <c r="F3017" s="22">
        <v>47355</v>
      </c>
      <c r="G3017" s="6" t="s">
        <v>16940</v>
      </c>
      <c r="H3017" s="6" t="s">
        <v>62</v>
      </c>
      <c r="I3017" s="6" t="s">
        <v>8472</v>
      </c>
      <c r="J3017" s="6" t="s">
        <v>16941</v>
      </c>
      <c r="L3017" s="10" t="s">
        <v>22</v>
      </c>
      <c r="M3017" s="10" t="s">
        <v>22</v>
      </c>
      <c r="N3017" s="10" t="s">
        <v>22</v>
      </c>
      <c r="O3017" s="10" t="s">
        <v>22</v>
      </c>
      <c r="P3017" s="10" t="s">
        <v>22</v>
      </c>
      <c r="Q3017" s="10" t="s">
        <v>22</v>
      </c>
      <c r="R3017" s="10" t="s">
        <v>22</v>
      </c>
      <c r="S3017" s="10" t="s">
        <v>22</v>
      </c>
      <c r="T3017" s="10" t="s">
        <v>22</v>
      </c>
      <c r="U3017" s="10" t="s">
        <v>22</v>
      </c>
      <c r="V3017" s="10" t="s">
        <v>22</v>
      </c>
      <c r="W3017" s="10" t="s">
        <v>22</v>
      </c>
      <c r="X3017" s="10" t="s">
        <v>22</v>
      </c>
      <c r="Y3017" s="10" t="s">
        <v>22</v>
      </c>
      <c r="Z3017" s="10" t="s">
        <v>22</v>
      </c>
    </row>
    <row r="3018" spans="1:26" ht="24" customHeight="1" x14ac:dyDescent="0.2">
      <c r="A3018" s="9" t="s">
        <v>20260</v>
      </c>
      <c r="B3018" s="9" t="s">
        <v>14</v>
      </c>
      <c r="C3018" s="9" t="s">
        <v>16942</v>
      </c>
      <c r="D3018" s="6" t="s">
        <v>16943</v>
      </c>
      <c r="E3018" s="22">
        <v>45540</v>
      </c>
      <c r="F3018" s="22">
        <v>47365</v>
      </c>
      <c r="G3018" s="6" t="s">
        <v>16944</v>
      </c>
      <c r="H3018" s="6" t="s">
        <v>62</v>
      </c>
      <c r="I3018" s="6" t="s">
        <v>258</v>
      </c>
      <c r="J3018" s="6" t="s">
        <v>16945</v>
      </c>
      <c r="L3018" s="10" t="s">
        <v>22</v>
      </c>
      <c r="M3018" s="10" t="s">
        <v>22</v>
      </c>
      <c r="N3018" s="10" t="s">
        <v>22</v>
      </c>
      <c r="O3018" s="10" t="s">
        <v>22</v>
      </c>
      <c r="P3018" s="10" t="s">
        <v>22</v>
      </c>
      <c r="Q3018" s="10" t="s">
        <v>22</v>
      </c>
      <c r="R3018" s="10" t="s">
        <v>22</v>
      </c>
      <c r="S3018" s="10" t="s">
        <v>22</v>
      </c>
      <c r="T3018" s="10" t="s">
        <v>22</v>
      </c>
    </row>
    <row r="3019" spans="1:26" ht="24" customHeight="1" x14ac:dyDescent="0.2">
      <c r="A3019" s="9" t="s">
        <v>20261</v>
      </c>
      <c r="B3019" s="9" t="s">
        <v>14</v>
      </c>
      <c r="C3019" s="9" t="s">
        <v>16946</v>
      </c>
      <c r="D3019" s="6" t="s">
        <v>16947</v>
      </c>
      <c r="E3019" s="22">
        <v>45540</v>
      </c>
      <c r="F3019" s="22">
        <v>47365</v>
      </c>
      <c r="G3019" s="6" t="s">
        <v>16948</v>
      </c>
      <c r="H3019" s="6" t="s">
        <v>202</v>
      </c>
      <c r="I3019" s="6" t="s">
        <v>863</v>
      </c>
      <c r="J3019" s="6" t="s">
        <v>16949</v>
      </c>
      <c r="L3019" s="10" t="s">
        <v>22</v>
      </c>
      <c r="M3019" s="10" t="s">
        <v>22</v>
      </c>
      <c r="N3019" s="10" t="s">
        <v>22</v>
      </c>
      <c r="O3019" s="10" t="s">
        <v>22</v>
      </c>
      <c r="P3019" s="10" t="s">
        <v>22</v>
      </c>
      <c r="Q3019" s="10" t="s">
        <v>22</v>
      </c>
      <c r="R3019" s="10" t="s">
        <v>22</v>
      </c>
      <c r="S3019" s="10" t="s">
        <v>22</v>
      </c>
      <c r="T3019" s="10" t="s">
        <v>22</v>
      </c>
      <c r="U3019" s="10" t="s">
        <v>22</v>
      </c>
      <c r="V3019" s="10" t="s">
        <v>22</v>
      </c>
      <c r="W3019" s="10" t="s">
        <v>22</v>
      </c>
      <c r="X3019" s="10" t="s">
        <v>22</v>
      </c>
      <c r="Y3019" s="10" t="s">
        <v>22</v>
      </c>
      <c r="Z3019" s="10" t="s">
        <v>22</v>
      </c>
    </row>
    <row r="3020" spans="1:26" ht="24" customHeight="1" x14ac:dyDescent="0.2">
      <c r="A3020" s="9" t="s">
        <v>20262</v>
      </c>
      <c r="B3020" s="9" t="s">
        <v>14</v>
      </c>
      <c r="C3020" s="9" t="s">
        <v>16950</v>
      </c>
      <c r="D3020" s="6" t="s">
        <v>16951</v>
      </c>
      <c r="E3020" s="22">
        <v>45540</v>
      </c>
      <c r="F3020" s="22">
        <v>47365</v>
      </c>
      <c r="G3020" s="6" t="s">
        <v>16951</v>
      </c>
      <c r="H3020" s="6" t="s">
        <v>18</v>
      </c>
      <c r="I3020" s="6" t="s">
        <v>19</v>
      </c>
      <c r="J3020" s="6" t="s">
        <v>16952</v>
      </c>
      <c r="L3020" s="10" t="s">
        <v>22</v>
      </c>
      <c r="M3020" s="10" t="s">
        <v>22</v>
      </c>
      <c r="N3020" s="10" t="s">
        <v>22</v>
      </c>
      <c r="O3020" s="10" t="s">
        <v>22</v>
      </c>
      <c r="P3020" s="10" t="s">
        <v>22</v>
      </c>
      <c r="Q3020" s="10" t="s">
        <v>22</v>
      </c>
      <c r="R3020" s="10" t="s">
        <v>22</v>
      </c>
      <c r="S3020" s="10" t="s">
        <v>22</v>
      </c>
      <c r="T3020" s="10" t="s">
        <v>22</v>
      </c>
    </row>
    <row r="3021" spans="1:26" ht="24" customHeight="1" x14ac:dyDescent="0.2">
      <c r="A3021" s="9" t="s">
        <v>20263</v>
      </c>
      <c r="B3021" s="9" t="s">
        <v>14</v>
      </c>
      <c r="C3021" s="9" t="s">
        <v>16953</v>
      </c>
      <c r="D3021" s="6" t="s">
        <v>16954</v>
      </c>
      <c r="E3021" s="22">
        <v>45540</v>
      </c>
      <c r="F3021" s="22">
        <v>47365</v>
      </c>
      <c r="G3021" s="6" t="s">
        <v>16955</v>
      </c>
      <c r="H3021" s="6" t="s">
        <v>363</v>
      </c>
      <c r="I3021" s="6" t="s">
        <v>597</v>
      </c>
      <c r="J3021" s="6" t="s">
        <v>16956</v>
      </c>
      <c r="L3021" s="10" t="s">
        <v>22</v>
      </c>
      <c r="M3021" s="10" t="s">
        <v>22</v>
      </c>
      <c r="N3021" s="10" t="s">
        <v>22</v>
      </c>
      <c r="O3021" s="10" t="s">
        <v>22</v>
      </c>
      <c r="P3021" s="10" t="s">
        <v>22</v>
      </c>
      <c r="Q3021" s="10" t="s">
        <v>22</v>
      </c>
      <c r="R3021" s="10" t="s">
        <v>22</v>
      </c>
      <c r="S3021" s="10" t="s">
        <v>22</v>
      </c>
      <c r="T3021" s="10" t="s">
        <v>22</v>
      </c>
      <c r="U3021" s="10" t="s">
        <v>22</v>
      </c>
      <c r="V3021" s="10" t="s">
        <v>22</v>
      </c>
      <c r="W3021" s="10" t="s">
        <v>22</v>
      </c>
      <c r="X3021" s="10" t="s">
        <v>22</v>
      </c>
      <c r="Y3021" s="10" t="s">
        <v>22</v>
      </c>
      <c r="Z3021" s="10" t="s">
        <v>22</v>
      </c>
    </row>
    <row r="3022" spans="1:26" ht="24" customHeight="1" x14ac:dyDescent="0.2">
      <c r="A3022" s="9" t="s">
        <v>20264</v>
      </c>
      <c r="B3022" s="9" t="s">
        <v>14</v>
      </c>
      <c r="C3022" s="9" t="s">
        <v>16957</v>
      </c>
      <c r="D3022" s="6" t="s">
        <v>16958</v>
      </c>
      <c r="E3022" s="22">
        <v>45544</v>
      </c>
      <c r="F3022" s="22">
        <v>47369</v>
      </c>
      <c r="G3022" s="6" t="s">
        <v>16959</v>
      </c>
      <c r="H3022" s="6" t="s">
        <v>18</v>
      </c>
      <c r="I3022" s="6" t="s">
        <v>26</v>
      </c>
      <c r="J3022" s="6" t="s">
        <v>16960</v>
      </c>
      <c r="L3022" s="10" t="s">
        <v>22</v>
      </c>
      <c r="M3022" s="10" t="s">
        <v>22</v>
      </c>
      <c r="N3022" s="10" t="s">
        <v>22</v>
      </c>
      <c r="O3022" s="10" t="s">
        <v>22</v>
      </c>
      <c r="P3022" s="10" t="s">
        <v>22</v>
      </c>
      <c r="Q3022" s="10" t="s">
        <v>22</v>
      </c>
      <c r="R3022" s="10" t="s">
        <v>22</v>
      </c>
      <c r="S3022" s="10" t="s">
        <v>22</v>
      </c>
      <c r="T3022" s="10" t="s">
        <v>22</v>
      </c>
    </row>
    <row r="3023" spans="1:26" ht="24" customHeight="1" x14ac:dyDescent="0.2">
      <c r="A3023" s="9" t="s">
        <v>20265</v>
      </c>
      <c r="B3023" s="9" t="s">
        <v>14</v>
      </c>
      <c r="C3023" s="9" t="s">
        <v>16961</v>
      </c>
      <c r="D3023" s="6" t="s">
        <v>2799</v>
      </c>
      <c r="E3023" s="22">
        <v>45544</v>
      </c>
      <c r="F3023" s="22">
        <v>47369</v>
      </c>
      <c r="G3023" s="6" t="s">
        <v>2800</v>
      </c>
      <c r="H3023" s="6" t="s">
        <v>62</v>
      </c>
      <c r="I3023" s="6" t="s">
        <v>738</v>
      </c>
      <c r="J3023" s="6" t="s">
        <v>2801</v>
      </c>
      <c r="L3023" s="10" t="s">
        <v>22</v>
      </c>
      <c r="M3023" s="10" t="s">
        <v>22</v>
      </c>
      <c r="N3023" s="10" t="s">
        <v>22</v>
      </c>
      <c r="O3023" s="10" t="s">
        <v>22</v>
      </c>
      <c r="P3023" s="10" t="s">
        <v>22</v>
      </c>
      <c r="Q3023" s="10" t="s">
        <v>22</v>
      </c>
      <c r="R3023" s="10" t="s">
        <v>22</v>
      </c>
      <c r="S3023" s="10" t="s">
        <v>22</v>
      </c>
      <c r="T3023" s="10" t="s">
        <v>22</v>
      </c>
    </row>
    <row r="3024" spans="1:26" ht="24" customHeight="1" x14ac:dyDescent="0.2">
      <c r="A3024" s="9" t="s">
        <v>20266</v>
      </c>
      <c r="B3024" s="9" t="s">
        <v>14</v>
      </c>
      <c r="C3024" s="9" t="s">
        <v>16962</v>
      </c>
      <c r="D3024" s="6" t="s">
        <v>16963</v>
      </c>
      <c r="E3024" s="22">
        <v>45544</v>
      </c>
      <c r="F3024" s="22">
        <v>47369</v>
      </c>
      <c r="G3024" s="6" t="s">
        <v>16964</v>
      </c>
      <c r="H3024" s="6" t="s">
        <v>229</v>
      </c>
      <c r="I3024" s="6" t="s">
        <v>1885</v>
      </c>
      <c r="J3024" s="6" t="s">
        <v>16965</v>
      </c>
      <c r="L3024" s="10" t="s">
        <v>22</v>
      </c>
      <c r="M3024" s="10" t="s">
        <v>22</v>
      </c>
      <c r="N3024" s="10" t="s">
        <v>22</v>
      </c>
      <c r="O3024" s="10" t="s">
        <v>22</v>
      </c>
      <c r="P3024" s="10" t="s">
        <v>22</v>
      </c>
      <c r="Q3024" s="10" t="s">
        <v>22</v>
      </c>
      <c r="R3024" s="10" t="s">
        <v>22</v>
      </c>
      <c r="S3024" s="10" t="s">
        <v>22</v>
      </c>
      <c r="T3024" s="10" t="s">
        <v>22</v>
      </c>
      <c r="U3024" s="10" t="s">
        <v>22</v>
      </c>
      <c r="V3024" s="10" t="s">
        <v>22</v>
      </c>
      <c r="W3024" s="10" t="s">
        <v>22</v>
      </c>
      <c r="X3024" s="10" t="s">
        <v>22</v>
      </c>
      <c r="Y3024" s="10" t="s">
        <v>22</v>
      </c>
      <c r="Z3024" s="10" t="s">
        <v>22</v>
      </c>
    </row>
    <row r="3025" spans="1:26" ht="24" customHeight="1" x14ac:dyDescent="0.2">
      <c r="A3025" s="9" t="s">
        <v>20267</v>
      </c>
      <c r="B3025" s="9" t="s">
        <v>14</v>
      </c>
      <c r="C3025" s="9" t="s">
        <v>16966</v>
      </c>
      <c r="D3025" s="6" t="s">
        <v>16967</v>
      </c>
      <c r="E3025" s="22">
        <v>45546</v>
      </c>
      <c r="F3025" s="22">
        <v>47371</v>
      </c>
      <c r="G3025" s="6" t="s">
        <v>16968</v>
      </c>
      <c r="H3025" s="6" t="s">
        <v>202</v>
      </c>
      <c r="I3025" s="6" t="s">
        <v>5138</v>
      </c>
      <c r="J3025" s="6" t="s">
        <v>16969</v>
      </c>
      <c r="L3025" s="10" t="s">
        <v>22</v>
      </c>
      <c r="M3025" s="10" t="s">
        <v>22</v>
      </c>
      <c r="N3025" s="10" t="s">
        <v>22</v>
      </c>
      <c r="O3025" s="10" t="s">
        <v>22</v>
      </c>
      <c r="P3025" s="10" t="s">
        <v>22</v>
      </c>
      <c r="Q3025" s="10" t="s">
        <v>22</v>
      </c>
      <c r="R3025" s="10" t="s">
        <v>22</v>
      </c>
      <c r="S3025" s="10" t="s">
        <v>22</v>
      </c>
      <c r="T3025" s="10" t="s">
        <v>22</v>
      </c>
      <c r="U3025" s="10" t="s">
        <v>22</v>
      </c>
      <c r="V3025" s="10" t="s">
        <v>22</v>
      </c>
      <c r="W3025" s="10" t="s">
        <v>22</v>
      </c>
      <c r="X3025" s="10" t="s">
        <v>22</v>
      </c>
      <c r="Y3025" s="10" t="s">
        <v>22</v>
      </c>
      <c r="Z3025" s="10" t="s">
        <v>22</v>
      </c>
    </row>
    <row r="3026" spans="1:26" ht="24" customHeight="1" x14ac:dyDescent="0.2">
      <c r="A3026" s="9" t="s">
        <v>20268</v>
      </c>
      <c r="B3026" s="9" t="s">
        <v>14</v>
      </c>
      <c r="C3026" s="9" t="s">
        <v>16970</v>
      </c>
      <c r="D3026" s="6" t="s">
        <v>16971</v>
      </c>
      <c r="E3026" s="22">
        <v>45552</v>
      </c>
      <c r="F3026" s="22">
        <v>47377</v>
      </c>
      <c r="G3026" s="6" t="s">
        <v>16972</v>
      </c>
      <c r="H3026" s="6" t="s">
        <v>18</v>
      </c>
      <c r="I3026" s="6" t="s">
        <v>26</v>
      </c>
      <c r="J3026" s="6" t="s">
        <v>16973</v>
      </c>
      <c r="M3026" s="10" t="s">
        <v>22</v>
      </c>
      <c r="N3026" s="10" t="s">
        <v>22</v>
      </c>
      <c r="V3026" s="10" t="s">
        <v>22</v>
      </c>
      <c r="W3026" s="10" t="s">
        <v>22</v>
      </c>
    </row>
    <row r="3027" spans="1:26" ht="24" customHeight="1" x14ac:dyDescent="0.2">
      <c r="A3027" s="9" t="s">
        <v>20269</v>
      </c>
      <c r="B3027" s="9" t="s">
        <v>14</v>
      </c>
      <c r="C3027" s="9" t="s">
        <v>16974</v>
      </c>
      <c r="D3027" s="6" t="s">
        <v>16975</v>
      </c>
      <c r="E3027" s="22">
        <v>45552</v>
      </c>
      <c r="F3027" s="22">
        <v>47377</v>
      </c>
      <c r="G3027" s="6" t="s">
        <v>16976</v>
      </c>
      <c r="H3027" s="6" t="s">
        <v>2368</v>
      </c>
      <c r="I3027" s="6" t="s">
        <v>3271</v>
      </c>
      <c r="J3027" s="6" t="s">
        <v>16977</v>
      </c>
      <c r="L3027" s="10" t="s">
        <v>22</v>
      </c>
      <c r="M3027" s="10" t="s">
        <v>22</v>
      </c>
      <c r="N3027" s="10" t="s">
        <v>22</v>
      </c>
      <c r="O3027" s="10" t="s">
        <v>22</v>
      </c>
      <c r="P3027" s="10" t="s">
        <v>22</v>
      </c>
      <c r="Q3027" s="10" t="s">
        <v>22</v>
      </c>
      <c r="R3027" s="10" t="s">
        <v>22</v>
      </c>
      <c r="S3027" s="10" t="s">
        <v>22</v>
      </c>
      <c r="T3027" s="10" t="s">
        <v>22</v>
      </c>
      <c r="U3027" s="10" t="s">
        <v>22</v>
      </c>
      <c r="V3027" s="10" t="s">
        <v>22</v>
      </c>
      <c r="W3027" s="10" t="s">
        <v>22</v>
      </c>
      <c r="X3027" s="10" t="s">
        <v>22</v>
      </c>
      <c r="Y3027" s="10" t="s">
        <v>22</v>
      </c>
      <c r="Z3027" s="10" t="s">
        <v>22</v>
      </c>
    </row>
    <row r="3028" spans="1:26" ht="24" customHeight="1" x14ac:dyDescent="0.2">
      <c r="A3028" s="9" t="s">
        <v>20270</v>
      </c>
      <c r="B3028" s="9" t="s">
        <v>14</v>
      </c>
      <c r="C3028" s="9" t="s">
        <v>16978</v>
      </c>
      <c r="D3028" s="6" t="s">
        <v>16979</v>
      </c>
      <c r="E3028" s="22">
        <v>45552</v>
      </c>
      <c r="F3028" s="22">
        <v>47377</v>
      </c>
      <c r="G3028" s="6" t="s">
        <v>16980</v>
      </c>
      <c r="H3028" s="6" t="s">
        <v>18</v>
      </c>
      <c r="I3028" s="6" t="s">
        <v>19</v>
      </c>
      <c r="J3028" s="6" t="s">
        <v>16981</v>
      </c>
      <c r="L3028" s="10" t="s">
        <v>22</v>
      </c>
      <c r="M3028" s="10" t="s">
        <v>22</v>
      </c>
      <c r="N3028" s="10" t="s">
        <v>22</v>
      </c>
      <c r="O3028" s="10" t="s">
        <v>22</v>
      </c>
      <c r="P3028" s="10" t="s">
        <v>22</v>
      </c>
      <c r="Q3028" s="10" t="s">
        <v>22</v>
      </c>
      <c r="R3028" s="10" t="s">
        <v>22</v>
      </c>
      <c r="S3028" s="10" t="s">
        <v>22</v>
      </c>
      <c r="T3028" s="10" t="s">
        <v>22</v>
      </c>
      <c r="U3028" s="10" t="s">
        <v>22</v>
      </c>
      <c r="V3028" s="10" t="s">
        <v>22</v>
      </c>
      <c r="W3028" s="10" t="s">
        <v>22</v>
      </c>
      <c r="X3028" s="10" t="s">
        <v>22</v>
      </c>
      <c r="Y3028" s="10" t="s">
        <v>22</v>
      </c>
      <c r="Z3028" s="10" t="s">
        <v>22</v>
      </c>
    </row>
    <row r="3029" spans="1:26" ht="24" customHeight="1" x14ac:dyDescent="0.2">
      <c r="A3029" s="9" t="s">
        <v>20271</v>
      </c>
      <c r="B3029" s="9" t="s">
        <v>14</v>
      </c>
      <c r="C3029" s="9" t="s">
        <v>16982</v>
      </c>
      <c r="D3029" s="6" t="s">
        <v>16983</v>
      </c>
      <c r="E3029" s="22">
        <v>45553</v>
      </c>
      <c r="F3029" s="22">
        <v>47378</v>
      </c>
      <c r="G3029" s="6" t="s">
        <v>16984</v>
      </c>
      <c r="H3029" s="6" t="s">
        <v>202</v>
      </c>
      <c r="I3029" s="6" t="s">
        <v>441</v>
      </c>
      <c r="J3029" s="6" t="s">
        <v>16985</v>
      </c>
      <c r="L3029" s="10" t="s">
        <v>22</v>
      </c>
      <c r="M3029" s="10" t="s">
        <v>22</v>
      </c>
      <c r="N3029" s="10" t="s">
        <v>22</v>
      </c>
      <c r="O3029" s="10" t="s">
        <v>22</v>
      </c>
      <c r="P3029" s="10" t="s">
        <v>22</v>
      </c>
      <c r="Q3029" s="10" t="s">
        <v>22</v>
      </c>
      <c r="R3029" s="10" t="s">
        <v>22</v>
      </c>
      <c r="S3029" s="10" t="s">
        <v>22</v>
      </c>
      <c r="T3029" s="10" t="s">
        <v>22</v>
      </c>
      <c r="U3029" s="10" t="s">
        <v>22</v>
      </c>
      <c r="V3029" s="10" t="s">
        <v>22</v>
      </c>
      <c r="W3029" s="10" t="s">
        <v>22</v>
      </c>
      <c r="X3029" s="10" t="s">
        <v>22</v>
      </c>
      <c r="Y3029" s="10" t="s">
        <v>22</v>
      </c>
      <c r="Z3029" s="10" t="s">
        <v>22</v>
      </c>
    </row>
    <row r="3030" spans="1:26" ht="24" customHeight="1" x14ac:dyDescent="0.2">
      <c r="A3030" s="9" t="s">
        <v>20272</v>
      </c>
      <c r="B3030" s="9" t="s">
        <v>14</v>
      </c>
      <c r="C3030" s="9" t="s">
        <v>16986</v>
      </c>
      <c r="D3030" s="6" t="s">
        <v>16987</v>
      </c>
      <c r="E3030" s="22">
        <v>45553</v>
      </c>
      <c r="F3030" s="22">
        <v>47378</v>
      </c>
      <c r="G3030" s="6" t="s">
        <v>16988</v>
      </c>
      <c r="H3030" s="6" t="s">
        <v>18</v>
      </c>
      <c r="I3030" s="6" t="s">
        <v>26</v>
      </c>
      <c r="J3030" s="6" t="s">
        <v>11650</v>
      </c>
      <c r="L3030" s="10" t="s">
        <v>22</v>
      </c>
      <c r="M3030" s="10" t="s">
        <v>22</v>
      </c>
      <c r="N3030" s="10" t="s">
        <v>22</v>
      </c>
      <c r="O3030" s="10" t="s">
        <v>22</v>
      </c>
      <c r="P3030" s="10" t="s">
        <v>22</v>
      </c>
      <c r="Q3030" s="10" t="s">
        <v>22</v>
      </c>
      <c r="R3030" s="10" t="s">
        <v>22</v>
      </c>
      <c r="S3030" s="10" t="s">
        <v>22</v>
      </c>
      <c r="T3030" s="10" t="s">
        <v>22</v>
      </c>
      <c r="U3030" s="10" t="s">
        <v>22</v>
      </c>
      <c r="V3030" s="10" t="s">
        <v>22</v>
      </c>
      <c r="W3030" s="10" t="s">
        <v>22</v>
      </c>
      <c r="X3030" s="10" t="s">
        <v>22</v>
      </c>
      <c r="Y3030" s="10" t="s">
        <v>22</v>
      </c>
      <c r="Z3030" s="10" t="s">
        <v>22</v>
      </c>
    </row>
    <row r="3031" spans="1:26" ht="24" customHeight="1" x14ac:dyDescent="0.2">
      <c r="A3031" s="9" t="s">
        <v>20273</v>
      </c>
      <c r="B3031" s="9" t="s">
        <v>14</v>
      </c>
      <c r="C3031" s="9" t="s">
        <v>16989</v>
      </c>
      <c r="D3031" s="6" t="s">
        <v>16990</v>
      </c>
      <c r="E3031" s="22">
        <v>45559</v>
      </c>
      <c r="F3031" s="22">
        <v>47384</v>
      </c>
      <c r="G3031" s="6" t="s">
        <v>16991</v>
      </c>
      <c r="H3031" s="6" t="s">
        <v>202</v>
      </c>
      <c r="I3031" s="6" t="s">
        <v>879</v>
      </c>
      <c r="J3031" s="6" t="s">
        <v>16992</v>
      </c>
      <c r="L3031" s="10" t="s">
        <v>22</v>
      </c>
      <c r="M3031" s="10" t="s">
        <v>22</v>
      </c>
      <c r="N3031" s="10" t="s">
        <v>22</v>
      </c>
      <c r="O3031" s="10" t="s">
        <v>22</v>
      </c>
      <c r="P3031" s="10" t="s">
        <v>22</v>
      </c>
      <c r="Q3031" s="10" t="s">
        <v>22</v>
      </c>
      <c r="R3031" s="10" t="s">
        <v>22</v>
      </c>
      <c r="S3031" s="10" t="s">
        <v>22</v>
      </c>
      <c r="T3031" s="10" t="s">
        <v>22</v>
      </c>
      <c r="U3031" s="10" t="s">
        <v>22</v>
      </c>
      <c r="V3031" s="10" t="s">
        <v>22</v>
      </c>
      <c r="W3031" s="10" t="s">
        <v>22</v>
      </c>
      <c r="X3031" s="10" t="s">
        <v>22</v>
      </c>
      <c r="Y3031" s="10" t="s">
        <v>22</v>
      </c>
      <c r="Z3031" s="10" t="s">
        <v>22</v>
      </c>
    </row>
    <row r="3032" spans="1:26" ht="24" customHeight="1" x14ac:dyDescent="0.2">
      <c r="A3032" s="9" t="s">
        <v>20274</v>
      </c>
      <c r="B3032" s="9" t="s">
        <v>14</v>
      </c>
      <c r="C3032" s="9" t="s">
        <v>16993</v>
      </c>
      <c r="D3032" s="6" t="s">
        <v>16994</v>
      </c>
      <c r="E3032" s="22">
        <v>45561</v>
      </c>
      <c r="F3032" s="22">
        <v>47386</v>
      </c>
      <c r="G3032" s="6" t="s">
        <v>16995</v>
      </c>
      <c r="H3032" s="6" t="s">
        <v>202</v>
      </c>
      <c r="I3032" s="6" t="s">
        <v>336</v>
      </c>
      <c r="J3032" s="6" t="s">
        <v>16996</v>
      </c>
      <c r="M3032" s="10" t="s">
        <v>22</v>
      </c>
    </row>
    <row r="3033" spans="1:26" ht="24" customHeight="1" x14ac:dyDescent="0.2">
      <c r="A3033" s="9" t="s">
        <v>20275</v>
      </c>
      <c r="B3033" s="9" t="s">
        <v>14</v>
      </c>
      <c r="C3033" s="9" t="s">
        <v>16997</v>
      </c>
      <c r="D3033" s="6" t="s">
        <v>16998</v>
      </c>
      <c r="E3033" s="22">
        <v>45559</v>
      </c>
      <c r="F3033" s="22">
        <v>47384</v>
      </c>
      <c r="G3033" s="6" t="s">
        <v>16998</v>
      </c>
      <c r="H3033" s="6" t="s">
        <v>3283</v>
      </c>
      <c r="I3033" s="6" t="s">
        <v>16999</v>
      </c>
      <c r="J3033" s="6" t="s">
        <v>17000</v>
      </c>
      <c r="L3033" s="10" t="s">
        <v>22</v>
      </c>
      <c r="M3033" s="10" t="s">
        <v>22</v>
      </c>
      <c r="N3033" s="10" t="s">
        <v>22</v>
      </c>
      <c r="O3033" s="10" t="s">
        <v>22</v>
      </c>
      <c r="P3033" s="10" t="s">
        <v>22</v>
      </c>
      <c r="Q3033" s="10" t="s">
        <v>22</v>
      </c>
      <c r="R3033" s="10" t="s">
        <v>22</v>
      </c>
      <c r="S3033" s="10" t="s">
        <v>22</v>
      </c>
      <c r="T3033" s="10" t="s">
        <v>22</v>
      </c>
      <c r="U3033" s="10" t="s">
        <v>22</v>
      </c>
      <c r="V3033" s="10" t="s">
        <v>22</v>
      </c>
      <c r="W3033" s="10" t="s">
        <v>22</v>
      </c>
      <c r="X3033" s="10" t="s">
        <v>22</v>
      </c>
      <c r="Y3033" s="10" t="s">
        <v>22</v>
      </c>
      <c r="Z3033" s="10" t="s">
        <v>22</v>
      </c>
    </row>
    <row r="3034" spans="1:26" ht="24" customHeight="1" x14ac:dyDescent="0.2">
      <c r="A3034" s="9" t="s">
        <v>20276</v>
      </c>
      <c r="B3034" s="9" t="s">
        <v>14</v>
      </c>
      <c r="C3034" s="9" t="s">
        <v>17001</v>
      </c>
      <c r="D3034" s="6" t="s">
        <v>17002</v>
      </c>
      <c r="E3034" s="22">
        <v>45559</v>
      </c>
      <c r="F3034" s="22">
        <v>47384</v>
      </c>
      <c r="G3034" s="6" t="s">
        <v>17003</v>
      </c>
      <c r="H3034" s="6" t="s">
        <v>18</v>
      </c>
      <c r="I3034" s="6" t="s">
        <v>19</v>
      </c>
      <c r="J3034" s="6" t="s">
        <v>17004</v>
      </c>
      <c r="L3034" s="10" t="s">
        <v>22</v>
      </c>
      <c r="M3034" s="10" t="s">
        <v>22</v>
      </c>
      <c r="N3034" s="10" t="s">
        <v>22</v>
      </c>
      <c r="O3034" s="10" t="s">
        <v>22</v>
      </c>
      <c r="P3034" s="10" t="s">
        <v>22</v>
      </c>
      <c r="Q3034" s="10" t="s">
        <v>22</v>
      </c>
      <c r="R3034" s="10" t="s">
        <v>22</v>
      </c>
      <c r="S3034" s="10" t="s">
        <v>22</v>
      </c>
      <c r="T3034" s="10" t="s">
        <v>22</v>
      </c>
      <c r="U3034" s="10" t="s">
        <v>22</v>
      </c>
      <c r="V3034" s="10" t="s">
        <v>22</v>
      </c>
      <c r="W3034" s="10" t="s">
        <v>22</v>
      </c>
      <c r="X3034" s="10" t="s">
        <v>22</v>
      </c>
      <c r="Y3034" s="10" t="s">
        <v>22</v>
      </c>
      <c r="Z3034" s="10" t="s">
        <v>22</v>
      </c>
    </row>
    <row r="3035" spans="1:26" ht="24" customHeight="1" x14ac:dyDescent="0.2">
      <c r="A3035" s="9" t="s">
        <v>20277</v>
      </c>
      <c r="B3035" s="9" t="s">
        <v>14</v>
      </c>
      <c r="C3035" s="9" t="s">
        <v>17005</v>
      </c>
      <c r="D3035" s="6" t="s">
        <v>17006</v>
      </c>
      <c r="E3035" s="22">
        <v>45561</v>
      </c>
      <c r="F3035" s="22">
        <v>47386</v>
      </c>
      <c r="G3035" s="6" t="s">
        <v>17007</v>
      </c>
      <c r="H3035" s="6" t="s">
        <v>229</v>
      </c>
      <c r="I3035" s="6" t="s">
        <v>7591</v>
      </c>
      <c r="J3035" s="6" t="s">
        <v>17008</v>
      </c>
      <c r="L3035" s="10" t="s">
        <v>22</v>
      </c>
      <c r="M3035" s="10" t="s">
        <v>22</v>
      </c>
      <c r="N3035" s="10" t="s">
        <v>22</v>
      </c>
      <c r="O3035" s="10" t="s">
        <v>22</v>
      </c>
      <c r="P3035" s="10" t="s">
        <v>22</v>
      </c>
      <c r="Q3035" s="10" t="s">
        <v>22</v>
      </c>
      <c r="R3035" s="10" t="s">
        <v>22</v>
      </c>
      <c r="S3035" s="10" t="s">
        <v>22</v>
      </c>
      <c r="T3035" s="10" t="s">
        <v>22</v>
      </c>
    </row>
    <row r="3036" spans="1:26" ht="24" customHeight="1" x14ac:dyDescent="0.2">
      <c r="A3036" s="9" t="s">
        <v>20278</v>
      </c>
      <c r="B3036" s="9" t="s">
        <v>14</v>
      </c>
      <c r="C3036" s="9" t="s">
        <v>17009</v>
      </c>
      <c r="D3036" s="6" t="s">
        <v>17010</v>
      </c>
      <c r="E3036" s="22">
        <v>45561</v>
      </c>
      <c r="F3036" s="22">
        <v>47386</v>
      </c>
      <c r="G3036" s="6" t="s">
        <v>17011</v>
      </c>
      <c r="H3036" s="6" t="s">
        <v>18</v>
      </c>
      <c r="I3036" s="6" t="s">
        <v>19</v>
      </c>
      <c r="J3036" s="6" t="s">
        <v>17012</v>
      </c>
      <c r="L3036" s="10" t="s">
        <v>22</v>
      </c>
      <c r="M3036" s="10" t="s">
        <v>22</v>
      </c>
      <c r="N3036" s="10" t="s">
        <v>22</v>
      </c>
      <c r="O3036" s="10" t="s">
        <v>22</v>
      </c>
      <c r="P3036" s="10" t="s">
        <v>22</v>
      </c>
      <c r="Q3036" s="10" t="s">
        <v>22</v>
      </c>
      <c r="R3036" s="10" t="s">
        <v>22</v>
      </c>
      <c r="S3036" s="10" t="s">
        <v>22</v>
      </c>
      <c r="T3036" s="10" t="s">
        <v>22</v>
      </c>
      <c r="U3036" s="10" t="s">
        <v>22</v>
      </c>
      <c r="V3036" s="10" t="s">
        <v>22</v>
      </c>
      <c r="W3036" s="10" t="s">
        <v>22</v>
      </c>
      <c r="X3036" s="10" t="s">
        <v>22</v>
      </c>
      <c r="Y3036" s="10" t="s">
        <v>22</v>
      </c>
      <c r="Z3036" s="10" t="s">
        <v>22</v>
      </c>
    </row>
    <row r="3037" spans="1:26" ht="24" customHeight="1" x14ac:dyDescent="0.2">
      <c r="A3037" s="9" t="s">
        <v>20279</v>
      </c>
      <c r="B3037" s="9" t="s">
        <v>14</v>
      </c>
      <c r="C3037" s="9" t="s">
        <v>17013</v>
      </c>
      <c r="D3037" s="6" t="s">
        <v>17014</v>
      </c>
      <c r="E3037" s="22">
        <v>45561</v>
      </c>
      <c r="F3037" s="22">
        <v>47386</v>
      </c>
      <c r="G3037" s="6" t="s">
        <v>17015</v>
      </c>
      <c r="H3037" s="6" t="s">
        <v>363</v>
      </c>
      <c r="I3037" s="6" t="s">
        <v>597</v>
      </c>
      <c r="J3037" s="6" t="s">
        <v>17016</v>
      </c>
      <c r="L3037" s="10" t="s">
        <v>22</v>
      </c>
      <c r="M3037" s="10" t="s">
        <v>22</v>
      </c>
      <c r="N3037" s="10" t="s">
        <v>22</v>
      </c>
      <c r="O3037" s="10" t="s">
        <v>22</v>
      </c>
      <c r="P3037" s="10" t="s">
        <v>22</v>
      </c>
      <c r="Q3037" s="10" t="s">
        <v>22</v>
      </c>
      <c r="R3037" s="10" t="s">
        <v>22</v>
      </c>
      <c r="S3037" s="10" t="s">
        <v>22</v>
      </c>
      <c r="T3037" s="10" t="s">
        <v>22</v>
      </c>
    </row>
    <row r="3038" spans="1:26" ht="24" customHeight="1" x14ac:dyDescent="0.2">
      <c r="A3038" s="9" t="s">
        <v>20280</v>
      </c>
      <c r="B3038" s="9" t="s">
        <v>14</v>
      </c>
      <c r="C3038" s="9" t="s">
        <v>17017</v>
      </c>
      <c r="D3038" s="6" t="s">
        <v>17018</v>
      </c>
      <c r="E3038" s="22">
        <v>45573</v>
      </c>
      <c r="F3038" s="22">
        <v>47398</v>
      </c>
      <c r="G3038" s="6" t="s">
        <v>17019</v>
      </c>
      <c r="H3038" s="6" t="s">
        <v>62</v>
      </c>
      <c r="I3038" s="6" t="s">
        <v>842</v>
      </c>
      <c r="J3038" s="6" t="s">
        <v>17020</v>
      </c>
      <c r="L3038" s="10" t="s">
        <v>22</v>
      </c>
      <c r="M3038" s="10" t="s">
        <v>22</v>
      </c>
      <c r="N3038" s="10" t="s">
        <v>22</v>
      </c>
      <c r="O3038" s="10" t="s">
        <v>22</v>
      </c>
      <c r="P3038" s="10" t="s">
        <v>22</v>
      </c>
      <c r="Q3038" s="10" t="s">
        <v>22</v>
      </c>
      <c r="R3038" s="10" t="s">
        <v>22</v>
      </c>
      <c r="S3038" s="10" t="s">
        <v>22</v>
      </c>
      <c r="T3038" s="10" t="s">
        <v>22</v>
      </c>
      <c r="U3038" s="10" t="s">
        <v>22</v>
      </c>
      <c r="V3038" s="10" t="s">
        <v>22</v>
      </c>
      <c r="W3038" s="10" t="s">
        <v>22</v>
      </c>
      <c r="X3038" s="10" t="s">
        <v>22</v>
      </c>
      <c r="Y3038" s="10" t="s">
        <v>22</v>
      </c>
      <c r="Z3038" s="10" t="s">
        <v>22</v>
      </c>
    </row>
    <row r="3039" spans="1:26" ht="24" customHeight="1" x14ac:dyDescent="0.2">
      <c r="A3039" s="9" t="s">
        <v>20281</v>
      </c>
      <c r="B3039" s="9" t="s">
        <v>14</v>
      </c>
      <c r="C3039" s="9" t="s">
        <v>17021</v>
      </c>
      <c r="D3039" s="6" t="s">
        <v>17022</v>
      </c>
      <c r="E3039" s="22">
        <v>45573</v>
      </c>
      <c r="F3039" s="22">
        <v>47398</v>
      </c>
      <c r="G3039" s="6" t="s">
        <v>17023</v>
      </c>
      <c r="H3039" s="6" t="s">
        <v>2069</v>
      </c>
      <c r="I3039" s="6" t="s">
        <v>2070</v>
      </c>
      <c r="J3039" s="6" t="s">
        <v>17024</v>
      </c>
      <c r="L3039" s="10" t="s">
        <v>22</v>
      </c>
      <c r="M3039" s="10" t="s">
        <v>22</v>
      </c>
      <c r="N3039" s="10" t="s">
        <v>22</v>
      </c>
      <c r="O3039" s="10" t="s">
        <v>22</v>
      </c>
      <c r="P3039" s="10" t="s">
        <v>22</v>
      </c>
      <c r="Q3039" s="10" t="s">
        <v>22</v>
      </c>
      <c r="R3039" s="10" t="s">
        <v>22</v>
      </c>
      <c r="S3039" s="10" t="s">
        <v>22</v>
      </c>
      <c r="T3039" s="10" t="s">
        <v>22</v>
      </c>
      <c r="U3039" s="10" t="s">
        <v>22</v>
      </c>
      <c r="V3039" s="10" t="s">
        <v>22</v>
      </c>
      <c r="W3039" s="10" t="s">
        <v>22</v>
      </c>
      <c r="X3039" s="10" t="s">
        <v>22</v>
      </c>
      <c r="Y3039" s="10" t="s">
        <v>22</v>
      </c>
      <c r="Z3039" s="10" t="s">
        <v>22</v>
      </c>
    </row>
    <row r="3040" spans="1:26" ht="24" customHeight="1" x14ac:dyDescent="0.2">
      <c r="A3040" s="9" t="s">
        <v>20282</v>
      </c>
      <c r="B3040" s="9" t="s">
        <v>14</v>
      </c>
      <c r="C3040" s="9" t="s">
        <v>17025</v>
      </c>
      <c r="D3040" s="6" t="s">
        <v>17026</v>
      </c>
      <c r="E3040" s="22">
        <v>45573</v>
      </c>
      <c r="F3040" s="22">
        <v>47398</v>
      </c>
      <c r="G3040" s="6" t="s">
        <v>17027</v>
      </c>
      <c r="H3040" s="6" t="s">
        <v>363</v>
      </c>
      <c r="I3040" s="6" t="s">
        <v>558</v>
      </c>
      <c r="J3040" s="6" t="s">
        <v>17028</v>
      </c>
      <c r="L3040" s="10" t="s">
        <v>22</v>
      </c>
      <c r="M3040" s="10" t="s">
        <v>22</v>
      </c>
      <c r="N3040" s="10" t="s">
        <v>22</v>
      </c>
      <c r="O3040" s="10" t="s">
        <v>22</v>
      </c>
      <c r="P3040" s="10" t="s">
        <v>22</v>
      </c>
      <c r="Q3040" s="10" t="s">
        <v>22</v>
      </c>
      <c r="R3040" s="10" t="s">
        <v>22</v>
      </c>
      <c r="S3040" s="10" t="s">
        <v>22</v>
      </c>
      <c r="T3040" s="10" t="s">
        <v>22</v>
      </c>
      <c r="U3040" s="10" t="s">
        <v>22</v>
      </c>
      <c r="V3040" s="10" t="s">
        <v>22</v>
      </c>
      <c r="W3040" s="10" t="s">
        <v>22</v>
      </c>
      <c r="X3040" s="10" t="s">
        <v>22</v>
      </c>
      <c r="Y3040" s="10" t="s">
        <v>22</v>
      </c>
      <c r="Z3040" s="10" t="s">
        <v>22</v>
      </c>
    </row>
    <row r="3041" spans="1:26" ht="24" customHeight="1" x14ac:dyDescent="0.2">
      <c r="A3041" s="9" t="s">
        <v>20283</v>
      </c>
      <c r="B3041" s="9" t="s">
        <v>14</v>
      </c>
      <c r="C3041" s="9" t="s">
        <v>17029</v>
      </c>
      <c r="D3041" s="6" t="s">
        <v>17030</v>
      </c>
      <c r="E3041" s="22">
        <v>45573</v>
      </c>
      <c r="F3041" s="22">
        <v>47398</v>
      </c>
      <c r="G3041" s="6" t="s">
        <v>17031</v>
      </c>
      <c r="H3041" s="6" t="s">
        <v>62</v>
      </c>
      <c r="I3041" s="6" t="s">
        <v>842</v>
      </c>
      <c r="J3041" s="6" t="s">
        <v>17032</v>
      </c>
      <c r="L3041" s="10" t="s">
        <v>22</v>
      </c>
      <c r="M3041" s="10" t="s">
        <v>22</v>
      </c>
      <c r="N3041" s="10" t="s">
        <v>22</v>
      </c>
      <c r="O3041" s="10" t="s">
        <v>22</v>
      </c>
      <c r="P3041" s="10" t="s">
        <v>22</v>
      </c>
      <c r="Q3041" s="10" t="s">
        <v>22</v>
      </c>
      <c r="R3041" s="10" t="s">
        <v>22</v>
      </c>
      <c r="S3041" s="10" t="s">
        <v>22</v>
      </c>
      <c r="T3041" s="10" t="s">
        <v>22</v>
      </c>
      <c r="U3041" s="10" t="s">
        <v>22</v>
      </c>
      <c r="V3041" s="10" t="s">
        <v>22</v>
      </c>
      <c r="W3041" s="10" t="s">
        <v>22</v>
      </c>
      <c r="X3041" s="10" t="s">
        <v>22</v>
      </c>
      <c r="Y3041" s="10" t="s">
        <v>22</v>
      </c>
      <c r="Z3041" s="10" t="s">
        <v>22</v>
      </c>
    </row>
    <row r="3042" spans="1:26" ht="24" customHeight="1" x14ac:dyDescent="0.2">
      <c r="A3042" s="9" t="s">
        <v>20284</v>
      </c>
      <c r="B3042" s="9" t="s">
        <v>14</v>
      </c>
      <c r="C3042" s="9" t="s">
        <v>17033</v>
      </c>
      <c r="D3042" s="6" t="s">
        <v>17034</v>
      </c>
      <c r="E3042" s="22">
        <v>45581</v>
      </c>
      <c r="F3042" s="22">
        <v>47406</v>
      </c>
      <c r="G3042" s="6" t="s">
        <v>17035</v>
      </c>
      <c r="H3042" s="6" t="s">
        <v>62</v>
      </c>
      <c r="I3042" s="6" t="s">
        <v>6770</v>
      </c>
      <c r="J3042" s="6" t="s">
        <v>17036</v>
      </c>
      <c r="L3042" s="10" t="s">
        <v>22</v>
      </c>
      <c r="M3042" s="10" t="s">
        <v>22</v>
      </c>
      <c r="N3042" s="10" t="s">
        <v>22</v>
      </c>
      <c r="O3042" s="10" t="s">
        <v>22</v>
      </c>
      <c r="P3042" s="10" t="s">
        <v>22</v>
      </c>
      <c r="Q3042" s="10" t="s">
        <v>22</v>
      </c>
      <c r="R3042" s="10" t="s">
        <v>22</v>
      </c>
      <c r="S3042" s="10" t="s">
        <v>22</v>
      </c>
      <c r="T3042" s="10" t="s">
        <v>22</v>
      </c>
      <c r="U3042" s="10" t="s">
        <v>22</v>
      </c>
      <c r="V3042" s="10" t="s">
        <v>22</v>
      </c>
      <c r="W3042" s="10" t="s">
        <v>22</v>
      </c>
      <c r="X3042" s="10" t="s">
        <v>22</v>
      </c>
      <c r="Y3042" s="10" t="s">
        <v>22</v>
      </c>
      <c r="Z3042" s="10" t="s">
        <v>22</v>
      </c>
    </row>
    <row r="3043" spans="1:26" ht="24" customHeight="1" x14ac:dyDescent="0.2">
      <c r="A3043" s="9" t="s">
        <v>20285</v>
      </c>
      <c r="B3043" s="9" t="s">
        <v>14</v>
      </c>
      <c r="C3043" s="9" t="s">
        <v>17037</v>
      </c>
      <c r="D3043" s="6" t="s">
        <v>17038</v>
      </c>
      <c r="E3043" s="22">
        <v>45581</v>
      </c>
      <c r="F3043" s="22">
        <v>47406</v>
      </c>
      <c r="G3043" s="6" t="s">
        <v>17039</v>
      </c>
      <c r="H3043" s="6" t="s">
        <v>202</v>
      </c>
      <c r="I3043" s="6" t="s">
        <v>441</v>
      </c>
      <c r="J3043" s="6" t="s">
        <v>17040</v>
      </c>
      <c r="L3043" s="10" t="s">
        <v>22</v>
      </c>
      <c r="M3043" s="10" t="s">
        <v>22</v>
      </c>
      <c r="N3043" s="10" t="s">
        <v>22</v>
      </c>
      <c r="O3043" s="10" t="s">
        <v>22</v>
      </c>
      <c r="P3043" s="10" t="s">
        <v>22</v>
      </c>
      <c r="Q3043" s="10" t="s">
        <v>22</v>
      </c>
      <c r="R3043" s="10" t="s">
        <v>22</v>
      </c>
      <c r="S3043" s="10" t="s">
        <v>22</v>
      </c>
      <c r="T3043" s="10" t="s">
        <v>22</v>
      </c>
      <c r="U3043" s="10" t="s">
        <v>22</v>
      </c>
      <c r="V3043" s="10" t="s">
        <v>22</v>
      </c>
      <c r="W3043" s="10" t="s">
        <v>22</v>
      </c>
      <c r="X3043" s="10" t="s">
        <v>22</v>
      </c>
      <c r="Y3043" s="10" t="s">
        <v>22</v>
      </c>
      <c r="Z3043" s="10" t="s">
        <v>22</v>
      </c>
    </row>
    <row r="3044" spans="1:26" ht="24" customHeight="1" x14ac:dyDescent="0.2">
      <c r="A3044" s="9" t="s">
        <v>20286</v>
      </c>
      <c r="B3044" s="9" t="s">
        <v>14</v>
      </c>
      <c r="C3044" s="9" t="s">
        <v>17041</v>
      </c>
      <c r="D3044" s="6" t="s">
        <v>17042</v>
      </c>
      <c r="E3044" s="22">
        <v>45580</v>
      </c>
      <c r="F3044" s="22">
        <v>47405</v>
      </c>
      <c r="G3044" s="6" t="s">
        <v>17043</v>
      </c>
      <c r="H3044" s="6" t="s">
        <v>62</v>
      </c>
      <c r="I3044" s="6" t="s">
        <v>290</v>
      </c>
      <c r="J3044" s="6" t="s">
        <v>17044</v>
      </c>
      <c r="L3044" s="10" t="s">
        <v>22</v>
      </c>
      <c r="M3044" s="10" t="s">
        <v>22</v>
      </c>
      <c r="N3044" s="10" t="s">
        <v>22</v>
      </c>
      <c r="O3044" s="10" t="s">
        <v>22</v>
      </c>
      <c r="P3044" s="10" t="s">
        <v>22</v>
      </c>
      <c r="Q3044" s="10" t="s">
        <v>22</v>
      </c>
      <c r="R3044" s="10" t="s">
        <v>22</v>
      </c>
      <c r="S3044" s="10" t="s">
        <v>22</v>
      </c>
      <c r="T3044" s="10" t="s">
        <v>22</v>
      </c>
      <c r="U3044" s="10" t="s">
        <v>22</v>
      </c>
      <c r="V3044" s="10" t="s">
        <v>22</v>
      </c>
      <c r="W3044" s="10" t="s">
        <v>22</v>
      </c>
      <c r="X3044" s="10" t="s">
        <v>22</v>
      </c>
      <c r="Y3044" s="10" t="s">
        <v>22</v>
      </c>
      <c r="Z3044" s="10" t="s">
        <v>22</v>
      </c>
    </row>
    <row r="3045" spans="1:26" ht="24" customHeight="1" x14ac:dyDescent="0.2">
      <c r="A3045" s="9" t="s">
        <v>20287</v>
      </c>
      <c r="B3045" s="9" t="s">
        <v>14</v>
      </c>
      <c r="C3045" s="9" t="s">
        <v>17045</v>
      </c>
      <c r="D3045" s="6" t="s">
        <v>17046</v>
      </c>
      <c r="E3045" s="22">
        <v>45586</v>
      </c>
      <c r="F3045" s="22">
        <v>47411</v>
      </c>
      <c r="G3045" s="6" t="s">
        <v>17047</v>
      </c>
      <c r="H3045" s="6" t="s">
        <v>62</v>
      </c>
      <c r="I3045" s="6" t="s">
        <v>312</v>
      </c>
      <c r="J3045" s="6" t="s">
        <v>17048</v>
      </c>
      <c r="L3045" s="10" t="s">
        <v>22</v>
      </c>
      <c r="M3045" s="10" t="s">
        <v>22</v>
      </c>
      <c r="N3045" s="10" t="s">
        <v>22</v>
      </c>
      <c r="O3045" s="10" t="s">
        <v>22</v>
      </c>
      <c r="P3045" s="10" t="s">
        <v>22</v>
      </c>
      <c r="Q3045" s="10" t="s">
        <v>22</v>
      </c>
      <c r="R3045" s="10" t="s">
        <v>22</v>
      </c>
      <c r="S3045" s="10" t="s">
        <v>22</v>
      </c>
      <c r="T3045" s="10" t="s">
        <v>22</v>
      </c>
    </row>
    <row r="3046" spans="1:26" ht="24" customHeight="1" x14ac:dyDescent="0.2">
      <c r="A3046" s="9" t="s">
        <v>20288</v>
      </c>
      <c r="B3046" s="9" t="s">
        <v>14</v>
      </c>
      <c r="C3046" s="9" t="s">
        <v>17049</v>
      </c>
      <c r="D3046" s="6" t="s">
        <v>17050</v>
      </c>
      <c r="E3046" s="22">
        <v>45587</v>
      </c>
      <c r="F3046" s="22">
        <v>47412</v>
      </c>
      <c r="G3046" s="6" t="s">
        <v>17051</v>
      </c>
      <c r="H3046" s="6" t="s">
        <v>202</v>
      </c>
      <c r="I3046" s="6" t="s">
        <v>336</v>
      </c>
      <c r="J3046" s="6" t="s">
        <v>17052</v>
      </c>
      <c r="L3046" s="10" t="s">
        <v>22</v>
      </c>
      <c r="M3046" s="10" t="s">
        <v>22</v>
      </c>
      <c r="N3046" s="10" t="s">
        <v>22</v>
      </c>
      <c r="O3046" s="10" t="s">
        <v>22</v>
      </c>
      <c r="P3046" s="10" t="s">
        <v>22</v>
      </c>
      <c r="Q3046" s="10" t="s">
        <v>22</v>
      </c>
      <c r="R3046" s="10" t="s">
        <v>22</v>
      </c>
      <c r="S3046" s="10" t="s">
        <v>22</v>
      </c>
      <c r="T3046" s="10" t="s">
        <v>22</v>
      </c>
      <c r="U3046" s="10" t="s">
        <v>22</v>
      </c>
      <c r="V3046" s="10" t="s">
        <v>22</v>
      </c>
      <c r="W3046" s="10" t="s">
        <v>22</v>
      </c>
      <c r="X3046" s="10" t="s">
        <v>22</v>
      </c>
      <c r="Y3046" s="10" t="s">
        <v>22</v>
      </c>
      <c r="Z3046" s="10" t="s">
        <v>22</v>
      </c>
    </row>
    <row r="3047" spans="1:26" ht="24" customHeight="1" x14ac:dyDescent="0.2">
      <c r="A3047" s="9" t="s">
        <v>20289</v>
      </c>
      <c r="B3047" s="9" t="s">
        <v>14</v>
      </c>
      <c r="C3047" s="9" t="s">
        <v>17053</v>
      </c>
      <c r="D3047" s="6" t="s">
        <v>15363</v>
      </c>
      <c r="E3047" s="22">
        <v>45391</v>
      </c>
      <c r="F3047" s="22">
        <v>47216</v>
      </c>
      <c r="G3047" s="6" t="s">
        <v>15364</v>
      </c>
      <c r="H3047" s="6" t="s">
        <v>18</v>
      </c>
      <c r="I3047" s="6" t="s">
        <v>19</v>
      </c>
      <c r="J3047" s="6" t="s">
        <v>17054</v>
      </c>
      <c r="L3047" s="10" t="s">
        <v>22</v>
      </c>
      <c r="M3047" s="10" t="s">
        <v>22</v>
      </c>
      <c r="N3047" s="10" t="s">
        <v>22</v>
      </c>
      <c r="O3047" s="10" t="s">
        <v>22</v>
      </c>
      <c r="P3047" s="10" t="s">
        <v>22</v>
      </c>
      <c r="Q3047" s="10" t="s">
        <v>22</v>
      </c>
      <c r="R3047" s="10" t="s">
        <v>22</v>
      </c>
      <c r="S3047" s="10" t="s">
        <v>22</v>
      </c>
      <c r="T3047" s="10" t="s">
        <v>22</v>
      </c>
      <c r="U3047" s="10" t="s">
        <v>22</v>
      </c>
      <c r="V3047" s="10" t="s">
        <v>22</v>
      </c>
      <c r="W3047" s="10" t="s">
        <v>22</v>
      </c>
      <c r="X3047" s="10" t="s">
        <v>22</v>
      </c>
      <c r="Y3047" s="10" t="s">
        <v>22</v>
      </c>
      <c r="Z3047" s="10" t="s">
        <v>22</v>
      </c>
    </row>
    <row r="3048" spans="1:26" ht="24" customHeight="1" x14ac:dyDescent="0.2">
      <c r="A3048" s="9" t="s">
        <v>20290</v>
      </c>
      <c r="B3048" s="9" t="s">
        <v>14</v>
      </c>
      <c r="C3048" s="9" t="s">
        <v>17055</v>
      </c>
      <c r="D3048" s="6" t="s">
        <v>17056</v>
      </c>
      <c r="E3048" s="22">
        <v>45587</v>
      </c>
      <c r="F3048" s="22">
        <v>47412</v>
      </c>
      <c r="G3048" s="6" t="s">
        <v>17057</v>
      </c>
      <c r="H3048" s="6" t="s">
        <v>62</v>
      </c>
      <c r="I3048" s="6" t="s">
        <v>318</v>
      </c>
      <c r="J3048" s="6" t="s">
        <v>17058</v>
      </c>
      <c r="L3048" s="10" t="s">
        <v>22</v>
      </c>
      <c r="M3048" s="10" t="s">
        <v>22</v>
      </c>
      <c r="N3048" s="10" t="s">
        <v>22</v>
      </c>
      <c r="U3048" s="10" t="s">
        <v>22</v>
      </c>
      <c r="V3048" s="10" t="s">
        <v>22</v>
      </c>
      <c r="W3048" s="10" t="s">
        <v>22</v>
      </c>
    </row>
    <row r="3049" spans="1:26" ht="24" customHeight="1" x14ac:dyDescent="0.2">
      <c r="A3049" s="9" t="s">
        <v>20291</v>
      </c>
      <c r="B3049" s="9" t="s">
        <v>14</v>
      </c>
      <c r="C3049" s="9" t="s">
        <v>17059</v>
      </c>
      <c r="D3049" s="6" t="s">
        <v>17060</v>
      </c>
      <c r="E3049" s="22">
        <v>45596</v>
      </c>
      <c r="F3049" s="22">
        <v>47421</v>
      </c>
      <c r="G3049" s="6" t="s">
        <v>17061</v>
      </c>
      <c r="H3049" s="6" t="s">
        <v>202</v>
      </c>
      <c r="I3049" s="6" t="s">
        <v>863</v>
      </c>
      <c r="J3049" s="6" t="s">
        <v>17062</v>
      </c>
      <c r="L3049" s="10" t="s">
        <v>22</v>
      </c>
      <c r="M3049" s="10" t="s">
        <v>22</v>
      </c>
      <c r="N3049" s="10" t="s">
        <v>22</v>
      </c>
      <c r="O3049" s="10" t="s">
        <v>22</v>
      </c>
      <c r="P3049" s="10" t="s">
        <v>22</v>
      </c>
      <c r="Q3049" s="10" t="s">
        <v>22</v>
      </c>
      <c r="R3049" s="10" t="s">
        <v>22</v>
      </c>
      <c r="S3049" s="10" t="s">
        <v>22</v>
      </c>
      <c r="T3049" s="10" t="s">
        <v>22</v>
      </c>
      <c r="U3049" s="10" t="s">
        <v>22</v>
      </c>
      <c r="V3049" s="10" t="s">
        <v>22</v>
      </c>
      <c r="W3049" s="10" t="s">
        <v>22</v>
      </c>
      <c r="X3049" s="10" t="s">
        <v>22</v>
      </c>
      <c r="Y3049" s="10" t="s">
        <v>22</v>
      </c>
      <c r="Z3049" s="10" t="s">
        <v>22</v>
      </c>
    </row>
    <row r="3050" spans="1:26" ht="24" customHeight="1" x14ac:dyDescent="0.2">
      <c r="A3050" s="9" t="s">
        <v>20292</v>
      </c>
      <c r="B3050" s="9" t="s">
        <v>14</v>
      </c>
      <c r="C3050" s="9" t="s">
        <v>17063</v>
      </c>
      <c r="D3050" s="6" t="s">
        <v>17064</v>
      </c>
      <c r="E3050" s="22">
        <v>45604</v>
      </c>
      <c r="F3050" s="22">
        <v>47429</v>
      </c>
      <c r="G3050" s="6" t="s">
        <v>17065</v>
      </c>
      <c r="H3050" s="6" t="s">
        <v>18</v>
      </c>
      <c r="I3050" s="6" t="s">
        <v>19</v>
      </c>
      <c r="J3050" s="6" t="s">
        <v>17066</v>
      </c>
      <c r="L3050" s="10" t="s">
        <v>22</v>
      </c>
      <c r="M3050" s="10" t="s">
        <v>22</v>
      </c>
      <c r="N3050" s="10" t="s">
        <v>22</v>
      </c>
      <c r="U3050" s="10" t="s">
        <v>22</v>
      </c>
      <c r="V3050" s="10" t="s">
        <v>22</v>
      </c>
      <c r="W3050" s="10" t="s">
        <v>22</v>
      </c>
    </row>
    <row r="3051" spans="1:26" ht="24" customHeight="1" x14ac:dyDescent="0.2">
      <c r="A3051" s="9" t="s">
        <v>20293</v>
      </c>
      <c r="B3051" s="9" t="s">
        <v>14</v>
      </c>
      <c r="C3051" s="9" t="s">
        <v>17067</v>
      </c>
      <c r="D3051" s="6" t="s">
        <v>17068</v>
      </c>
      <c r="E3051" s="22">
        <v>45604</v>
      </c>
      <c r="F3051" s="22">
        <v>47429</v>
      </c>
      <c r="G3051" s="6" t="s">
        <v>17069</v>
      </c>
      <c r="H3051" s="6" t="s">
        <v>363</v>
      </c>
      <c r="I3051" s="6" t="s">
        <v>597</v>
      </c>
      <c r="J3051" s="6" t="s">
        <v>17070</v>
      </c>
      <c r="L3051" s="10" t="s">
        <v>22</v>
      </c>
      <c r="M3051" s="10" t="s">
        <v>22</v>
      </c>
      <c r="N3051" s="10" t="s">
        <v>22</v>
      </c>
      <c r="O3051" s="10" t="s">
        <v>22</v>
      </c>
      <c r="P3051" s="10" t="s">
        <v>22</v>
      </c>
      <c r="Q3051" s="10" t="s">
        <v>22</v>
      </c>
      <c r="R3051" s="10" t="s">
        <v>22</v>
      </c>
      <c r="S3051" s="10" t="s">
        <v>22</v>
      </c>
      <c r="T3051" s="10" t="s">
        <v>22</v>
      </c>
      <c r="U3051" s="10" t="s">
        <v>22</v>
      </c>
      <c r="V3051" s="10" t="s">
        <v>22</v>
      </c>
      <c r="W3051" s="10" t="s">
        <v>22</v>
      </c>
      <c r="X3051" s="10" t="s">
        <v>22</v>
      </c>
      <c r="Y3051" s="10" t="s">
        <v>22</v>
      </c>
      <c r="Z3051" s="10" t="s">
        <v>22</v>
      </c>
    </row>
    <row r="3052" spans="1:26" ht="24" customHeight="1" x14ac:dyDescent="0.2">
      <c r="A3052" s="9" t="s">
        <v>20294</v>
      </c>
      <c r="B3052" s="9" t="s">
        <v>14</v>
      </c>
      <c r="C3052" s="9" t="s">
        <v>17071</v>
      </c>
      <c r="D3052" s="6" t="s">
        <v>17072</v>
      </c>
      <c r="E3052" s="22">
        <v>45604</v>
      </c>
      <c r="F3052" s="22">
        <v>47429</v>
      </c>
      <c r="G3052" s="6" t="s">
        <v>17073</v>
      </c>
      <c r="H3052" s="6" t="s">
        <v>18</v>
      </c>
      <c r="I3052" s="6" t="s">
        <v>19</v>
      </c>
      <c r="J3052" s="6" t="s">
        <v>17074</v>
      </c>
      <c r="L3052" s="10" t="s">
        <v>22</v>
      </c>
      <c r="M3052" s="10" t="s">
        <v>22</v>
      </c>
      <c r="N3052" s="10" t="s">
        <v>22</v>
      </c>
      <c r="O3052" s="10" t="s">
        <v>22</v>
      </c>
      <c r="P3052" s="10" t="s">
        <v>22</v>
      </c>
      <c r="Q3052" s="10" t="s">
        <v>22</v>
      </c>
      <c r="R3052" s="10" t="s">
        <v>22</v>
      </c>
      <c r="S3052" s="10" t="s">
        <v>22</v>
      </c>
      <c r="T3052" s="10" t="s">
        <v>22</v>
      </c>
      <c r="U3052" s="10" t="s">
        <v>22</v>
      </c>
      <c r="V3052" s="10" t="s">
        <v>22</v>
      </c>
      <c r="W3052" s="10" t="s">
        <v>22</v>
      </c>
      <c r="X3052" s="10" t="s">
        <v>22</v>
      </c>
      <c r="Y3052" s="10" t="s">
        <v>22</v>
      </c>
      <c r="Z3052" s="10" t="s">
        <v>22</v>
      </c>
    </row>
    <row r="3053" spans="1:26" ht="24" customHeight="1" x14ac:dyDescent="0.2">
      <c r="A3053" s="9" t="s">
        <v>21274</v>
      </c>
      <c r="B3053" s="9" t="s">
        <v>14</v>
      </c>
      <c r="C3053" s="9" t="s">
        <v>20996</v>
      </c>
      <c r="D3053" s="6" t="s">
        <v>9305</v>
      </c>
      <c r="E3053" s="22">
        <v>45615</v>
      </c>
      <c r="F3053" s="22">
        <v>47440</v>
      </c>
      <c r="G3053" s="6" t="s">
        <v>20997</v>
      </c>
      <c r="H3053" s="6" t="s">
        <v>363</v>
      </c>
      <c r="I3053" s="6" t="s">
        <v>9306</v>
      </c>
      <c r="J3053" s="6" t="s">
        <v>9307</v>
      </c>
      <c r="L3053" s="10" t="s">
        <v>22</v>
      </c>
      <c r="M3053" s="10" t="s">
        <v>22</v>
      </c>
      <c r="N3053" s="10" t="s">
        <v>22</v>
      </c>
      <c r="O3053" s="10" t="s">
        <v>22</v>
      </c>
      <c r="P3053" s="10" t="s">
        <v>22</v>
      </c>
      <c r="Q3053" s="10" t="s">
        <v>22</v>
      </c>
      <c r="R3053" s="10" t="s">
        <v>22</v>
      </c>
      <c r="S3053" s="10" t="s">
        <v>22</v>
      </c>
      <c r="T3053" s="10" t="s">
        <v>22</v>
      </c>
      <c r="U3053" s="10" t="s">
        <v>22</v>
      </c>
      <c r="V3053" s="10" t="s">
        <v>22</v>
      </c>
      <c r="W3053" s="10" t="s">
        <v>22</v>
      </c>
      <c r="X3053" s="10" t="s">
        <v>22</v>
      </c>
      <c r="Y3053" s="10" t="s">
        <v>22</v>
      </c>
      <c r="Z3053" s="10" t="s">
        <v>22</v>
      </c>
    </row>
    <row r="3054" spans="1:26" ht="24" customHeight="1" x14ac:dyDescent="0.2">
      <c r="A3054" s="9" t="s">
        <v>21275</v>
      </c>
      <c r="B3054" s="9" t="s">
        <v>14</v>
      </c>
      <c r="C3054" s="9" t="s">
        <v>20998</v>
      </c>
      <c r="D3054" s="6" t="s">
        <v>20999</v>
      </c>
      <c r="E3054" s="22">
        <v>45615</v>
      </c>
      <c r="F3054" s="22">
        <v>47440</v>
      </c>
      <c r="G3054" s="6" t="s">
        <v>21000</v>
      </c>
      <c r="H3054" s="6" t="s">
        <v>62</v>
      </c>
      <c r="I3054" s="6" t="s">
        <v>379</v>
      </c>
      <c r="J3054" s="6" t="s">
        <v>21001</v>
      </c>
      <c r="L3054" s="10" t="s">
        <v>22</v>
      </c>
      <c r="M3054" s="10" t="s">
        <v>22</v>
      </c>
      <c r="N3054" s="10" t="s">
        <v>22</v>
      </c>
      <c r="O3054" s="10" t="s">
        <v>22</v>
      </c>
      <c r="P3054" s="10" t="s">
        <v>22</v>
      </c>
      <c r="Q3054" s="10" t="s">
        <v>22</v>
      </c>
      <c r="R3054" s="10" t="s">
        <v>22</v>
      </c>
      <c r="S3054" s="10" t="s">
        <v>22</v>
      </c>
      <c r="T3054" s="10" t="s">
        <v>22</v>
      </c>
    </row>
    <row r="3055" spans="1:26" ht="24" customHeight="1" x14ac:dyDescent="0.2">
      <c r="A3055" s="9" t="s">
        <v>21276</v>
      </c>
      <c r="B3055" s="9" t="s">
        <v>14</v>
      </c>
      <c r="C3055" s="9" t="s">
        <v>21002</v>
      </c>
      <c r="D3055" s="6" t="s">
        <v>21003</v>
      </c>
      <c r="E3055" s="22">
        <v>45615</v>
      </c>
      <c r="F3055" s="22">
        <v>47440</v>
      </c>
      <c r="G3055" s="6" t="s">
        <v>21004</v>
      </c>
      <c r="H3055" s="6" t="s">
        <v>2029</v>
      </c>
      <c r="I3055" s="6" t="s">
        <v>4983</v>
      </c>
      <c r="J3055" s="6" t="s">
        <v>21005</v>
      </c>
      <c r="L3055" s="10" t="s">
        <v>22</v>
      </c>
      <c r="M3055" s="10" t="s">
        <v>22</v>
      </c>
      <c r="N3055" s="10" t="s">
        <v>22</v>
      </c>
      <c r="O3055" s="10" t="s">
        <v>22</v>
      </c>
      <c r="P3055" s="10" t="s">
        <v>22</v>
      </c>
      <c r="Q3055" s="10" t="s">
        <v>22</v>
      </c>
      <c r="R3055" s="10" t="s">
        <v>22</v>
      </c>
      <c r="S3055" s="10" t="s">
        <v>22</v>
      </c>
      <c r="T3055" s="10" t="s">
        <v>22</v>
      </c>
      <c r="U3055" s="10" t="s">
        <v>22</v>
      </c>
      <c r="V3055" s="10" t="s">
        <v>22</v>
      </c>
      <c r="W3055" s="10" t="s">
        <v>22</v>
      </c>
      <c r="X3055" s="10" t="s">
        <v>22</v>
      </c>
      <c r="Y3055" s="10" t="s">
        <v>22</v>
      </c>
      <c r="Z3055" s="10" t="s">
        <v>22</v>
      </c>
    </row>
    <row r="3056" spans="1:26" ht="34" customHeight="1" x14ac:dyDescent="0.2">
      <c r="A3056" s="9" t="s">
        <v>21277</v>
      </c>
      <c r="B3056" s="9" t="s">
        <v>14</v>
      </c>
      <c r="C3056" s="9" t="s">
        <v>21006</v>
      </c>
      <c r="D3056" s="6" t="s">
        <v>21007</v>
      </c>
      <c r="E3056" s="22">
        <v>45617</v>
      </c>
      <c r="F3056" s="22">
        <v>47442</v>
      </c>
      <c r="G3056" s="6" t="s">
        <v>21008</v>
      </c>
      <c r="H3056" s="6" t="s">
        <v>18</v>
      </c>
      <c r="I3056" s="6" t="s">
        <v>19</v>
      </c>
      <c r="J3056" s="6" t="s">
        <v>8373</v>
      </c>
      <c r="L3056" s="10" t="s">
        <v>22</v>
      </c>
      <c r="M3056" s="10" t="s">
        <v>22</v>
      </c>
      <c r="N3056" s="10" t="s">
        <v>22</v>
      </c>
      <c r="O3056" s="10" t="s">
        <v>22</v>
      </c>
      <c r="P3056" s="10" t="s">
        <v>22</v>
      </c>
      <c r="Q3056" s="10" t="s">
        <v>22</v>
      </c>
      <c r="U3056" s="10" t="s">
        <v>22</v>
      </c>
      <c r="V3056" s="10" t="s">
        <v>22</v>
      </c>
      <c r="W3056" s="10" t="s">
        <v>22</v>
      </c>
      <c r="X3056" s="10" t="s">
        <v>22</v>
      </c>
      <c r="Y3056" s="10" t="s">
        <v>22</v>
      </c>
      <c r="Z3056" s="10" t="s">
        <v>22</v>
      </c>
    </row>
    <row r="3057" spans="1:26" ht="24" customHeight="1" x14ac:dyDescent="0.2">
      <c r="A3057" s="9" t="s">
        <v>21278</v>
      </c>
      <c r="B3057" s="9" t="s">
        <v>14</v>
      </c>
      <c r="C3057" s="9" t="s">
        <v>21009</v>
      </c>
      <c r="D3057" s="6" t="s">
        <v>21010</v>
      </c>
      <c r="E3057" s="22">
        <v>45617</v>
      </c>
      <c r="F3057" s="22">
        <v>47442</v>
      </c>
      <c r="G3057" s="6" t="s">
        <v>21011</v>
      </c>
      <c r="H3057" s="6" t="s">
        <v>62</v>
      </c>
      <c r="I3057" s="6" t="s">
        <v>352</v>
      </c>
      <c r="J3057" s="6" t="s">
        <v>21012</v>
      </c>
      <c r="L3057" s="10" t="s">
        <v>22</v>
      </c>
      <c r="M3057" s="10" t="s">
        <v>22</v>
      </c>
      <c r="N3057" s="10" t="s">
        <v>22</v>
      </c>
      <c r="O3057" s="10" t="s">
        <v>22</v>
      </c>
      <c r="P3057" s="10" t="s">
        <v>22</v>
      </c>
      <c r="Q3057" s="10" t="s">
        <v>22</v>
      </c>
      <c r="R3057" s="10" t="s">
        <v>22</v>
      </c>
      <c r="S3057" s="10" t="s">
        <v>22</v>
      </c>
      <c r="T3057" s="10" t="s">
        <v>22</v>
      </c>
      <c r="U3057" s="10" t="s">
        <v>22</v>
      </c>
      <c r="V3057" s="10" t="s">
        <v>22</v>
      </c>
      <c r="W3057" s="10" t="s">
        <v>22</v>
      </c>
      <c r="X3057" s="10" t="s">
        <v>22</v>
      </c>
      <c r="Y3057" s="10" t="s">
        <v>22</v>
      </c>
      <c r="Z3057" s="10" t="s">
        <v>22</v>
      </c>
    </row>
    <row r="3058" spans="1:26" ht="24" customHeight="1" x14ac:dyDescent="0.2">
      <c r="A3058" s="9" t="s">
        <v>21279</v>
      </c>
      <c r="B3058" s="9" t="s">
        <v>14</v>
      </c>
      <c r="C3058" s="9" t="s">
        <v>21013</v>
      </c>
      <c r="D3058" s="6" t="s">
        <v>7689</v>
      </c>
      <c r="E3058" s="22">
        <v>45617</v>
      </c>
      <c r="F3058" s="22">
        <v>47442</v>
      </c>
      <c r="G3058" s="6" t="s">
        <v>7690</v>
      </c>
      <c r="H3058" s="6" t="s">
        <v>202</v>
      </c>
      <c r="I3058" s="6" t="s">
        <v>863</v>
      </c>
      <c r="J3058" s="6" t="s">
        <v>21014</v>
      </c>
      <c r="L3058" s="10" t="s">
        <v>22</v>
      </c>
      <c r="M3058" s="10" t="s">
        <v>22</v>
      </c>
      <c r="N3058" s="10" t="s">
        <v>22</v>
      </c>
      <c r="O3058" s="10" t="s">
        <v>22</v>
      </c>
      <c r="P3058" s="10" t="s">
        <v>22</v>
      </c>
      <c r="Q3058" s="10" t="s">
        <v>22</v>
      </c>
      <c r="R3058" s="10" t="s">
        <v>22</v>
      </c>
      <c r="S3058" s="10" t="s">
        <v>22</v>
      </c>
      <c r="T3058" s="10" t="s">
        <v>22</v>
      </c>
      <c r="U3058" s="10" t="s">
        <v>22</v>
      </c>
      <c r="V3058" s="10" t="s">
        <v>22</v>
      </c>
      <c r="W3058" s="10" t="s">
        <v>22</v>
      </c>
      <c r="X3058" s="10" t="s">
        <v>22</v>
      </c>
      <c r="Y3058" s="10" t="s">
        <v>22</v>
      </c>
      <c r="Z3058" s="10" t="s">
        <v>22</v>
      </c>
    </row>
    <row r="3059" spans="1:26" ht="24" customHeight="1" x14ac:dyDescent="0.2">
      <c r="A3059" s="9" t="s">
        <v>21280</v>
      </c>
      <c r="B3059" s="9" t="s">
        <v>14</v>
      </c>
      <c r="C3059" s="9" t="s">
        <v>21015</v>
      </c>
      <c r="D3059" s="6" t="s">
        <v>21016</v>
      </c>
      <c r="E3059" s="22">
        <v>45617</v>
      </c>
      <c r="F3059" s="22">
        <v>47442</v>
      </c>
      <c r="G3059" s="6" t="s">
        <v>21017</v>
      </c>
      <c r="H3059" s="6" t="s">
        <v>363</v>
      </c>
      <c r="I3059" s="6" t="s">
        <v>364</v>
      </c>
      <c r="J3059" s="6" t="s">
        <v>21018</v>
      </c>
      <c r="L3059" s="10" t="s">
        <v>22</v>
      </c>
      <c r="M3059" s="10" t="s">
        <v>22</v>
      </c>
      <c r="N3059" s="10" t="s">
        <v>22</v>
      </c>
      <c r="O3059" s="10" t="s">
        <v>22</v>
      </c>
      <c r="P3059" s="10" t="s">
        <v>22</v>
      </c>
      <c r="Q3059" s="10" t="s">
        <v>22</v>
      </c>
      <c r="U3059" s="10" t="s">
        <v>22</v>
      </c>
      <c r="V3059" s="10" t="s">
        <v>22</v>
      </c>
      <c r="W3059" s="10" t="s">
        <v>22</v>
      </c>
      <c r="X3059" s="10" t="s">
        <v>22</v>
      </c>
      <c r="Y3059" s="10" t="s">
        <v>22</v>
      </c>
      <c r="Z3059" s="10" t="s">
        <v>22</v>
      </c>
    </row>
    <row r="3060" spans="1:26" ht="24" customHeight="1" x14ac:dyDescent="0.2">
      <c r="A3060" s="9" t="s">
        <v>21281</v>
      </c>
      <c r="B3060" s="9" t="s">
        <v>14</v>
      </c>
      <c r="C3060" s="9" t="s">
        <v>21019</v>
      </c>
      <c r="D3060" s="6" t="s">
        <v>9375</v>
      </c>
      <c r="E3060" s="22">
        <v>45617</v>
      </c>
      <c r="F3060" s="22">
        <v>47442</v>
      </c>
      <c r="G3060" s="6" t="s">
        <v>9376</v>
      </c>
      <c r="H3060" s="6" t="s">
        <v>18</v>
      </c>
      <c r="I3060" s="6" t="s">
        <v>19</v>
      </c>
      <c r="J3060" s="6" t="s">
        <v>9377</v>
      </c>
      <c r="L3060" s="10" t="s">
        <v>22</v>
      </c>
      <c r="M3060" s="10" t="s">
        <v>22</v>
      </c>
      <c r="N3060" s="10" t="s">
        <v>22</v>
      </c>
      <c r="O3060" s="10" t="s">
        <v>22</v>
      </c>
      <c r="P3060" s="10" t="s">
        <v>22</v>
      </c>
      <c r="Q3060" s="10" t="s">
        <v>22</v>
      </c>
    </row>
    <row r="3061" spans="1:26" ht="24" customHeight="1" x14ac:dyDescent="0.2">
      <c r="A3061" s="9" t="s">
        <v>21282</v>
      </c>
      <c r="B3061" s="9" t="s">
        <v>14</v>
      </c>
      <c r="C3061" s="9" t="s">
        <v>21020</v>
      </c>
      <c r="D3061" s="6" t="s">
        <v>21021</v>
      </c>
      <c r="E3061" s="22">
        <v>45617</v>
      </c>
      <c r="F3061" s="22">
        <v>47442</v>
      </c>
      <c r="G3061" s="6" t="s">
        <v>21022</v>
      </c>
      <c r="H3061" s="6" t="s">
        <v>2069</v>
      </c>
      <c r="I3061" s="6" t="s">
        <v>6581</v>
      </c>
      <c r="J3061" s="6" t="s">
        <v>21023</v>
      </c>
      <c r="L3061" s="10" t="s">
        <v>22</v>
      </c>
      <c r="M3061" s="10" t="s">
        <v>22</v>
      </c>
      <c r="N3061" s="10" t="s">
        <v>22</v>
      </c>
      <c r="O3061" s="10" t="s">
        <v>22</v>
      </c>
      <c r="P3061" s="10" t="s">
        <v>22</v>
      </c>
      <c r="Q3061" s="10" t="s">
        <v>22</v>
      </c>
      <c r="R3061" s="10" t="s">
        <v>22</v>
      </c>
      <c r="S3061" s="10" t="s">
        <v>22</v>
      </c>
      <c r="T3061" s="10" t="s">
        <v>22</v>
      </c>
      <c r="U3061" s="10" t="s">
        <v>22</v>
      </c>
      <c r="V3061" s="10" t="s">
        <v>22</v>
      </c>
      <c r="W3061" s="10" t="s">
        <v>22</v>
      </c>
      <c r="X3061" s="10" t="s">
        <v>22</v>
      </c>
      <c r="Y3061" s="10" t="s">
        <v>22</v>
      </c>
      <c r="Z3061" s="10" t="s">
        <v>22</v>
      </c>
    </row>
    <row r="3062" spans="1:26" ht="24" customHeight="1" x14ac:dyDescent="0.2">
      <c r="A3062" s="9" t="s">
        <v>21283</v>
      </c>
      <c r="B3062" s="9" t="s">
        <v>14</v>
      </c>
      <c r="C3062" s="9" t="s">
        <v>21024</v>
      </c>
      <c r="D3062" s="6" t="s">
        <v>21025</v>
      </c>
      <c r="E3062" s="22">
        <v>45617</v>
      </c>
      <c r="F3062" s="22">
        <v>47442</v>
      </c>
      <c r="G3062" s="6" t="s">
        <v>21026</v>
      </c>
      <c r="H3062" s="6" t="s">
        <v>62</v>
      </c>
      <c r="I3062" s="6" t="s">
        <v>186</v>
      </c>
      <c r="J3062" s="6" t="s">
        <v>21027</v>
      </c>
      <c r="M3062" s="10" t="s">
        <v>22</v>
      </c>
      <c r="N3062" s="10" t="s">
        <v>22</v>
      </c>
      <c r="P3062" s="10" t="s">
        <v>22</v>
      </c>
      <c r="Q3062" s="10" t="s">
        <v>22</v>
      </c>
      <c r="V3062" s="10" t="s">
        <v>22</v>
      </c>
      <c r="W3062" s="10" t="s">
        <v>22</v>
      </c>
    </row>
    <row r="3063" spans="1:26" ht="24" customHeight="1" x14ac:dyDescent="0.2">
      <c r="A3063" s="9" t="s">
        <v>21284</v>
      </c>
      <c r="B3063" s="9" t="s">
        <v>14</v>
      </c>
      <c r="C3063" s="9" t="s">
        <v>21028</v>
      </c>
      <c r="D3063" s="6" t="s">
        <v>21029</v>
      </c>
      <c r="E3063" s="22">
        <v>45617</v>
      </c>
      <c r="F3063" s="22">
        <v>47442</v>
      </c>
      <c r="G3063" s="6" t="s">
        <v>21030</v>
      </c>
      <c r="H3063" s="6" t="s">
        <v>1047</v>
      </c>
      <c r="I3063" s="6" t="s">
        <v>21031</v>
      </c>
      <c r="J3063" s="6" t="s">
        <v>21032</v>
      </c>
      <c r="L3063" s="10" t="s">
        <v>22</v>
      </c>
      <c r="M3063" s="10" t="s">
        <v>22</v>
      </c>
      <c r="N3063" s="10" t="s">
        <v>22</v>
      </c>
      <c r="O3063" s="10" t="s">
        <v>22</v>
      </c>
      <c r="P3063" s="10" t="s">
        <v>22</v>
      </c>
      <c r="Q3063" s="10" t="s">
        <v>22</v>
      </c>
      <c r="R3063" s="10" t="s">
        <v>22</v>
      </c>
      <c r="S3063" s="10" t="s">
        <v>22</v>
      </c>
      <c r="T3063" s="10" t="s">
        <v>22</v>
      </c>
      <c r="U3063" s="10" t="s">
        <v>22</v>
      </c>
      <c r="V3063" s="10" t="s">
        <v>22</v>
      </c>
      <c r="W3063" s="10" t="s">
        <v>22</v>
      </c>
      <c r="X3063" s="10" t="s">
        <v>22</v>
      </c>
      <c r="Y3063" s="10" t="s">
        <v>22</v>
      </c>
      <c r="Z3063" s="10" t="s">
        <v>22</v>
      </c>
    </row>
    <row r="3064" spans="1:26" ht="24" customHeight="1" x14ac:dyDescent="0.2">
      <c r="A3064" s="9" t="s">
        <v>21285</v>
      </c>
      <c r="B3064" s="9" t="s">
        <v>14</v>
      </c>
      <c r="C3064" s="9" t="s">
        <v>21033</v>
      </c>
      <c r="D3064" s="6" t="s">
        <v>21034</v>
      </c>
      <c r="E3064" s="22">
        <v>45623</v>
      </c>
      <c r="F3064" s="22">
        <v>47448</v>
      </c>
      <c r="G3064" s="6" t="s">
        <v>21035</v>
      </c>
      <c r="H3064" s="6" t="s">
        <v>202</v>
      </c>
      <c r="I3064" s="6" t="s">
        <v>3589</v>
      </c>
      <c r="J3064" s="6" t="s">
        <v>21036</v>
      </c>
      <c r="L3064" s="10" t="s">
        <v>22</v>
      </c>
      <c r="M3064" s="10" t="s">
        <v>22</v>
      </c>
      <c r="N3064" s="10" t="s">
        <v>22</v>
      </c>
      <c r="O3064" s="10" t="s">
        <v>22</v>
      </c>
      <c r="P3064" s="10" t="s">
        <v>22</v>
      </c>
      <c r="Q3064" s="10" t="s">
        <v>22</v>
      </c>
      <c r="R3064" s="10" t="s">
        <v>22</v>
      </c>
      <c r="S3064" s="10" t="s">
        <v>22</v>
      </c>
      <c r="T3064" s="10" t="s">
        <v>22</v>
      </c>
      <c r="U3064" s="10" t="s">
        <v>22</v>
      </c>
      <c r="V3064" s="10" t="s">
        <v>22</v>
      </c>
      <c r="W3064" s="10" t="s">
        <v>22</v>
      </c>
      <c r="X3064" s="10" t="s">
        <v>22</v>
      </c>
      <c r="Y3064" s="10" t="s">
        <v>22</v>
      </c>
      <c r="Z3064" s="10" t="s">
        <v>22</v>
      </c>
    </row>
    <row r="3065" spans="1:26" ht="24" customHeight="1" x14ac:dyDescent="0.2">
      <c r="A3065" s="9" t="s">
        <v>21286</v>
      </c>
      <c r="B3065" s="9" t="s">
        <v>14</v>
      </c>
      <c r="C3065" s="9" t="s">
        <v>21037</v>
      </c>
      <c r="D3065" s="6" t="s">
        <v>21038</v>
      </c>
      <c r="E3065" s="22">
        <v>45636</v>
      </c>
      <c r="F3065" s="22">
        <v>47461</v>
      </c>
      <c r="G3065" s="6" t="s">
        <v>21039</v>
      </c>
      <c r="H3065" s="6" t="s">
        <v>62</v>
      </c>
      <c r="I3065" s="6" t="s">
        <v>318</v>
      </c>
      <c r="J3065" s="6" t="s">
        <v>21040</v>
      </c>
      <c r="L3065" s="10" t="s">
        <v>22</v>
      </c>
      <c r="M3065" s="10" t="s">
        <v>22</v>
      </c>
      <c r="N3065" s="10" t="s">
        <v>22</v>
      </c>
      <c r="O3065" s="10" t="s">
        <v>22</v>
      </c>
      <c r="P3065" s="10" t="s">
        <v>22</v>
      </c>
      <c r="Q3065" s="10" t="s">
        <v>22</v>
      </c>
      <c r="U3065" s="10" t="s">
        <v>22</v>
      </c>
      <c r="V3065" s="10" t="s">
        <v>22</v>
      </c>
      <c r="W3065" s="10" t="s">
        <v>22</v>
      </c>
      <c r="X3065" s="10" t="s">
        <v>22</v>
      </c>
      <c r="Y3065" s="10" t="s">
        <v>22</v>
      </c>
      <c r="Z3065" s="10" t="s">
        <v>22</v>
      </c>
    </row>
    <row r="3066" spans="1:26" ht="24" customHeight="1" x14ac:dyDescent="0.2">
      <c r="A3066" s="9" t="s">
        <v>21287</v>
      </c>
      <c r="B3066" s="9" t="s">
        <v>14</v>
      </c>
      <c r="C3066" s="9" t="s">
        <v>21041</v>
      </c>
      <c r="D3066" s="6" t="s">
        <v>21042</v>
      </c>
      <c r="E3066" s="22">
        <v>45636</v>
      </c>
      <c r="F3066" s="22">
        <v>47461</v>
      </c>
      <c r="G3066" s="6" t="s">
        <v>21043</v>
      </c>
      <c r="H3066" s="6" t="s">
        <v>18</v>
      </c>
      <c r="I3066" s="6" t="s">
        <v>19</v>
      </c>
      <c r="J3066" s="6" t="s">
        <v>21044</v>
      </c>
      <c r="L3066" s="10" t="s">
        <v>22</v>
      </c>
      <c r="M3066" s="10" t="s">
        <v>22</v>
      </c>
      <c r="N3066" s="10" t="s">
        <v>22</v>
      </c>
      <c r="O3066" s="10" t="s">
        <v>22</v>
      </c>
      <c r="P3066" s="10" t="s">
        <v>22</v>
      </c>
      <c r="Q3066" s="10" t="s">
        <v>22</v>
      </c>
      <c r="R3066" s="10" t="s">
        <v>22</v>
      </c>
      <c r="S3066" s="10" t="s">
        <v>22</v>
      </c>
      <c r="T3066" s="10" t="s">
        <v>22</v>
      </c>
      <c r="U3066" s="10" t="s">
        <v>22</v>
      </c>
      <c r="V3066" s="10" t="s">
        <v>22</v>
      </c>
      <c r="W3066" s="10" t="s">
        <v>22</v>
      </c>
      <c r="X3066" s="10" t="s">
        <v>22</v>
      </c>
      <c r="Y3066" s="10" t="s">
        <v>22</v>
      </c>
      <c r="Z3066" s="10" t="s">
        <v>22</v>
      </c>
    </row>
    <row r="3067" spans="1:26" ht="24" customHeight="1" x14ac:dyDescent="0.2">
      <c r="A3067" s="9" t="s">
        <v>21288</v>
      </c>
      <c r="B3067" s="9" t="s">
        <v>14</v>
      </c>
      <c r="C3067" s="9" t="s">
        <v>21045</v>
      </c>
      <c r="D3067" s="6" t="s">
        <v>21046</v>
      </c>
      <c r="E3067" s="22">
        <v>45638</v>
      </c>
      <c r="F3067" s="22">
        <v>47463</v>
      </c>
      <c r="G3067" s="6" t="s">
        <v>21047</v>
      </c>
      <c r="H3067" s="6" t="s">
        <v>18</v>
      </c>
      <c r="I3067" s="6" t="s">
        <v>19</v>
      </c>
      <c r="J3067" s="6" t="s">
        <v>21048</v>
      </c>
      <c r="L3067" s="10" t="s">
        <v>22</v>
      </c>
      <c r="M3067" s="10" t="s">
        <v>22</v>
      </c>
      <c r="N3067" s="10" t="s">
        <v>22</v>
      </c>
    </row>
    <row r="3068" spans="1:26" ht="24" customHeight="1" x14ac:dyDescent="0.2">
      <c r="A3068" s="9" t="s">
        <v>21289</v>
      </c>
      <c r="B3068" s="9" t="s">
        <v>14</v>
      </c>
      <c r="C3068" s="9" t="s">
        <v>21049</v>
      </c>
      <c r="D3068" s="6" t="s">
        <v>21050</v>
      </c>
      <c r="E3068" s="22">
        <v>45636</v>
      </c>
      <c r="F3068" s="22">
        <v>47461</v>
      </c>
      <c r="G3068" s="6" t="s">
        <v>21051</v>
      </c>
      <c r="H3068" s="6" t="s">
        <v>18</v>
      </c>
      <c r="I3068" s="6" t="s">
        <v>19</v>
      </c>
      <c r="J3068" s="6" t="s">
        <v>21052</v>
      </c>
      <c r="L3068" s="10" t="s">
        <v>22</v>
      </c>
      <c r="M3068" s="10" t="s">
        <v>22</v>
      </c>
      <c r="N3068" s="10" t="s">
        <v>22</v>
      </c>
      <c r="O3068" s="10" t="s">
        <v>22</v>
      </c>
      <c r="P3068" s="10" t="s">
        <v>22</v>
      </c>
      <c r="Q3068" s="10" t="s">
        <v>22</v>
      </c>
      <c r="U3068" s="10" t="s">
        <v>22</v>
      </c>
      <c r="V3068" s="10" t="s">
        <v>22</v>
      </c>
      <c r="W3068" s="10" t="s">
        <v>22</v>
      </c>
      <c r="X3068" s="10" t="s">
        <v>22</v>
      </c>
      <c r="Y3068" s="10" t="s">
        <v>22</v>
      </c>
      <c r="Z3068" s="10" t="s">
        <v>22</v>
      </c>
    </row>
    <row r="3069" spans="1:26" ht="24" customHeight="1" x14ac:dyDescent="0.2">
      <c r="A3069" s="9" t="s">
        <v>21290</v>
      </c>
      <c r="B3069" s="9" t="s">
        <v>14</v>
      </c>
      <c r="C3069" s="9" t="s">
        <v>21053</v>
      </c>
      <c r="D3069" s="6" t="s">
        <v>4281</v>
      </c>
      <c r="E3069" s="22">
        <v>45638</v>
      </c>
      <c r="F3069" s="22">
        <v>47463</v>
      </c>
      <c r="G3069" s="6" t="s">
        <v>4282</v>
      </c>
      <c r="H3069" s="6" t="s">
        <v>18</v>
      </c>
      <c r="I3069" s="6" t="s">
        <v>19</v>
      </c>
      <c r="J3069" s="6" t="s">
        <v>10883</v>
      </c>
      <c r="L3069" s="10" t="s">
        <v>22</v>
      </c>
      <c r="M3069" s="10" t="s">
        <v>22</v>
      </c>
      <c r="N3069" s="10" t="s">
        <v>22</v>
      </c>
      <c r="O3069" s="10" t="s">
        <v>22</v>
      </c>
      <c r="P3069" s="10" t="s">
        <v>22</v>
      </c>
      <c r="Q3069" s="10" t="s">
        <v>22</v>
      </c>
      <c r="U3069" s="10" t="s">
        <v>22</v>
      </c>
      <c r="V3069" s="10" t="s">
        <v>22</v>
      </c>
      <c r="W3069" s="10" t="s">
        <v>22</v>
      </c>
      <c r="X3069" s="10" t="s">
        <v>22</v>
      </c>
      <c r="Y3069" s="10" t="s">
        <v>22</v>
      </c>
      <c r="Z3069" s="10" t="s">
        <v>22</v>
      </c>
    </row>
    <row r="3070" spans="1:26" ht="24" customHeight="1" x14ac:dyDescent="0.2">
      <c r="A3070" s="9" t="s">
        <v>21291</v>
      </c>
      <c r="B3070" s="9" t="s">
        <v>14</v>
      </c>
      <c r="C3070" s="9" t="s">
        <v>21054</v>
      </c>
      <c r="D3070" s="6" t="s">
        <v>21055</v>
      </c>
      <c r="E3070" s="22">
        <v>45642</v>
      </c>
      <c r="F3070" s="22">
        <v>47467</v>
      </c>
      <c r="G3070" s="6" t="s">
        <v>21056</v>
      </c>
      <c r="H3070" s="6" t="s">
        <v>229</v>
      </c>
      <c r="I3070" s="6" t="s">
        <v>825</v>
      </c>
      <c r="J3070" s="6" t="s">
        <v>21057</v>
      </c>
      <c r="L3070" s="10" t="s">
        <v>22</v>
      </c>
      <c r="M3070" s="10" t="s">
        <v>22</v>
      </c>
      <c r="N3070" s="10" t="s">
        <v>22</v>
      </c>
      <c r="O3070" s="10" t="s">
        <v>22</v>
      </c>
      <c r="P3070" s="10" t="s">
        <v>22</v>
      </c>
      <c r="Q3070" s="10" t="s">
        <v>22</v>
      </c>
      <c r="U3070" s="10" t="s">
        <v>22</v>
      </c>
      <c r="V3070" s="10" t="s">
        <v>22</v>
      </c>
      <c r="W3070" s="10" t="s">
        <v>22</v>
      </c>
      <c r="X3070" s="10" t="s">
        <v>22</v>
      </c>
      <c r="Y3070" s="10" t="s">
        <v>22</v>
      </c>
      <c r="Z3070" s="10" t="s">
        <v>22</v>
      </c>
    </row>
    <row r="3071" spans="1:26" ht="24" customHeight="1" x14ac:dyDescent="0.2">
      <c r="A3071" s="9" t="s">
        <v>21292</v>
      </c>
      <c r="B3071" s="9" t="s">
        <v>14</v>
      </c>
      <c r="C3071" s="9" t="s">
        <v>21058</v>
      </c>
      <c r="D3071" s="6" t="s">
        <v>5606</v>
      </c>
      <c r="E3071" s="22">
        <v>45642</v>
      </c>
      <c r="F3071" s="22">
        <v>47467</v>
      </c>
      <c r="G3071" s="6" t="s">
        <v>5607</v>
      </c>
      <c r="H3071" s="6" t="s">
        <v>62</v>
      </c>
      <c r="I3071" s="6" t="s">
        <v>551</v>
      </c>
      <c r="J3071" s="6" t="s">
        <v>5608</v>
      </c>
      <c r="L3071" s="10" t="s">
        <v>22</v>
      </c>
      <c r="M3071" s="10" t="s">
        <v>22</v>
      </c>
      <c r="N3071" s="10" t="s">
        <v>22</v>
      </c>
      <c r="O3071" s="10" t="s">
        <v>22</v>
      </c>
      <c r="P3071" s="10" t="s">
        <v>22</v>
      </c>
      <c r="Q3071" s="10" t="s">
        <v>22</v>
      </c>
      <c r="R3071" s="10" t="s">
        <v>22</v>
      </c>
      <c r="S3071" s="10" t="s">
        <v>22</v>
      </c>
      <c r="T3071" s="10" t="s">
        <v>22</v>
      </c>
    </row>
    <row r="3072" spans="1:26" ht="24" customHeight="1" x14ac:dyDescent="0.2">
      <c r="A3072" s="9" t="s">
        <v>21293</v>
      </c>
      <c r="B3072" s="9" t="s">
        <v>14</v>
      </c>
      <c r="C3072" s="9" t="s">
        <v>21059</v>
      </c>
      <c r="D3072" s="6" t="s">
        <v>15519</v>
      </c>
      <c r="E3072" s="22">
        <v>45642</v>
      </c>
      <c r="F3072" s="22">
        <v>47467</v>
      </c>
      <c r="G3072" s="6" t="s">
        <v>15520</v>
      </c>
      <c r="H3072" s="6" t="s">
        <v>62</v>
      </c>
      <c r="I3072" s="6" t="s">
        <v>63</v>
      </c>
      <c r="J3072" s="6" t="s">
        <v>21060</v>
      </c>
      <c r="L3072" s="10" t="s">
        <v>22</v>
      </c>
      <c r="M3072" s="10" t="s">
        <v>22</v>
      </c>
      <c r="N3072" s="10" t="s">
        <v>22</v>
      </c>
      <c r="O3072" s="10" t="s">
        <v>22</v>
      </c>
      <c r="P3072" s="10" t="s">
        <v>22</v>
      </c>
      <c r="Q3072" s="10" t="s">
        <v>22</v>
      </c>
      <c r="U3072" s="10" t="s">
        <v>22</v>
      </c>
      <c r="V3072" s="10" t="s">
        <v>22</v>
      </c>
      <c r="W3072" s="10" t="s">
        <v>22</v>
      </c>
      <c r="X3072" s="10" t="s">
        <v>22</v>
      </c>
      <c r="Y3072" s="10" t="s">
        <v>22</v>
      </c>
      <c r="Z3072" s="10" t="s">
        <v>22</v>
      </c>
    </row>
    <row r="3073" spans="1:26" ht="24" customHeight="1" x14ac:dyDescent="0.2">
      <c r="A3073" s="9" t="s">
        <v>21294</v>
      </c>
      <c r="B3073" s="9" t="s">
        <v>14</v>
      </c>
      <c r="C3073" s="9" t="s">
        <v>21061</v>
      </c>
      <c r="D3073" s="6" t="s">
        <v>21062</v>
      </c>
      <c r="E3073" s="22">
        <v>45642</v>
      </c>
      <c r="F3073" s="22">
        <v>47467</v>
      </c>
      <c r="G3073" s="6" t="s">
        <v>21063</v>
      </c>
      <c r="H3073" s="6" t="s">
        <v>3283</v>
      </c>
      <c r="I3073" s="6" t="s">
        <v>3284</v>
      </c>
      <c r="J3073" s="6" t="s">
        <v>21064</v>
      </c>
      <c r="L3073" s="10" t="s">
        <v>22</v>
      </c>
      <c r="M3073" s="10" t="s">
        <v>22</v>
      </c>
      <c r="N3073" s="10" t="s">
        <v>22</v>
      </c>
      <c r="O3073" s="10" t="s">
        <v>22</v>
      </c>
      <c r="P3073" s="10" t="s">
        <v>22</v>
      </c>
      <c r="Q3073" s="10" t="s">
        <v>22</v>
      </c>
      <c r="R3073" s="10" t="s">
        <v>22</v>
      </c>
      <c r="S3073" s="10" t="s">
        <v>22</v>
      </c>
      <c r="T3073" s="10" t="s">
        <v>22</v>
      </c>
      <c r="U3073" s="10" t="s">
        <v>22</v>
      </c>
      <c r="V3073" s="10" t="s">
        <v>22</v>
      </c>
      <c r="W3073" s="10" t="s">
        <v>22</v>
      </c>
      <c r="X3073" s="10" t="s">
        <v>22</v>
      </c>
      <c r="Y3073" s="10" t="s">
        <v>22</v>
      </c>
      <c r="Z3073" s="10" t="s">
        <v>22</v>
      </c>
    </row>
    <row r="3074" spans="1:26" ht="24" customHeight="1" x14ac:dyDescent="0.2">
      <c r="A3074" s="9" t="s">
        <v>21295</v>
      </c>
      <c r="B3074" s="9" t="s">
        <v>14</v>
      </c>
      <c r="C3074" s="9" t="s">
        <v>21065</v>
      </c>
      <c r="D3074" s="6" t="s">
        <v>21066</v>
      </c>
      <c r="E3074" s="22">
        <v>45644</v>
      </c>
      <c r="F3074" s="22">
        <v>47469</v>
      </c>
      <c r="G3074" s="6" t="s">
        <v>21067</v>
      </c>
      <c r="H3074" s="6" t="s">
        <v>18</v>
      </c>
      <c r="I3074" s="6" t="s">
        <v>19</v>
      </c>
      <c r="J3074" s="6" t="s">
        <v>21068</v>
      </c>
      <c r="L3074" s="10" t="s">
        <v>22</v>
      </c>
      <c r="M3074" s="10" t="s">
        <v>22</v>
      </c>
      <c r="N3074" s="10" t="s">
        <v>22</v>
      </c>
      <c r="O3074" s="10" t="s">
        <v>22</v>
      </c>
      <c r="P3074" s="10" t="s">
        <v>22</v>
      </c>
      <c r="Q3074" s="10" t="s">
        <v>22</v>
      </c>
      <c r="R3074" s="10" t="s">
        <v>22</v>
      </c>
      <c r="S3074" s="10" t="s">
        <v>22</v>
      </c>
      <c r="T3074" s="10" t="s">
        <v>22</v>
      </c>
    </row>
    <row r="3075" spans="1:26" ht="24" customHeight="1" x14ac:dyDescent="0.2">
      <c r="A3075" s="9" t="s">
        <v>21296</v>
      </c>
      <c r="B3075" s="9" t="s">
        <v>14</v>
      </c>
      <c r="C3075" s="9" t="s">
        <v>21069</v>
      </c>
      <c r="D3075" s="6" t="s">
        <v>21070</v>
      </c>
      <c r="E3075" s="22">
        <v>45644</v>
      </c>
      <c r="F3075" s="22">
        <v>47469</v>
      </c>
      <c r="G3075" s="6" t="s">
        <v>21071</v>
      </c>
      <c r="H3075" s="6" t="s">
        <v>62</v>
      </c>
      <c r="I3075" s="6" t="s">
        <v>73</v>
      </c>
      <c r="J3075" s="6" t="s">
        <v>21072</v>
      </c>
      <c r="L3075" s="10" t="s">
        <v>22</v>
      </c>
      <c r="M3075" s="10" t="s">
        <v>22</v>
      </c>
      <c r="N3075" s="10" t="s">
        <v>22</v>
      </c>
      <c r="O3075" s="10" t="s">
        <v>22</v>
      </c>
      <c r="P3075" s="10" t="s">
        <v>22</v>
      </c>
      <c r="Q3075" s="10" t="s">
        <v>22</v>
      </c>
      <c r="R3075" s="10" t="s">
        <v>22</v>
      </c>
      <c r="S3075" s="10" t="s">
        <v>22</v>
      </c>
      <c r="T3075" s="10" t="s">
        <v>22</v>
      </c>
      <c r="U3075" s="10" t="s">
        <v>22</v>
      </c>
      <c r="V3075" s="10" t="s">
        <v>22</v>
      </c>
      <c r="W3075" s="10" t="s">
        <v>22</v>
      </c>
      <c r="X3075" s="10" t="s">
        <v>22</v>
      </c>
      <c r="Y3075" s="10" t="s">
        <v>22</v>
      </c>
      <c r="Z3075" s="10" t="s">
        <v>22</v>
      </c>
    </row>
    <row r="3076" spans="1:26" ht="24" customHeight="1" x14ac:dyDescent="0.2">
      <c r="A3076" s="9" t="s">
        <v>21297</v>
      </c>
      <c r="B3076" s="9" t="s">
        <v>14</v>
      </c>
      <c r="C3076" s="9" t="s">
        <v>21073</v>
      </c>
      <c r="D3076" s="6" t="s">
        <v>21074</v>
      </c>
      <c r="E3076" s="22">
        <v>45651</v>
      </c>
      <c r="F3076" s="22">
        <v>47476</v>
      </c>
      <c r="G3076" s="6" t="s">
        <v>21075</v>
      </c>
      <c r="H3076" s="6" t="s">
        <v>18</v>
      </c>
      <c r="I3076" s="6" t="s">
        <v>19</v>
      </c>
      <c r="J3076" s="6" t="s">
        <v>21076</v>
      </c>
      <c r="L3076" s="10" t="s">
        <v>22</v>
      </c>
      <c r="M3076" s="10" t="s">
        <v>22</v>
      </c>
      <c r="N3076" s="10" t="s">
        <v>22</v>
      </c>
      <c r="O3076" s="10" t="s">
        <v>22</v>
      </c>
      <c r="P3076" s="10" t="s">
        <v>22</v>
      </c>
      <c r="Q3076" s="10" t="s">
        <v>22</v>
      </c>
      <c r="U3076" s="10" t="s">
        <v>22</v>
      </c>
      <c r="V3076" s="10" t="s">
        <v>22</v>
      </c>
      <c r="W3076" s="10" t="s">
        <v>22</v>
      </c>
      <c r="X3076" s="10" t="s">
        <v>22</v>
      </c>
      <c r="Y3076" s="10" t="s">
        <v>22</v>
      </c>
      <c r="Z3076" s="10" t="s">
        <v>22</v>
      </c>
    </row>
    <row r="3077" spans="1:26" ht="24" customHeight="1" x14ac:dyDescent="0.2">
      <c r="A3077" s="9" t="s">
        <v>21298</v>
      </c>
      <c r="B3077" s="9" t="s">
        <v>14</v>
      </c>
      <c r="C3077" s="9" t="s">
        <v>21077</v>
      </c>
      <c r="D3077" s="6" t="s">
        <v>21078</v>
      </c>
      <c r="E3077" s="22">
        <v>45651</v>
      </c>
      <c r="F3077" s="22">
        <v>47476</v>
      </c>
      <c r="G3077" s="6" t="s">
        <v>21079</v>
      </c>
      <c r="H3077" s="6" t="s">
        <v>18</v>
      </c>
      <c r="I3077" s="6" t="s">
        <v>26</v>
      </c>
      <c r="J3077" s="6" t="s">
        <v>21080</v>
      </c>
      <c r="L3077" s="10" t="s">
        <v>22</v>
      </c>
      <c r="M3077" s="10" t="s">
        <v>22</v>
      </c>
      <c r="N3077" s="10" t="s">
        <v>22</v>
      </c>
      <c r="O3077" s="10" t="s">
        <v>22</v>
      </c>
      <c r="P3077" s="10" t="s">
        <v>22</v>
      </c>
      <c r="Q3077" s="10" t="s">
        <v>22</v>
      </c>
      <c r="R3077" s="10" t="s">
        <v>22</v>
      </c>
      <c r="S3077" s="10" t="s">
        <v>22</v>
      </c>
      <c r="T3077" s="10" t="s">
        <v>22</v>
      </c>
      <c r="U3077" s="10" t="s">
        <v>22</v>
      </c>
      <c r="V3077" s="10" t="s">
        <v>22</v>
      </c>
      <c r="W3077" s="10" t="s">
        <v>22</v>
      </c>
      <c r="X3077" s="10" t="s">
        <v>22</v>
      </c>
      <c r="Y3077" s="10" t="s">
        <v>22</v>
      </c>
      <c r="Z3077" s="10" t="s">
        <v>22</v>
      </c>
    </row>
    <row r="3078" spans="1:26" ht="24" customHeight="1" x14ac:dyDescent="0.2">
      <c r="A3078" s="9" t="s">
        <v>21299</v>
      </c>
      <c r="B3078" s="9" t="s">
        <v>14</v>
      </c>
      <c r="C3078" s="9" t="s">
        <v>21081</v>
      </c>
      <c r="D3078" s="6" t="s">
        <v>2815</v>
      </c>
      <c r="E3078" s="22">
        <v>45651</v>
      </c>
      <c r="F3078" s="22">
        <v>47476</v>
      </c>
      <c r="G3078" s="6" t="s">
        <v>2816</v>
      </c>
      <c r="H3078" s="6" t="s">
        <v>18</v>
      </c>
      <c r="I3078" s="6" t="s">
        <v>19</v>
      </c>
      <c r="J3078" s="6" t="s">
        <v>21082</v>
      </c>
      <c r="L3078" s="10" t="s">
        <v>22</v>
      </c>
      <c r="M3078" s="10" t="s">
        <v>22</v>
      </c>
      <c r="N3078" s="10" t="s">
        <v>22</v>
      </c>
      <c r="O3078" s="10" t="s">
        <v>22</v>
      </c>
      <c r="P3078" s="10" t="s">
        <v>22</v>
      </c>
      <c r="Q3078" s="10" t="s">
        <v>22</v>
      </c>
      <c r="U3078" s="10" t="s">
        <v>22</v>
      </c>
      <c r="V3078" s="10" t="s">
        <v>22</v>
      </c>
      <c r="W3078" s="10" t="s">
        <v>22</v>
      </c>
      <c r="X3078" s="10" t="s">
        <v>22</v>
      </c>
      <c r="Y3078" s="10" t="s">
        <v>22</v>
      </c>
      <c r="Z3078" s="10" t="s">
        <v>22</v>
      </c>
    </row>
    <row r="3079" spans="1:26" ht="24" customHeight="1" x14ac:dyDescent="0.2">
      <c r="A3079" s="9" t="s">
        <v>21300</v>
      </c>
      <c r="B3079" s="9" t="s">
        <v>14</v>
      </c>
      <c r="C3079" s="9" t="s">
        <v>21083</v>
      </c>
      <c r="D3079" s="6" t="s">
        <v>21084</v>
      </c>
      <c r="E3079" s="22">
        <v>45651</v>
      </c>
      <c r="F3079" s="22">
        <v>47476</v>
      </c>
      <c r="G3079" s="6" t="s">
        <v>21085</v>
      </c>
      <c r="H3079" s="6" t="s">
        <v>202</v>
      </c>
      <c r="I3079" s="6" t="s">
        <v>2992</v>
      </c>
      <c r="J3079" s="6" t="s">
        <v>21086</v>
      </c>
      <c r="L3079" s="10" t="s">
        <v>22</v>
      </c>
      <c r="M3079" s="10" t="s">
        <v>22</v>
      </c>
      <c r="N3079" s="10" t="s">
        <v>22</v>
      </c>
      <c r="O3079" s="10" t="s">
        <v>22</v>
      </c>
      <c r="P3079" s="10" t="s">
        <v>22</v>
      </c>
      <c r="Q3079" s="10" t="s">
        <v>22</v>
      </c>
      <c r="R3079" s="10" t="s">
        <v>22</v>
      </c>
      <c r="S3079" s="10" t="s">
        <v>22</v>
      </c>
      <c r="T3079" s="10" t="s">
        <v>22</v>
      </c>
    </row>
    <row r="3080" spans="1:26" ht="31.75" customHeight="1" x14ac:dyDescent="0.2">
      <c r="A3080" s="9" t="s">
        <v>21301</v>
      </c>
      <c r="B3080" s="9" t="s">
        <v>14</v>
      </c>
      <c r="C3080" s="9" t="s">
        <v>21087</v>
      </c>
      <c r="D3080" s="6" t="s">
        <v>21088</v>
      </c>
      <c r="E3080" s="22">
        <v>45650</v>
      </c>
      <c r="F3080" s="22">
        <v>47475</v>
      </c>
      <c r="G3080" s="6" t="s">
        <v>21089</v>
      </c>
      <c r="H3080" s="6" t="s">
        <v>18</v>
      </c>
      <c r="I3080" s="6" t="s">
        <v>19</v>
      </c>
      <c r="J3080" s="6" t="s">
        <v>2831</v>
      </c>
      <c r="L3080" s="10" t="s">
        <v>22</v>
      </c>
      <c r="M3080" s="10" t="s">
        <v>22</v>
      </c>
      <c r="N3080" s="10" t="s">
        <v>22</v>
      </c>
      <c r="O3080" s="10" t="s">
        <v>22</v>
      </c>
      <c r="P3080" s="10" t="s">
        <v>22</v>
      </c>
      <c r="Q3080" s="10" t="s">
        <v>22</v>
      </c>
      <c r="R3080" s="10" t="s">
        <v>22</v>
      </c>
      <c r="S3080" s="10" t="s">
        <v>22</v>
      </c>
      <c r="T3080" s="10" t="s">
        <v>22</v>
      </c>
      <c r="U3080" s="10" t="s">
        <v>22</v>
      </c>
      <c r="V3080" s="10" t="s">
        <v>22</v>
      </c>
      <c r="W3080" s="10" t="s">
        <v>22</v>
      </c>
      <c r="X3080" s="10" t="s">
        <v>22</v>
      </c>
      <c r="Y3080" s="10" t="s">
        <v>22</v>
      </c>
      <c r="Z3080" s="10" t="s">
        <v>22</v>
      </c>
    </row>
    <row r="3081" spans="1:26" ht="31.75" customHeight="1" x14ac:dyDescent="0.2">
      <c r="A3081" s="9" t="s">
        <v>21302</v>
      </c>
      <c r="B3081" s="9" t="s">
        <v>14</v>
      </c>
      <c r="C3081" s="9" t="s">
        <v>21087</v>
      </c>
      <c r="D3081" s="6" t="s">
        <v>21088</v>
      </c>
      <c r="E3081" s="22">
        <v>45650</v>
      </c>
      <c r="F3081" s="22">
        <v>47475</v>
      </c>
      <c r="G3081" s="6" t="s">
        <v>21090</v>
      </c>
      <c r="H3081" s="6" t="s">
        <v>18</v>
      </c>
      <c r="I3081" s="6" t="s">
        <v>392</v>
      </c>
      <c r="J3081" s="6" t="s">
        <v>515</v>
      </c>
      <c r="L3081" s="10" t="s">
        <v>22</v>
      </c>
      <c r="M3081" s="10" t="s">
        <v>22</v>
      </c>
      <c r="N3081" s="10" t="s">
        <v>22</v>
      </c>
      <c r="O3081" s="10" t="s">
        <v>22</v>
      </c>
      <c r="P3081" s="10" t="s">
        <v>22</v>
      </c>
      <c r="Q3081" s="10" t="s">
        <v>22</v>
      </c>
      <c r="R3081" s="10" t="s">
        <v>22</v>
      </c>
      <c r="S3081" s="10" t="s">
        <v>22</v>
      </c>
      <c r="T3081" s="10" t="s">
        <v>22</v>
      </c>
      <c r="U3081" s="10" t="s">
        <v>22</v>
      </c>
      <c r="V3081" s="10" t="s">
        <v>22</v>
      </c>
      <c r="W3081" s="10" t="s">
        <v>22</v>
      </c>
      <c r="X3081" s="10" t="s">
        <v>22</v>
      </c>
      <c r="Y3081" s="10" t="s">
        <v>22</v>
      </c>
      <c r="Z3081" s="10" t="s">
        <v>22</v>
      </c>
    </row>
    <row r="3082" spans="1:26" ht="31.75" customHeight="1" x14ac:dyDescent="0.2">
      <c r="A3082" s="9" t="s">
        <v>21303</v>
      </c>
      <c r="B3082" s="9" t="s">
        <v>14</v>
      </c>
      <c r="C3082" s="9" t="s">
        <v>21087</v>
      </c>
      <c r="D3082" s="6" t="s">
        <v>21088</v>
      </c>
      <c r="E3082" s="22">
        <v>45650</v>
      </c>
      <c r="F3082" s="22">
        <v>47475</v>
      </c>
      <c r="G3082" s="6" t="s">
        <v>21091</v>
      </c>
      <c r="H3082" s="6" t="s">
        <v>18</v>
      </c>
      <c r="I3082" s="6" t="s">
        <v>522</v>
      </c>
      <c r="J3082" s="6" t="s">
        <v>523</v>
      </c>
      <c r="L3082" s="10" t="s">
        <v>22</v>
      </c>
      <c r="M3082" s="10" t="s">
        <v>22</v>
      </c>
      <c r="N3082" s="10" t="s">
        <v>22</v>
      </c>
      <c r="O3082" s="10" t="s">
        <v>22</v>
      </c>
      <c r="P3082" s="10" t="s">
        <v>22</v>
      </c>
      <c r="Q3082" s="10" t="s">
        <v>22</v>
      </c>
      <c r="R3082" s="10" t="s">
        <v>22</v>
      </c>
      <c r="S3082" s="10" t="s">
        <v>22</v>
      </c>
      <c r="T3082" s="10" t="s">
        <v>22</v>
      </c>
      <c r="U3082" s="10" t="s">
        <v>22</v>
      </c>
      <c r="V3082" s="10" t="s">
        <v>22</v>
      </c>
      <c r="W3082" s="10" t="s">
        <v>22</v>
      </c>
      <c r="X3082" s="10" t="s">
        <v>22</v>
      </c>
      <c r="Y3082" s="10" t="s">
        <v>22</v>
      </c>
      <c r="Z3082" s="10" t="s">
        <v>22</v>
      </c>
    </row>
    <row r="3083" spans="1:26" ht="31.75" customHeight="1" x14ac:dyDescent="0.2">
      <c r="A3083" s="9" t="s">
        <v>21304</v>
      </c>
      <c r="B3083" s="9" t="s">
        <v>14</v>
      </c>
      <c r="C3083" s="9" t="s">
        <v>21087</v>
      </c>
      <c r="D3083" s="6" t="s">
        <v>21088</v>
      </c>
      <c r="E3083" s="22">
        <v>45650</v>
      </c>
      <c r="F3083" s="22">
        <v>47475</v>
      </c>
      <c r="G3083" s="6" t="s">
        <v>21092</v>
      </c>
      <c r="H3083" s="6" t="s">
        <v>18</v>
      </c>
      <c r="I3083" s="6" t="s">
        <v>518</v>
      </c>
      <c r="J3083" s="6" t="s">
        <v>519</v>
      </c>
      <c r="L3083" s="10" t="s">
        <v>22</v>
      </c>
      <c r="M3083" s="10" t="s">
        <v>22</v>
      </c>
      <c r="N3083" s="10" t="s">
        <v>22</v>
      </c>
      <c r="O3083" s="10" t="s">
        <v>22</v>
      </c>
      <c r="P3083" s="10" t="s">
        <v>22</v>
      </c>
      <c r="Q3083" s="10" t="s">
        <v>22</v>
      </c>
      <c r="R3083" s="10" t="s">
        <v>22</v>
      </c>
      <c r="S3083" s="10" t="s">
        <v>22</v>
      </c>
      <c r="T3083" s="10" t="s">
        <v>22</v>
      </c>
      <c r="U3083" s="10" t="s">
        <v>22</v>
      </c>
      <c r="V3083" s="10" t="s">
        <v>22</v>
      </c>
      <c r="W3083" s="10" t="s">
        <v>22</v>
      </c>
      <c r="X3083" s="10" t="s">
        <v>22</v>
      </c>
      <c r="Y3083" s="10" t="s">
        <v>22</v>
      </c>
      <c r="Z3083" s="10" t="s">
        <v>22</v>
      </c>
    </row>
    <row r="3084" spans="1:26" ht="24" customHeight="1" x14ac:dyDescent="0.2">
      <c r="A3084" s="9" t="s">
        <v>21305</v>
      </c>
      <c r="B3084" s="9" t="s">
        <v>14</v>
      </c>
      <c r="C3084" s="9" t="s">
        <v>21093</v>
      </c>
      <c r="D3084" s="6" t="s">
        <v>21094</v>
      </c>
      <c r="E3084" s="22">
        <v>45650</v>
      </c>
      <c r="F3084" s="22">
        <v>47475</v>
      </c>
      <c r="G3084" s="6" t="s">
        <v>21095</v>
      </c>
      <c r="H3084" s="6" t="s">
        <v>18</v>
      </c>
      <c r="I3084" s="6" t="s">
        <v>19</v>
      </c>
      <c r="J3084" s="6" t="s">
        <v>21096</v>
      </c>
      <c r="L3084" s="10" t="s">
        <v>22</v>
      </c>
      <c r="M3084" s="10" t="s">
        <v>22</v>
      </c>
      <c r="N3084" s="10" t="s">
        <v>22</v>
      </c>
      <c r="O3084" s="10" t="s">
        <v>22</v>
      </c>
      <c r="P3084" s="10" t="s">
        <v>22</v>
      </c>
      <c r="Q3084" s="10" t="s">
        <v>22</v>
      </c>
      <c r="U3084" s="10" t="s">
        <v>22</v>
      </c>
      <c r="V3084" s="10" t="s">
        <v>22</v>
      </c>
      <c r="W3084" s="10" t="s">
        <v>22</v>
      </c>
      <c r="X3084" s="10" t="s">
        <v>22</v>
      </c>
      <c r="Y3084" s="10" t="s">
        <v>22</v>
      </c>
      <c r="Z3084" s="10" t="s">
        <v>22</v>
      </c>
    </row>
    <row r="3085" spans="1:26" ht="24" customHeight="1" x14ac:dyDescent="0.2">
      <c r="A3085" s="9" t="s">
        <v>21306</v>
      </c>
      <c r="B3085" s="9" t="s">
        <v>14</v>
      </c>
      <c r="C3085" s="9" t="s">
        <v>21097</v>
      </c>
      <c r="D3085" s="6" t="s">
        <v>21098</v>
      </c>
      <c r="E3085" s="22">
        <v>45650</v>
      </c>
      <c r="F3085" s="22">
        <v>47475</v>
      </c>
      <c r="G3085" s="6" t="s">
        <v>21099</v>
      </c>
      <c r="H3085" s="6" t="s">
        <v>363</v>
      </c>
      <c r="I3085" s="6" t="s">
        <v>558</v>
      </c>
      <c r="J3085" s="6" t="s">
        <v>21100</v>
      </c>
      <c r="L3085" s="10" t="s">
        <v>22</v>
      </c>
      <c r="M3085" s="10" t="s">
        <v>22</v>
      </c>
      <c r="N3085" s="10" t="s">
        <v>22</v>
      </c>
      <c r="O3085" s="10" t="s">
        <v>22</v>
      </c>
      <c r="P3085" s="10" t="s">
        <v>22</v>
      </c>
      <c r="Q3085" s="10" t="s">
        <v>22</v>
      </c>
      <c r="R3085" s="10" t="s">
        <v>22</v>
      </c>
      <c r="S3085" s="10" t="s">
        <v>22</v>
      </c>
      <c r="T3085" s="10" t="s">
        <v>22</v>
      </c>
      <c r="U3085" s="10" t="s">
        <v>22</v>
      </c>
      <c r="V3085" s="10" t="s">
        <v>22</v>
      </c>
      <c r="W3085" s="10" t="s">
        <v>22</v>
      </c>
      <c r="X3085" s="10" t="s">
        <v>22</v>
      </c>
      <c r="Y3085" s="10" t="s">
        <v>22</v>
      </c>
      <c r="Z3085" s="10" t="s">
        <v>22</v>
      </c>
    </row>
    <row r="3086" spans="1:26" ht="24" customHeight="1" x14ac:dyDescent="0.2">
      <c r="A3086" s="9" t="s">
        <v>21307</v>
      </c>
      <c r="B3086" s="9" t="s">
        <v>14</v>
      </c>
      <c r="C3086" s="9" t="s">
        <v>21101</v>
      </c>
      <c r="D3086" s="6" t="s">
        <v>21102</v>
      </c>
      <c r="E3086" s="22">
        <v>45650</v>
      </c>
      <c r="F3086" s="22">
        <v>47475</v>
      </c>
      <c r="G3086" s="6" t="s">
        <v>21103</v>
      </c>
      <c r="H3086" s="6" t="s">
        <v>18</v>
      </c>
      <c r="I3086" s="6" t="s">
        <v>26</v>
      </c>
      <c r="J3086" s="6" t="s">
        <v>21104</v>
      </c>
      <c r="L3086" s="10" t="s">
        <v>22</v>
      </c>
      <c r="M3086" s="10" t="s">
        <v>22</v>
      </c>
      <c r="N3086" s="10" t="s">
        <v>22</v>
      </c>
      <c r="U3086" s="10" t="s">
        <v>22</v>
      </c>
      <c r="V3086" s="10" t="s">
        <v>22</v>
      </c>
      <c r="W3086" s="10" t="s">
        <v>22</v>
      </c>
    </row>
    <row r="3087" spans="1:26" ht="24" customHeight="1" x14ac:dyDescent="0.2">
      <c r="A3087" s="9" t="s">
        <v>21308</v>
      </c>
      <c r="B3087" s="9" t="s">
        <v>14</v>
      </c>
      <c r="C3087" s="9" t="s">
        <v>21105</v>
      </c>
      <c r="D3087" s="6" t="s">
        <v>21106</v>
      </c>
      <c r="E3087" s="22">
        <v>45653</v>
      </c>
      <c r="F3087" s="22">
        <v>47478</v>
      </c>
      <c r="G3087" s="6" t="s">
        <v>21107</v>
      </c>
      <c r="H3087" s="6" t="s">
        <v>202</v>
      </c>
      <c r="I3087" s="6" t="s">
        <v>567</v>
      </c>
      <c r="J3087" s="6" t="s">
        <v>21108</v>
      </c>
      <c r="L3087" s="10" t="s">
        <v>22</v>
      </c>
      <c r="M3087" s="10" t="s">
        <v>22</v>
      </c>
      <c r="N3087" s="10" t="s">
        <v>22</v>
      </c>
      <c r="O3087" s="10" t="s">
        <v>22</v>
      </c>
      <c r="P3087" s="10" t="s">
        <v>22</v>
      </c>
      <c r="Q3087" s="10" t="s">
        <v>22</v>
      </c>
      <c r="R3087" s="10" t="s">
        <v>22</v>
      </c>
      <c r="S3087" s="10" t="s">
        <v>22</v>
      </c>
      <c r="T3087" s="10" t="s">
        <v>22</v>
      </c>
      <c r="U3087" s="10" t="s">
        <v>22</v>
      </c>
      <c r="V3087" s="10" t="s">
        <v>22</v>
      </c>
      <c r="W3087" s="10" t="s">
        <v>22</v>
      </c>
      <c r="X3087" s="10" t="s">
        <v>22</v>
      </c>
      <c r="Y3087" s="10" t="s">
        <v>22</v>
      </c>
      <c r="Z3087" s="10" t="s">
        <v>22</v>
      </c>
    </row>
    <row r="3088" spans="1:26" ht="24" customHeight="1" x14ac:dyDescent="0.2">
      <c r="A3088" s="9" t="s">
        <v>21309</v>
      </c>
      <c r="B3088" s="9" t="s">
        <v>14</v>
      </c>
      <c r="C3088" s="9" t="s">
        <v>21109</v>
      </c>
      <c r="D3088" s="6" t="s">
        <v>21110</v>
      </c>
      <c r="E3088" s="22">
        <v>45664</v>
      </c>
      <c r="F3088" s="22">
        <v>47489</v>
      </c>
      <c r="G3088" s="6" t="s">
        <v>21111</v>
      </c>
      <c r="H3088" s="6" t="s">
        <v>3283</v>
      </c>
      <c r="I3088" s="6" t="s">
        <v>3284</v>
      </c>
      <c r="J3088" s="6" t="s">
        <v>21112</v>
      </c>
      <c r="L3088" s="10" t="s">
        <v>22</v>
      </c>
      <c r="M3088" s="10" t="s">
        <v>22</v>
      </c>
      <c r="N3088" s="10" t="s">
        <v>22</v>
      </c>
      <c r="O3088" s="10" t="s">
        <v>22</v>
      </c>
      <c r="P3088" s="10" t="s">
        <v>22</v>
      </c>
      <c r="Q3088" s="10" t="s">
        <v>22</v>
      </c>
      <c r="R3088" s="10" t="s">
        <v>22</v>
      </c>
      <c r="S3088" s="10" t="s">
        <v>22</v>
      </c>
      <c r="T3088" s="10" t="s">
        <v>22</v>
      </c>
      <c r="U3088" s="10" t="s">
        <v>22</v>
      </c>
      <c r="V3088" s="10" t="s">
        <v>22</v>
      </c>
      <c r="W3088" s="10" t="s">
        <v>22</v>
      </c>
      <c r="X3088" s="10" t="s">
        <v>22</v>
      </c>
      <c r="Y3088" s="10" t="s">
        <v>22</v>
      </c>
      <c r="Z3088" s="10" t="s">
        <v>22</v>
      </c>
    </row>
    <row r="3089" spans="1:26" ht="24" customHeight="1" x14ac:dyDescent="0.2">
      <c r="A3089" s="9" t="s">
        <v>21310</v>
      </c>
      <c r="B3089" s="9" t="s">
        <v>14</v>
      </c>
      <c r="C3089" s="9" t="s">
        <v>21113</v>
      </c>
      <c r="D3089" s="6" t="s">
        <v>21114</v>
      </c>
      <c r="E3089" s="22">
        <v>45664</v>
      </c>
      <c r="F3089" s="22">
        <v>47489</v>
      </c>
      <c r="G3089" s="6" t="s">
        <v>21115</v>
      </c>
      <c r="H3089" s="6" t="s">
        <v>62</v>
      </c>
      <c r="I3089" s="6" t="s">
        <v>306</v>
      </c>
      <c r="J3089" s="6" t="s">
        <v>21378</v>
      </c>
      <c r="L3089" s="10" t="s">
        <v>22</v>
      </c>
      <c r="M3089" s="10" t="s">
        <v>22</v>
      </c>
      <c r="N3089" s="10" t="s">
        <v>22</v>
      </c>
      <c r="O3089" s="10" t="s">
        <v>22</v>
      </c>
      <c r="P3089" s="10" t="s">
        <v>22</v>
      </c>
      <c r="Q3089" s="10" t="s">
        <v>22</v>
      </c>
      <c r="U3089" s="10" t="s">
        <v>22</v>
      </c>
      <c r="V3089" s="10" t="s">
        <v>22</v>
      </c>
      <c r="W3089" s="10" t="s">
        <v>22</v>
      </c>
    </row>
    <row r="3090" spans="1:26" ht="24" customHeight="1" x14ac:dyDescent="0.2">
      <c r="A3090" s="9" t="s">
        <v>21311</v>
      </c>
      <c r="B3090" s="9" t="s">
        <v>14</v>
      </c>
      <c r="C3090" s="9" t="s">
        <v>21116</v>
      </c>
      <c r="D3090" s="6" t="s">
        <v>21117</v>
      </c>
      <c r="E3090" s="22">
        <v>45653</v>
      </c>
      <c r="F3090" s="22">
        <v>47478</v>
      </c>
      <c r="G3090" s="6" t="s">
        <v>21118</v>
      </c>
      <c r="H3090" s="6" t="s">
        <v>18</v>
      </c>
      <c r="I3090" s="6" t="s">
        <v>26</v>
      </c>
      <c r="J3090" s="6" t="s">
        <v>21119</v>
      </c>
      <c r="M3090" s="10" t="s">
        <v>22</v>
      </c>
      <c r="N3090" s="10" t="s">
        <v>22</v>
      </c>
      <c r="P3090" s="10" t="s">
        <v>22</v>
      </c>
      <c r="Q3090" s="10" t="s">
        <v>22</v>
      </c>
      <c r="S3090" s="10" t="s">
        <v>22</v>
      </c>
      <c r="T3090" s="10" t="s">
        <v>22</v>
      </c>
      <c r="V3090" s="10" t="s">
        <v>22</v>
      </c>
      <c r="W3090" s="10" t="s">
        <v>22</v>
      </c>
      <c r="Y3090" s="10" t="s">
        <v>22</v>
      </c>
      <c r="Z3090" s="10" t="s">
        <v>22</v>
      </c>
    </row>
    <row r="3091" spans="1:26" ht="24" customHeight="1" x14ac:dyDescent="0.2">
      <c r="A3091" s="9" t="s">
        <v>21312</v>
      </c>
      <c r="B3091" s="9" t="s">
        <v>14</v>
      </c>
      <c r="C3091" s="9" t="s">
        <v>21120</v>
      </c>
      <c r="D3091" s="6" t="s">
        <v>21121</v>
      </c>
      <c r="E3091" s="22">
        <v>45664</v>
      </c>
      <c r="F3091" s="22">
        <v>47489</v>
      </c>
      <c r="G3091" s="6" t="s">
        <v>21122</v>
      </c>
      <c r="H3091" s="6" t="s">
        <v>202</v>
      </c>
      <c r="I3091" s="6" t="s">
        <v>8742</v>
      </c>
      <c r="J3091" s="6" t="s">
        <v>21123</v>
      </c>
      <c r="L3091" s="10" t="s">
        <v>22</v>
      </c>
      <c r="M3091" s="10" t="s">
        <v>22</v>
      </c>
      <c r="N3091" s="10" t="s">
        <v>22</v>
      </c>
      <c r="O3091" s="10" t="s">
        <v>22</v>
      </c>
      <c r="P3091" s="10" t="s">
        <v>22</v>
      </c>
      <c r="Q3091" s="10" t="s">
        <v>22</v>
      </c>
      <c r="R3091" s="10" t="s">
        <v>22</v>
      </c>
      <c r="S3091" s="10" t="s">
        <v>22</v>
      </c>
      <c r="T3091" s="10" t="s">
        <v>22</v>
      </c>
      <c r="U3091" s="10" t="s">
        <v>22</v>
      </c>
      <c r="V3091" s="10" t="s">
        <v>22</v>
      </c>
      <c r="W3091" s="10" t="s">
        <v>22</v>
      </c>
      <c r="X3091" s="10" t="s">
        <v>22</v>
      </c>
      <c r="Y3091" s="10" t="s">
        <v>22</v>
      </c>
      <c r="Z3091" s="10" t="s">
        <v>22</v>
      </c>
    </row>
    <row r="3092" spans="1:26" ht="24" customHeight="1" x14ac:dyDescent="0.2">
      <c r="A3092" s="9" t="s">
        <v>21313</v>
      </c>
      <c r="B3092" s="9" t="s">
        <v>14</v>
      </c>
      <c r="C3092" s="9" t="s">
        <v>21124</v>
      </c>
      <c r="D3092" s="6" t="s">
        <v>9598</v>
      </c>
      <c r="E3092" s="22">
        <v>45667</v>
      </c>
      <c r="F3092" s="22">
        <v>47492</v>
      </c>
      <c r="G3092" s="6" t="s">
        <v>9599</v>
      </c>
      <c r="H3092" s="6" t="s">
        <v>18</v>
      </c>
      <c r="I3092" s="6" t="s">
        <v>26</v>
      </c>
      <c r="J3092" s="6" t="s">
        <v>9600</v>
      </c>
      <c r="L3092" s="10" t="s">
        <v>22</v>
      </c>
      <c r="M3092" s="10" t="s">
        <v>22</v>
      </c>
      <c r="N3092" s="10" t="s">
        <v>22</v>
      </c>
      <c r="O3092" s="10" t="s">
        <v>22</v>
      </c>
      <c r="P3092" s="10" t="s">
        <v>22</v>
      </c>
      <c r="Q3092" s="10" t="s">
        <v>22</v>
      </c>
      <c r="R3092" s="10" t="s">
        <v>22</v>
      </c>
      <c r="S3092" s="10" t="s">
        <v>22</v>
      </c>
      <c r="T3092" s="10" t="s">
        <v>22</v>
      </c>
      <c r="U3092" s="10" t="s">
        <v>22</v>
      </c>
      <c r="V3092" s="10" t="s">
        <v>22</v>
      </c>
      <c r="W3092" s="10" t="s">
        <v>22</v>
      </c>
      <c r="X3092" s="10" t="s">
        <v>22</v>
      </c>
      <c r="Y3092" s="10" t="s">
        <v>22</v>
      </c>
      <c r="Z3092" s="10" t="s">
        <v>22</v>
      </c>
    </row>
    <row r="3093" spans="1:26" ht="24" customHeight="1" x14ac:dyDescent="0.2">
      <c r="A3093" s="9" t="s">
        <v>21314</v>
      </c>
      <c r="B3093" s="9" t="s">
        <v>14</v>
      </c>
      <c r="C3093" s="9" t="s">
        <v>21125</v>
      </c>
      <c r="D3093" s="6" t="s">
        <v>21126</v>
      </c>
      <c r="E3093" s="22">
        <v>45674</v>
      </c>
      <c r="F3093" s="22">
        <v>47499</v>
      </c>
      <c r="G3093" s="6" t="s">
        <v>21127</v>
      </c>
      <c r="H3093" s="6" t="s">
        <v>2368</v>
      </c>
      <c r="I3093" s="6" t="s">
        <v>5561</v>
      </c>
      <c r="J3093" s="6" t="s">
        <v>12073</v>
      </c>
      <c r="L3093" s="10" t="s">
        <v>22</v>
      </c>
      <c r="M3093" s="10" t="s">
        <v>22</v>
      </c>
      <c r="N3093" s="10" t="s">
        <v>22</v>
      </c>
      <c r="O3093" s="10" t="s">
        <v>22</v>
      </c>
      <c r="P3093" s="10" t="s">
        <v>22</v>
      </c>
      <c r="Q3093" s="10" t="s">
        <v>22</v>
      </c>
      <c r="R3093" s="10" t="s">
        <v>22</v>
      </c>
      <c r="S3093" s="10" t="s">
        <v>22</v>
      </c>
      <c r="T3093" s="10" t="s">
        <v>22</v>
      </c>
      <c r="U3093" s="10" t="s">
        <v>22</v>
      </c>
      <c r="V3093" s="10" t="s">
        <v>22</v>
      </c>
      <c r="W3093" s="10" t="s">
        <v>22</v>
      </c>
      <c r="X3093" s="10" t="s">
        <v>22</v>
      </c>
      <c r="Y3093" s="10" t="s">
        <v>22</v>
      </c>
      <c r="Z3093" s="10" t="s">
        <v>22</v>
      </c>
    </row>
    <row r="3094" spans="1:26" ht="24" customHeight="1" x14ac:dyDescent="0.2">
      <c r="A3094" s="9" t="s">
        <v>21315</v>
      </c>
      <c r="B3094" s="9" t="s">
        <v>14</v>
      </c>
      <c r="C3094" s="9" t="s">
        <v>21128</v>
      </c>
      <c r="D3094" s="6" t="s">
        <v>21129</v>
      </c>
      <c r="E3094" s="22">
        <v>45674</v>
      </c>
      <c r="F3094" s="22">
        <v>47499</v>
      </c>
      <c r="G3094" s="6" t="s">
        <v>21130</v>
      </c>
      <c r="H3094" s="6" t="s">
        <v>62</v>
      </c>
      <c r="I3094" s="6" t="s">
        <v>306</v>
      </c>
      <c r="J3094" s="6" t="s">
        <v>21131</v>
      </c>
      <c r="L3094" s="10" t="s">
        <v>22</v>
      </c>
      <c r="M3094" s="10" t="s">
        <v>22</v>
      </c>
      <c r="N3094" s="10" t="s">
        <v>22</v>
      </c>
      <c r="O3094" s="10" t="s">
        <v>22</v>
      </c>
      <c r="P3094" s="10" t="s">
        <v>22</v>
      </c>
      <c r="Q3094" s="10" t="s">
        <v>22</v>
      </c>
      <c r="U3094" s="10" t="s">
        <v>22</v>
      </c>
      <c r="V3094" s="10" t="s">
        <v>22</v>
      </c>
      <c r="W3094" s="10" t="s">
        <v>22</v>
      </c>
      <c r="X3094" s="10" t="s">
        <v>22</v>
      </c>
      <c r="Y3094" s="10" t="s">
        <v>22</v>
      </c>
      <c r="Z3094" s="10" t="s">
        <v>22</v>
      </c>
    </row>
    <row r="3095" spans="1:26" ht="24" customHeight="1" x14ac:dyDescent="0.2">
      <c r="A3095" s="9" t="s">
        <v>21316</v>
      </c>
      <c r="B3095" s="9" t="s">
        <v>14</v>
      </c>
      <c r="C3095" s="9" t="s">
        <v>21132</v>
      </c>
      <c r="D3095" s="6" t="s">
        <v>21133</v>
      </c>
      <c r="E3095" s="22">
        <v>45674</v>
      </c>
      <c r="F3095" s="22">
        <v>47499</v>
      </c>
      <c r="G3095" s="6" t="s">
        <v>21134</v>
      </c>
      <c r="H3095" s="6" t="s">
        <v>2029</v>
      </c>
      <c r="I3095" s="6" t="s">
        <v>8351</v>
      </c>
      <c r="J3095" s="6" t="s">
        <v>21135</v>
      </c>
      <c r="L3095" s="10" t="s">
        <v>22</v>
      </c>
      <c r="M3095" s="10" t="s">
        <v>22</v>
      </c>
      <c r="N3095" s="10" t="s">
        <v>22</v>
      </c>
      <c r="O3095" s="10" t="s">
        <v>22</v>
      </c>
      <c r="P3095" s="10" t="s">
        <v>22</v>
      </c>
      <c r="Q3095" s="10" t="s">
        <v>22</v>
      </c>
      <c r="R3095" s="10" t="s">
        <v>22</v>
      </c>
      <c r="S3095" s="10" t="s">
        <v>22</v>
      </c>
      <c r="T3095" s="10" t="s">
        <v>22</v>
      </c>
      <c r="U3095" s="10" t="s">
        <v>22</v>
      </c>
      <c r="V3095" s="10" t="s">
        <v>22</v>
      </c>
      <c r="W3095" s="10" t="s">
        <v>22</v>
      </c>
      <c r="X3095" s="10" t="s">
        <v>22</v>
      </c>
      <c r="Y3095" s="10" t="s">
        <v>22</v>
      </c>
      <c r="Z3095" s="10" t="s">
        <v>22</v>
      </c>
    </row>
    <row r="3096" spans="1:26" ht="24" customHeight="1" x14ac:dyDescent="0.2">
      <c r="A3096" s="9" t="s">
        <v>21317</v>
      </c>
      <c r="B3096" s="9" t="s">
        <v>14</v>
      </c>
      <c r="C3096" s="9" t="s">
        <v>21136</v>
      </c>
      <c r="D3096" s="6" t="s">
        <v>21137</v>
      </c>
      <c r="E3096" s="22">
        <v>45678</v>
      </c>
      <c r="F3096" s="22">
        <v>47503</v>
      </c>
      <c r="G3096" s="6" t="s">
        <v>21138</v>
      </c>
      <c r="H3096" s="6" t="s">
        <v>18</v>
      </c>
      <c r="I3096" s="6" t="s">
        <v>19</v>
      </c>
      <c r="J3096" s="6" t="s">
        <v>21139</v>
      </c>
      <c r="L3096" s="10" t="s">
        <v>22</v>
      </c>
      <c r="M3096" s="10" t="s">
        <v>22</v>
      </c>
      <c r="N3096" s="10" t="s">
        <v>22</v>
      </c>
      <c r="O3096" s="10" t="s">
        <v>22</v>
      </c>
      <c r="P3096" s="10" t="s">
        <v>22</v>
      </c>
      <c r="Q3096" s="10" t="s">
        <v>22</v>
      </c>
      <c r="R3096" s="10" t="s">
        <v>22</v>
      </c>
      <c r="S3096" s="10" t="s">
        <v>22</v>
      </c>
      <c r="T3096" s="10" t="s">
        <v>22</v>
      </c>
      <c r="U3096" s="10" t="s">
        <v>22</v>
      </c>
      <c r="V3096" s="10" t="s">
        <v>22</v>
      </c>
      <c r="W3096" s="10" t="s">
        <v>22</v>
      </c>
      <c r="X3096" s="10" t="s">
        <v>22</v>
      </c>
      <c r="Y3096" s="10" t="s">
        <v>22</v>
      </c>
      <c r="Z3096" s="10" t="s">
        <v>22</v>
      </c>
    </row>
    <row r="3097" spans="1:26" ht="24" customHeight="1" x14ac:dyDescent="0.2">
      <c r="A3097" s="9" t="s">
        <v>21318</v>
      </c>
      <c r="B3097" s="9" t="s">
        <v>14</v>
      </c>
      <c r="C3097" s="9" t="s">
        <v>21140</v>
      </c>
      <c r="D3097" s="6" t="s">
        <v>21141</v>
      </c>
      <c r="E3097" s="22">
        <v>45678</v>
      </c>
      <c r="F3097" s="22">
        <v>47503</v>
      </c>
      <c r="G3097" s="6" t="s">
        <v>21142</v>
      </c>
      <c r="H3097" s="6" t="s">
        <v>229</v>
      </c>
      <c r="I3097" s="6" t="s">
        <v>324</v>
      </c>
      <c r="J3097" s="6" t="s">
        <v>21143</v>
      </c>
      <c r="L3097" s="10" t="s">
        <v>22</v>
      </c>
      <c r="M3097" s="10" t="s">
        <v>22</v>
      </c>
      <c r="N3097" s="10" t="s">
        <v>22</v>
      </c>
      <c r="O3097" s="10" t="s">
        <v>22</v>
      </c>
      <c r="P3097" s="10" t="s">
        <v>22</v>
      </c>
      <c r="Q3097" s="10" t="s">
        <v>22</v>
      </c>
      <c r="R3097" s="10" t="s">
        <v>22</v>
      </c>
      <c r="S3097" s="10" t="s">
        <v>22</v>
      </c>
      <c r="T3097" s="10" t="s">
        <v>22</v>
      </c>
      <c r="U3097" s="10" t="s">
        <v>22</v>
      </c>
      <c r="V3097" s="10" t="s">
        <v>22</v>
      </c>
      <c r="W3097" s="10" t="s">
        <v>22</v>
      </c>
      <c r="X3097" s="10" t="s">
        <v>22</v>
      </c>
      <c r="Y3097" s="10" t="s">
        <v>22</v>
      </c>
      <c r="Z3097" s="10" t="s">
        <v>22</v>
      </c>
    </row>
    <row r="3098" spans="1:26" ht="24" customHeight="1" x14ac:dyDescent="0.2">
      <c r="A3098" s="9" t="s">
        <v>21319</v>
      </c>
      <c r="B3098" s="9" t="s">
        <v>14</v>
      </c>
      <c r="C3098" s="9" t="s">
        <v>21144</v>
      </c>
      <c r="D3098" s="6" t="s">
        <v>21145</v>
      </c>
      <c r="E3098" s="22">
        <v>45678</v>
      </c>
      <c r="F3098" s="22">
        <v>47503</v>
      </c>
      <c r="G3098" s="6" t="s">
        <v>21146</v>
      </c>
      <c r="H3098" s="6" t="s">
        <v>202</v>
      </c>
      <c r="I3098" s="6" t="s">
        <v>1530</v>
      </c>
      <c r="J3098" s="6" t="s">
        <v>21147</v>
      </c>
      <c r="L3098" s="10" t="s">
        <v>22</v>
      </c>
      <c r="M3098" s="10" t="s">
        <v>22</v>
      </c>
      <c r="N3098" s="10" t="s">
        <v>22</v>
      </c>
    </row>
    <row r="3099" spans="1:26" ht="24" customHeight="1" x14ac:dyDescent="0.2">
      <c r="A3099" s="9" t="s">
        <v>21320</v>
      </c>
      <c r="B3099" s="9" t="s">
        <v>14</v>
      </c>
      <c r="C3099" s="9" t="s">
        <v>21148</v>
      </c>
      <c r="D3099" s="6" t="s">
        <v>21149</v>
      </c>
      <c r="E3099" s="22">
        <v>45680</v>
      </c>
      <c r="F3099" s="22">
        <v>47505</v>
      </c>
      <c r="G3099" s="6" t="s">
        <v>21150</v>
      </c>
      <c r="H3099" s="6" t="s">
        <v>4409</v>
      </c>
      <c r="I3099" s="6" t="s">
        <v>21151</v>
      </c>
      <c r="J3099" s="6" t="s">
        <v>21152</v>
      </c>
      <c r="L3099" s="10" t="s">
        <v>22</v>
      </c>
      <c r="M3099" s="10" t="s">
        <v>22</v>
      </c>
      <c r="N3099" s="10" t="s">
        <v>22</v>
      </c>
      <c r="O3099" s="10" t="s">
        <v>22</v>
      </c>
      <c r="P3099" s="10" t="s">
        <v>22</v>
      </c>
      <c r="Q3099" s="10" t="s">
        <v>22</v>
      </c>
      <c r="R3099" s="10" t="s">
        <v>22</v>
      </c>
      <c r="S3099" s="10" t="s">
        <v>22</v>
      </c>
      <c r="T3099" s="10" t="s">
        <v>22</v>
      </c>
      <c r="U3099" s="10" t="s">
        <v>22</v>
      </c>
      <c r="V3099" s="10" t="s">
        <v>22</v>
      </c>
      <c r="W3099" s="10" t="s">
        <v>22</v>
      </c>
      <c r="X3099" s="10" t="s">
        <v>22</v>
      </c>
      <c r="Y3099" s="10" t="s">
        <v>22</v>
      </c>
      <c r="Z3099" s="10" t="s">
        <v>22</v>
      </c>
    </row>
    <row r="3100" spans="1:26" ht="24" customHeight="1" x14ac:dyDescent="0.2">
      <c r="A3100" s="9" t="s">
        <v>21321</v>
      </c>
      <c r="B3100" s="9" t="s">
        <v>14</v>
      </c>
      <c r="C3100" s="9" t="s">
        <v>21153</v>
      </c>
      <c r="D3100" s="6" t="s">
        <v>21154</v>
      </c>
      <c r="E3100" s="22">
        <v>45681</v>
      </c>
      <c r="F3100" s="22">
        <v>47506</v>
      </c>
      <c r="G3100" s="6" t="s">
        <v>21155</v>
      </c>
      <c r="H3100" s="6" t="s">
        <v>18</v>
      </c>
      <c r="I3100" s="6" t="s">
        <v>19</v>
      </c>
      <c r="J3100" s="6" t="s">
        <v>21156</v>
      </c>
      <c r="L3100" s="10" t="s">
        <v>22</v>
      </c>
      <c r="M3100" s="10" t="s">
        <v>22</v>
      </c>
      <c r="N3100" s="10" t="s">
        <v>22</v>
      </c>
      <c r="O3100" s="10" t="s">
        <v>22</v>
      </c>
      <c r="P3100" s="10" t="s">
        <v>22</v>
      </c>
      <c r="Q3100" s="10" t="s">
        <v>22</v>
      </c>
      <c r="R3100" s="10" t="s">
        <v>22</v>
      </c>
      <c r="S3100" s="10" t="s">
        <v>22</v>
      </c>
      <c r="T3100" s="10" t="s">
        <v>22</v>
      </c>
      <c r="U3100" s="10" t="s">
        <v>22</v>
      </c>
      <c r="V3100" s="10" t="s">
        <v>22</v>
      </c>
      <c r="W3100" s="10" t="s">
        <v>22</v>
      </c>
      <c r="X3100" s="10" t="s">
        <v>22</v>
      </c>
      <c r="Y3100" s="10" t="s">
        <v>22</v>
      </c>
      <c r="Z3100" s="10" t="s">
        <v>22</v>
      </c>
    </row>
    <row r="3101" spans="1:26" ht="24" customHeight="1" x14ac:dyDescent="0.2">
      <c r="A3101" s="9" t="s">
        <v>21322</v>
      </c>
      <c r="B3101" s="9" t="s">
        <v>14</v>
      </c>
      <c r="C3101" s="9" t="s">
        <v>21157</v>
      </c>
      <c r="D3101" s="6" t="s">
        <v>21158</v>
      </c>
      <c r="E3101" s="22">
        <v>45684</v>
      </c>
      <c r="F3101" s="22">
        <v>47509</v>
      </c>
      <c r="G3101" s="6" t="s">
        <v>21159</v>
      </c>
      <c r="H3101" s="6" t="s">
        <v>62</v>
      </c>
      <c r="I3101" s="6" t="s">
        <v>493</v>
      </c>
      <c r="J3101" s="6" t="s">
        <v>21160</v>
      </c>
      <c r="L3101" s="10" t="s">
        <v>22</v>
      </c>
      <c r="M3101" s="10" t="s">
        <v>22</v>
      </c>
      <c r="N3101" s="10" t="s">
        <v>22</v>
      </c>
      <c r="O3101" s="10" t="s">
        <v>22</v>
      </c>
      <c r="P3101" s="10" t="s">
        <v>22</v>
      </c>
      <c r="Q3101" s="10" t="s">
        <v>22</v>
      </c>
      <c r="R3101" s="10" t="s">
        <v>22</v>
      </c>
      <c r="S3101" s="10" t="s">
        <v>22</v>
      </c>
      <c r="T3101" s="10" t="s">
        <v>22</v>
      </c>
      <c r="U3101" s="10" t="s">
        <v>22</v>
      </c>
      <c r="V3101" s="10" t="s">
        <v>22</v>
      </c>
      <c r="W3101" s="10" t="s">
        <v>22</v>
      </c>
      <c r="X3101" s="10" t="s">
        <v>22</v>
      </c>
      <c r="Y3101" s="10" t="s">
        <v>22</v>
      </c>
      <c r="Z3101" s="10" t="s">
        <v>22</v>
      </c>
    </row>
    <row r="3102" spans="1:26" ht="24" customHeight="1" x14ac:dyDescent="0.2">
      <c r="A3102" s="9" t="s">
        <v>21323</v>
      </c>
      <c r="B3102" s="9" t="s">
        <v>14</v>
      </c>
      <c r="C3102" s="9" t="s">
        <v>21161</v>
      </c>
      <c r="D3102" s="6" t="s">
        <v>21162</v>
      </c>
      <c r="E3102" s="22">
        <v>45684</v>
      </c>
      <c r="F3102" s="22">
        <v>47509</v>
      </c>
      <c r="G3102" s="6" t="s">
        <v>21163</v>
      </c>
      <c r="H3102" s="6" t="s">
        <v>62</v>
      </c>
      <c r="I3102" s="6" t="s">
        <v>63</v>
      </c>
      <c r="J3102" s="6" t="s">
        <v>21164</v>
      </c>
      <c r="M3102" s="10" t="s">
        <v>22</v>
      </c>
      <c r="N3102" s="10" t="s">
        <v>22</v>
      </c>
      <c r="V3102" s="10" t="s">
        <v>22</v>
      </c>
      <c r="W3102" s="10" t="s">
        <v>22</v>
      </c>
    </row>
    <row r="3103" spans="1:26" ht="24" customHeight="1" x14ac:dyDescent="0.2">
      <c r="A3103" s="9" t="s">
        <v>21324</v>
      </c>
      <c r="B3103" s="9" t="s">
        <v>14</v>
      </c>
      <c r="C3103" s="9" t="s">
        <v>21165</v>
      </c>
      <c r="D3103" s="6" t="s">
        <v>21166</v>
      </c>
      <c r="E3103" s="22">
        <v>45686</v>
      </c>
      <c r="F3103" s="22">
        <v>47511</v>
      </c>
      <c r="G3103" s="6" t="s">
        <v>21167</v>
      </c>
      <c r="H3103" s="6" t="s">
        <v>18</v>
      </c>
      <c r="I3103" s="6" t="s">
        <v>19</v>
      </c>
      <c r="J3103" s="6" t="s">
        <v>21168</v>
      </c>
      <c r="N3103" s="10" t="s">
        <v>22</v>
      </c>
      <c r="W3103" s="10" t="s">
        <v>22</v>
      </c>
    </row>
    <row r="3104" spans="1:26" ht="24" customHeight="1" x14ac:dyDescent="0.2">
      <c r="A3104" s="9" t="s">
        <v>21325</v>
      </c>
      <c r="B3104" s="9" t="s">
        <v>14</v>
      </c>
      <c r="C3104" s="9" t="s">
        <v>21169</v>
      </c>
      <c r="D3104" s="6" t="s">
        <v>21170</v>
      </c>
      <c r="E3104" s="22">
        <v>45686</v>
      </c>
      <c r="F3104" s="22">
        <v>47511</v>
      </c>
      <c r="G3104" s="6" t="s">
        <v>21171</v>
      </c>
      <c r="H3104" s="6" t="s">
        <v>701</v>
      </c>
      <c r="I3104" s="6" t="s">
        <v>702</v>
      </c>
      <c r="J3104" s="6" t="s">
        <v>21172</v>
      </c>
      <c r="L3104" s="10" t="s">
        <v>22</v>
      </c>
      <c r="M3104" s="10" t="s">
        <v>22</v>
      </c>
      <c r="N3104" s="10" t="s">
        <v>22</v>
      </c>
      <c r="O3104" s="10" t="s">
        <v>22</v>
      </c>
      <c r="P3104" s="10" t="s">
        <v>22</v>
      </c>
      <c r="Q3104" s="10" t="s">
        <v>22</v>
      </c>
      <c r="R3104" s="10" t="s">
        <v>22</v>
      </c>
      <c r="S3104" s="10" t="s">
        <v>22</v>
      </c>
      <c r="T3104" s="10" t="s">
        <v>22</v>
      </c>
      <c r="U3104" s="10" t="s">
        <v>22</v>
      </c>
      <c r="V3104" s="10" t="s">
        <v>22</v>
      </c>
      <c r="W3104" s="10" t="s">
        <v>22</v>
      </c>
      <c r="X3104" s="10" t="s">
        <v>22</v>
      </c>
      <c r="Y3104" s="10" t="s">
        <v>22</v>
      </c>
      <c r="Z3104" s="10" t="s">
        <v>22</v>
      </c>
    </row>
    <row r="3105" spans="1:26" ht="24" customHeight="1" x14ac:dyDescent="0.2">
      <c r="A3105" s="9" t="s">
        <v>21326</v>
      </c>
      <c r="B3105" s="9" t="s">
        <v>14</v>
      </c>
      <c r="C3105" s="9" t="s">
        <v>21173</v>
      </c>
      <c r="D3105" s="6" t="s">
        <v>21174</v>
      </c>
      <c r="E3105" s="22">
        <v>45692</v>
      </c>
      <c r="F3105" s="22">
        <v>47517</v>
      </c>
      <c r="G3105" s="6" t="s">
        <v>21175</v>
      </c>
      <c r="H3105" s="6" t="s">
        <v>18</v>
      </c>
      <c r="I3105" s="6" t="s">
        <v>19</v>
      </c>
      <c r="J3105" s="6" t="s">
        <v>21176</v>
      </c>
      <c r="L3105" s="10" t="s">
        <v>22</v>
      </c>
      <c r="M3105" s="10" t="s">
        <v>22</v>
      </c>
      <c r="N3105" s="10" t="s">
        <v>22</v>
      </c>
      <c r="O3105" s="10" t="s">
        <v>22</v>
      </c>
      <c r="P3105" s="10" t="s">
        <v>22</v>
      </c>
      <c r="Q3105" s="10" t="s">
        <v>22</v>
      </c>
      <c r="R3105" s="10" t="s">
        <v>22</v>
      </c>
      <c r="S3105" s="10" t="s">
        <v>22</v>
      </c>
      <c r="T3105" s="10" t="s">
        <v>22</v>
      </c>
      <c r="U3105" s="10" t="s">
        <v>22</v>
      </c>
      <c r="V3105" s="10" t="s">
        <v>22</v>
      </c>
      <c r="W3105" s="10" t="s">
        <v>22</v>
      </c>
      <c r="X3105" s="10" t="s">
        <v>22</v>
      </c>
      <c r="Y3105" s="10" t="s">
        <v>22</v>
      </c>
      <c r="Z3105" s="10" t="s">
        <v>22</v>
      </c>
    </row>
    <row r="3106" spans="1:26" ht="24" customHeight="1" x14ac:dyDescent="0.2">
      <c r="A3106" s="9" t="s">
        <v>21327</v>
      </c>
      <c r="B3106" s="9" t="s">
        <v>14</v>
      </c>
      <c r="C3106" s="9" t="s">
        <v>21177</v>
      </c>
      <c r="D3106" s="6" t="s">
        <v>21178</v>
      </c>
      <c r="E3106" s="22">
        <v>45688</v>
      </c>
      <c r="F3106" s="22">
        <v>47513</v>
      </c>
      <c r="G3106" s="6" t="s">
        <v>21179</v>
      </c>
      <c r="H3106" s="6" t="s">
        <v>202</v>
      </c>
      <c r="I3106" s="6" t="s">
        <v>863</v>
      </c>
      <c r="J3106" s="6" t="s">
        <v>16552</v>
      </c>
      <c r="L3106" s="10" t="s">
        <v>22</v>
      </c>
      <c r="M3106" s="10" t="s">
        <v>22</v>
      </c>
      <c r="N3106" s="10" t="s">
        <v>22</v>
      </c>
      <c r="O3106" s="10" t="s">
        <v>22</v>
      </c>
      <c r="P3106" s="10" t="s">
        <v>22</v>
      </c>
      <c r="Q3106" s="10" t="s">
        <v>22</v>
      </c>
      <c r="R3106" s="10" t="s">
        <v>22</v>
      </c>
      <c r="S3106" s="10" t="s">
        <v>22</v>
      </c>
      <c r="T3106" s="10" t="s">
        <v>22</v>
      </c>
    </row>
    <row r="3107" spans="1:26" ht="24" customHeight="1" x14ac:dyDescent="0.2">
      <c r="A3107" s="9" t="s">
        <v>21328</v>
      </c>
      <c r="B3107" s="9" t="s">
        <v>14</v>
      </c>
      <c r="C3107" s="9" t="s">
        <v>21180</v>
      </c>
      <c r="D3107" s="6" t="s">
        <v>21181</v>
      </c>
      <c r="E3107" s="22">
        <v>45688</v>
      </c>
      <c r="F3107" s="22">
        <v>47513</v>
      </c>
      <c r="G3107" s="6" t="s">
        <v>21182</v>
      </c>
      <c r="H3107" s="6" t="s">
        <v>18</v>
      </c>
      <c r="I3107" s="6" t="s">
        <v>19</v>
      </c>
      <c r="J3107" s="6" t="s">
        <v>21183</v>
      </c>
      <c r="L3107" s="10" t="s">
        <v>22</v>
      </c>
      <c r="M3107" s="10" t="s">
        <v>22</v>
      </c>
      <c r="N3107" s="10" t="s">
        <v>22</v>
      </c>
      <c r="O3107" s="10" t="s">
        <v>22</v>
      </c>
      <c r="P3107" s="10" t="s">
        <v>22</v>
      </c>
      <c r="Q3107" s="10" t="s">
        <v>22</v>
      </c>
      <c r="R3107" s="10" t="s">
        <v>22</v>
      </c>
      <c r="S3107" s="10" t="s">
        <v>22</v>
      </c>
      <c r="T3107" s="10" t="s">
        <v>22</v>
      </c>
      <c r="U3107" s="10" t="s">
        <v>22</v>
      </c>
      <c r="V3107" s="10" t="s">
        <v>22</v>
      </c>
      <c r="W3107" s="10" t="s">
        <v>22</v>
      </c>
      <c r="X3107" s="10" t="s">
        <v>22</v>
      </c>
      <c r="Y3107" s="10" t="s">
        <v>22</v>
      </c>
      <c r="Z3107" s="10" t="s">
        <v>22</v>
      </c>
    </row>
    <row r="3108" spans="1:26" ht="24" customHeight="1" x14ac:dyDescent="0.2">
      <c r="A3108" s="9" t="s">
        <v>21329</v>
      </c>
      <c r="B3108" s="9" t="s">
        <v>14</v>
      </c>
      <c r="C3108" s="9" t="s">
        <v>21184</v>
      </c>
      <c r="D3108" s="6" t="s">
        <v>21185</v>
      </c>
      <c r="E3108" s="22">
        <v>45688</v>
      </c>
      <c r="F3108" s="22">
        <v>47513</v>
      </c>
      <c r="G3108" s="6" t="s">
        <v>21186</v>
      </c>
      <c r="H3108" s="6" t="s">
        <v>62</v>
      </c>
      <c r="I3108" s="6" t="s">
        <v>994</v>
      </c>
      <c r="J3108" s="6" t="s">
        <v>21187</v>
      </c>
      <c r="L3108" s="10" t="s">
        <v>22</v>
      </c>
      <c r="M3108" s="10" t="s">
        <v>22</v>
      </c>
      <c r="N3108" s="10" t="s">
        <v>22</v>
      </c>
      <c r="O3108" s="10" t="s">
        <v>22</v>
      </c>
      <c r="P3108" s="10" t="s">
        <v>22</v>
      </c>
      <c r="Q3108" s="10" t="s">
        <v>22</v>
      </c>
      <c r="R3108" s="10" t="s">
        <v>22</v>
      </c>
      <c r="S3108" s="10" t="s">
        <v>22</v>
      </c>
      <c r="T3108" s="10" t="s">
        <v>22</v>
      </c>
    </row>
    <row r="3109" spans="1:26" ht="24" customHeight="1" x14ac:dyDescent="0.2">
      <c r="A3109" s="9" t="s">
        <v>21330</v>
      </c>
      <c r="B3109" s="9" t="s">
        <v>14</v>
      </c>
      <c r="C3109" s="9" t="s">
        <v>21188</v>
      </c>
      <c r="D3109" s="6" t="s">
        <v>21189</v>
      </c>
      <c r="E3109" s="22">
        <v>45692</v>
      </c>
      <c r="F3109" s="22">
        <v>47517</v>
      </c>
      <c r="G3109" s="6" t="s">
        <v>21190</v>
      </c>
      <c r="H3109" s="6" t="s">
        <v>62</v>
      </c>
      <c r="I3109" s="6" t="s">
        <v>5452</v>
      </c>
      <c r="J3109" s="6" t="s">
        <v>21191</v>
      </c>
      <c r="M3109" s="10" t="s">
        <v>22</v>
      </c>
      <c r="N3109" s="10" t="s">
        <v>22</v>
      </c>
      <c r="P3109" s="10" t="s">
        <v>22</v>
      </c>
      <c r="Q3109" s="10" t="s">
        <v>22</v>
      </c>
      <c r="V3109" s="10" t="s">
        <v>22</v>
      </c>
      <c r="W3109" s="10" t="s">
        <v>22</v>
      </c>
      <c r="Y3109" s="10" t="s">
        <v>22</v>
      </c>
      <c r="Z3109" s="10" t="s">
        <v>22</v>
      </c>
    </row>
    <row r="3110" spans="1:26" ht="24" customHeight="1" x14ac:dyDescent="0.2">
      <c r="A3110" s="9" t="s">
        <v>21331</v>
      </c>
      <c r="B3110" s="9" t="s">
        <v>14</v>
      </c>
      <c r="C3110" s="9" t="s">
        <v>21192</v>
      </c>
      <c r="D3110" s="6" t="s">
        <v>21193</v>
      </c>
      <c r="E3110" s="22">
        <v>45692</v>
      </c>
      <c r="F3110" s="22">
        <v>47517</v>
      </c>
      <c r="G3110" s="6" t="s">
        <v>21194</v>
      </c>
      <c r="H3110" s="6" t="s">
        <v>62</v>
      </c>
      <c r="I3110" s="6" t="s">
        <v>279</v>
      </c>
      <c r="J3110" s="6" t="s">
        <v>21195</v>
      </c>
      <c r="L3110" s="10" t="s">
        <v>22</v>
      </c>
      <c r="M3110" s="10" t="s">
        <v>22</v>
      </c>
      <c r="N3110" s="10" t="s">
        <v>22</v>
      </c>
      <c r="U3110" s="10" t="s">
        <v>22</v>
      </c>
      <c r="V3110" s="10" t="s">
        <v>22</v>
      </c>
      <c r="W3110" s="10" t="s">
        <v>22</v>
      </c>
    </row>
    <row r="3111" spans="1:26" ht="24" customHeight="1" x14ac:dyDescent="0.2">
      <c r="A3111" s="9" t="s">
        <v>21332</v>
      </c>
      <c r="B3111" s="9" t="s">
        <v>14</v>
      </c>
      <c r="C3111" s="9" t="s">
        <v>21196</v>
      </c>
      <c r="D3111" s="6" t="s">
        <v>21197</v>
      </c>
      <c r="E3111" s="22">
        <v>45692</v>
      </c>
      <c r="F3111" s="22">
        <v>47517</v>
      </c>
      <c r="G3111" s="6" t="s">
        <v>21198</v>
      </c>
      <c r="H3111" s="6" t="s">
        <v>229</v>
      </c>
      <c r="I3111" s="6" t="s">
        <v>1885</v>
      </c>
      <c r="J3111" s="6" t="s">
        <v>21199</v>
      </c>
      <c r="L3111" s="10" t="s">
        <v>22</v>
      </c>
      <c r="M3111" s="10" t="s">
        <v>22</v>
      </c>
      <c r="N3111" s="10" t="s">
        <v>22</v>
      </c>
      <c r="O3111" s="10" t="s">
        <v>22</v>
      </c>
      <c r="P3111" s="10" t="s">
        <v>22</v>
      </c>
      <c r="Q3111" s="10" t="s">
        <v>22</v>
      </c>
      <c r="R3111" s="10" t="s">
        <v>22</v>
      </c>
      <c r="S3111" s="10" t="s">
        <v>22</v>
      </c>
      <c r="T3111" s="10" t="s">
        <v>22</v>
      </c>
      <c r="U3111" s="10" t="s">
        <v>22</v>
      </c>
      <c r="V3111" s="10" t="s">
        <v>22</v>
      </c>
      <c r="W3111" s="10" t="s">
        <v>22</v>
      </c>
      <c r="X3111" s="10" t="s">
        <v>22</v>
      </c>
      <c r="Y3111" s="10" t="s">
        <v>22</v>
      </c>
      <c r="Z3111" s="10" t="s">
        <v>22</v>
      </c>
    </row>
    <row r="3112" spans="1:26" ht="24" customHeight="1" x14ac:dyDescent="0.2">
      <c r="A3112" s="9" t="s">
        <v>21333</v>
      </c>
      <c r="B3112" s="9" t="s">
        <v>14</v>
      </c>
      <c r="C3112" s="9" t="s">
        <v>21200</v>
      </c>
      <c r="D3112" s="6" t="s">
        <v>21201</v>
      </c>
      <c r="E3112" s="22">
        <v>45692</v>
      </c>
      <c r="F3112" s="22">
        <v>47517</v>
      </c>
      <c r="G3112" s="6" t="s">
        <v>5166</v>
      </c>
      <c r="H3112" s="6" t="s">
        <v>18</v>
      </c>
      <c r="I3112" s="6" t="s">
        <v>19</v>
      </c>
      <c r="J3112" s="6" t="s">
        <v>21202</v>
      </c>
      <c r="M3112" s="10" t="s">
        <v>22</v>
      </c>
      <c r="N3112" s="10" t="s">
        <v>22</v>
      </c>
      <c r="P3112" s="10" t="s">
        <v>22</v>
      </c>
      <c r="Q3112" s="10" t="s">
        <v>22</v>
      </c>
      <c r="S3112" s="10" t="s">
        <v>22</v>
      </c>
      <c r="T3112" s="10" t="s">
        <v>22</v>
      </c>
      <c r="V3112" s="10" t="s">
        <v>22</v>
      </c>
      <c r="W3112" s="10" t="s">
        <v>22</v>
      </c>
      <c r="Y3112" s="10" t="s">
        <v>22</v>
      </c>
      <c r="Z3112" s="10" t="s">
        <v>22</v>
      </c>
    </row>
    <row r="3113" spans="1:26" ht="24" customHeight="1" x14ac:dyDescent="0.2">
      <c r="A3113" s="9" t="s">
        <v>20295</v>
      </c>
      <c r="B3113" s="9" t="s">
        <v>13655</v>
      </c>
      <c r="C3113" s="9" t="s">
        <v>23</v>
      </c>
      <c r="D3113" s="6" t="s">
        <v>13656</v>
      </c>
      <c r="E3113" s="22">
        <v>44570</v>
      </c>
      <c r="F3113" s="22">
        <v>46395</v>
      </c>
      <c r="G3113" s="6" t="s">
        <v>13657</v>
      </c>
      <c r="H3113" s="6" t="s">
        <v>18</v>
      </c>
      <c r="I3113" s="6" t="s">
        <v>13658</v>
      </c>
      <c r="J3113" s="6" t="s">
        <v>13659</v>
      </c>
      <c r="K3113" s="9" t="s">
        <v>13660</v>
      </c>
      <c r="L3113" s="10" t="s">
        <v>22</v>
      </c>
      <c r="M3113" s="10" t="s">
        <v>22</v>
      </c>
      <c r="N3113" s="10" t="s">
        <v>22</v>
      </c>
      <c r="O3113" s="10" t="s">
        <v>22</v>
      </c>
      <c r="P3113" s="10" t="s">
        <v>22</v>
      </c>
      <c r="Q3113" s="10" t="s">
        <v>22</v>
      </c>
      <c r="R3113" s="10" t="s">
        <v>22</v>
      </c>
      <c r="S3113" s="10" t="s">
        <v>22</v>
      </c>
      <c r="T3113" s="10" t="s">
        <v>22</v>
      </c>
      <c r="U3113" s="10" t="s">
        <v>22</v>
      </c>
      <c r="V3113" s="10" t="s">
        <v>22</v>
      </c>
      <c r="W3113" s="10" t="s">
        <v>22</v>
      </c>
      <c r="X3113" s="10" t="s">
        <v>22</v>
      </c>
      <c r="Y3113" s="10" t="s">
        <v>22</v>
      </c>
      <c r="Z3113" s="10" t="s">
        <v>22</v>
      </c>
    </row>
    <row r="3114" spans="1:26" ht="24" customHeight="1" x14ac:dyDescent="0.2">
      <c r="A3114" s="9" t="s">
        <v>20296</v>
      </c>
      <c r="B3114" s="9" t="s">
        <v>13655</v>
      </c>
      <c r="C3114" s="9" t="s">
        <v>29</v>
      </c>
      <c r="D3114" s="6" t="s">
        <v>13661</v>
      </c>
      <c r="E3114" s="22">
        <v>44570</v>
      </c>
      <c r="F3114" s="22">
        <v>46395</v>
      </c>
      <c r="G3114" s="6" t="s">
        <v>13662</v>
      </c>
      <c r="H3114" s="6" t="s">
        <v>18</v>
      </c>
      <c r="I3114" s="6" t="s">
        <v>84</v>
      </c>
      <c r="J3114" s="6" t="s">
        <v>13663</v>
      </c>
      <c r="K3114" s="9" t="s">
        <v>13664</v>
      </c>
      <c r="L3114" s="10" t="s">
        <v>22</v>
      </c>
      <c r="M3114" s="10" t="s">
        <v>22</v>
      </c>
      <c r="N3114" s="10" t="s">
        <v>22</v>
      </c>
      <c r="O3114" s="10" t="s">
        <v>22</v>
      </c>
      <c r="P3114" s="10" t="s">
        <v>22</v>
      </c>
      <c r="Q3114" s="10" t="s">
        <v>22</v>
      </c>
    </row>
    <row r="3115" spans="1:26" ht="24" customHeight="1" x14ac:dyDescent="0.2">
      <c r="A3115" s="9" t="s">
        <v>20297</v>
      </c>
      <c r="B3115" s="9" t="s">
        <v>13655</v>
      </c>
      <c r="C3115" s="9" t="s">
        <v>29</v>
      </c>
      <c r="D3115" s="6" t="s">
        <v>13661</v>
      </c>
      <c r="E3115" s="22">
        <v>44570</v>
      </c>
      <c r="F3115" s="22">
        <v>46395</v>
      </c>
      <c r="G3115" s="6" t="s">
        <v>13665</v>
      </c>
      <c r="H3115" s="6" t="s">
        <v>18</v>
      </c>
      <c r="I3115" s="6" t="s">
        <v>84</v>
      </c>
      <c r="J3115" s="6" t="s">
        <v>13666</v>
      </c>
      <c r="K3115" s="9" t="s">
        <v>13667</v>
      </c>
      <c r="L3115" s="10" t="s">
        <v>22</v>
      </c>
      <c r="M3115" s="10" t="s">
        <v>22</v>
      </c>
      <c r="N3115" s="10" t="s">
        <v>22</v>
      </c>
      <c r="O3115" s="10" t="s">
        <v>22</v>
      </c>
      <c r="P3115" s="10" t="s">
        <v>22</v>
      </c>
      <c r="Q3115" s="10" t="s">
        <v>22</v>
      </c>
    </row>
    <row r="3116" spans="1:26" ht="24" customHeight="1" x14ac:dyDescent="0.2">
      <c r="A3116" s="9" t="s">
        <v>20298</v>
      </c>
      <c r="B3116" s="9" t="s">
        <v>13655</v>
      </c>
      <c r="C3116" s="9" t="s">
        <v>34</v>
      </c>
      <c r="D3116" s="6" t="s">
        <v>13668</v>
      </c>
      <c r="E3116" s="22">
        <v>44570</v>
      </c>
      <c r="F3116" s="22">
        <v>46395</v>
      </c>
      <c r="G3116" s="6" t="s">
        <v>13669</v>
      </c>
      <c r="H3116" s="6" t="s">
        <v>18</v>
      </c>
      <c r="I3116" s="6" t="s">
        <v>84</v>
      </c>
      <c r="J3116" s="6" t="s">
        <v>13670</v>
      </c>
      <c r="K3116" s="9" t="s">
        <v>13671</v>
      </c>
      <c r="L3116" s="10" t="s">
        <v>22</v>
      </c>
      <c r="M3116" s="10" t="s">
        <v>22</v>
      </c>
      <c r="N3116" s="10" t="s">
        <v>22</v>
      </c>
      <c r="O3116" s="10" t="s">
        <v>22</v>
      </c>
      <c r="P3116" s="10" t="s">
        <v>22</v>
      </c>
      <c r="Q3116" s="10" t="s">
        <v>22</v>
      </c>
      <c r="S3116" s="10" t="s">
        <v>22</v>
      </c>
      <c r="T3116" s="10" t="s">
        <v>22</v>
      </c>
      <c r="U3116" s="10" t="s">
        <v>22</v>
      </c>
      <c r="V3116" s="10" t="s">
        <v>22</v>
      </c>
      <c r="W3116" s="10" t="s">
        <v>22</v>
      </c>
      <c r="X3116" s="10" t="s">
        <v>22</v>
      </c>
      <c r="Y3116" s="10" t="s">
        <v>22</v>
      </c>
      <c r="Z3116" s="10" t="s">
        <v>22</v>
      </c>
    </row>
    <row r="3117" spans="1:26" ht="24" customHeight="1" x14ac:dyDescent="0.2">
      <c r="A3117" s="9" t="s">
        <v>20299</v>
      </c>
      <c r="B3117" s="9" t="s">
        <v>13655</v>
      </c>
      <c r="C3117" s="9" t="s">
        <v>54</v>
      </c>
      <c r="D3117" s="6" t="s">
        <v>13672</v>
      </c>
      <c r="E3117" s="22">
        <v>44570</v>
      </c>
      <c r="F3117" s="22">
        <v>46395</v>
      </c>
      <c r="G3117" s="6" t="s">
        <v>13673</v>
      </c>
      <c r="H3117" s="6" t="s">
        <v>18</v>
      </c>
      <c r="I3117" s="6" t="s">
        <v>13658</v>
      </c>
      <c r="J3117" s="6" t="s">
        <v>13674</v>
      </c>
      <c r="K3117" s="9" t="s">
        <v>13675</v>
      </c>
      <c r="L3117" s="10" t="s">
        <v>22</v>
      </c>
      <c r="M3117" s="10" t="s">
        <v>22</v>
      </c>
      <c r="N3117" s="10" t="s">
        <v>22</v>
      </c>
      <c r="O3117" s="10" t="s">
        <v>22</v>
      </c>
      <c r="P3117" s="10" t="s">
        <v>22</v>
      </c>
      <c r="Q3117" s="10" t="s">
        <v>22</v>
      </c>
      <c r="S3117" s="10" t="s">
        <v>22</v>
      </c>
      <c r="T3117" s="10" t="s">
        <v>22</v>
      </c>
      <c r="V3117" s="10" t="s">
        <v>22</v>
      </c>
      <c r="W3117" s="10" t="s">
        <v>22</v>
      </c>
      <c r="Y3117" s="10" t="s">
        <v>22</v>
      </c>
      <c r="Z3117" s="10" t="s">
        <v>22</v>
      </c>
    </row>
    <row r="3118" spans="1:26" ht="24" customHeight="1" x14ac:dyDescent="0.2">
      <c r="A3118" s="9" t="s">
        <v>20300</v>
      </c>
      <c r="B3118" s="9" t="s">
        <v>13655</v>
      </c>
      <c r="C3118" s="9" t="s">
        <v>59</v>
      </c>
      <c r="D3118" s="6" t="s">
        <v>13676</v>
      </c>
      <c r="E3118" s="22">
        <v>44570</v>
      </c>
      <c r="F3118" s="22">
        <v>46395</v>
      </c>
      <c r="G3118" s="6" t="s">
        <v>13677</v>
      </c>
      <c r="H3118" s="6" t="s">
        <v>18</v>
      </c>
      <c r="I3118" s="6" t="s">
        <v>13658</v>
      </c>
      <c r="J3118" s="6" t="s">
        <v>13678</v>
      </c>
      <c r="K3118" s="9" t="s">
        <v>13679</v>
      </c>
      <c r="L3118" s="10" t="s">
        <v>22</v>
      </c>
      <c r="M3118" s="10" t="s">
        <v>22</v>
      </c>
      <c r="N3118" s="10" t="s">
        <v>22</v>
      </c>
      <c r="O3118" s="10" t="s">
        <v>22</v>
      </c>
      <c r="P3118" s="10" t="s">
        <v>22</v>
      </c>
      <c r="Q3118" s="10" t="s">
        <v>22</v>
      </c>
      <c r="R3118" s="10" t="s">
        <v>22</v>
      </c>
      <c r="S3118" s="10" t="s">
        <v>22</v>
      </c>
      <c r="T3118" s="10" t="s">
        <v>22</v>
      </c>
      <c r="U3118" s="10" t="s">
        <v>22</v>
      </c>
      <c r="V3118" s="10" t="s">
        <v>22</v>
      </c>
      <c r="W3118" s="10" t="s">
        <v>22</v>
      </c>
      <c r="X3118" s="10" t="s">
        <v>22</v>
      </c>
      <c r="Y3118" s="10" t="s">
        <v>22</v>
      </c>
      <c r="Z3118" s="10" t="s">
        <v>22</v>
      </c>
    </row>
    <row r="3119" spans="1:26" ht="24" customHeight="1" x14ac:dyDescent="0.2">
      <c r="A3119" s="9" t="s">
        <v>20301</v>
      </c>
      <c r="B3119" s="9" t="s">
        <v>13655</v>
      </c>
      <c r="C3119" s="9" t="s">
        <v>87</v>
      </c>
      <c r="D3119" s="6" t="s">
        <v>13680</v>
      </c>
      <c r="E3119" s="22">
        <v>44704</v>
      </c>
      <c r="F3119" s="22">
        <v>46529</v>
      </c>
      <c r="G3119" s="6" t="s">
        <v>13681</v>
      </c>
      <c r="H3119" s="6" t="s">
        <v>18</v>
      </c>
      <c r="I3119" s="6" t="s">
        <v>84</v>
      </c>
      <c r="J3119" s="6" t="s">
        <v>13682</v>
      </c>
      <c r="K3119" s="9" t="s">
        <v>13683</v>
      </c>
      <c r="L3119" s="10" t="s">
        <v>22</v>
      </c>
      <c r="M3119" s="10" t="s">
        <v>22</v>
      </c>
      <c r="N3119" s="10" t="s">
        <v>22</v>
      </c>
      <c r="O3119" s="10" t="s">
        <v>22</v>
      </c>
      <c r="P3119" s="10" t="s">
        <v>22</v>
      </c>
      <c r="Q3119" s="10" t="s">
        <v>22</v>
      </c>
      <c r="U3119" s="10" t="s">
        <v>22</v>
      </c>
      <c r="V3119" s="10" t="s">
        <v>22</v>
      </c>
      <c r="W3119" s="10" t="s">
        <v>22</v>
      </c>
      <c r="X3119" s="10" t="s">
        <v>22</v>
      </c>
      <c r="Y3119" s="10" t="s">
        <v>22</v>
      </c>
      <c r="Z3119" s="10" t="s">
        <v>22</v>
      </c>
    </row>
    <row r="3120" spans="1:26" ht="24" customHeight="1" x14ac:dyDescent="0.2">
      <c r="A3120" s="9" t="s">
        <v>20302</v>
      </c>
      <c r="B3120" s="9" t="s">
        <v>13655</v>
      </c>
      <c r="C3120" s="9" t="s">
        <v>92</v>
      </c>
      <c r="D3120" s="6" t="s">
        <v>13684</v>
      </c>
      <c r="E3120" s="22">
        <v>44705</v>
      </c>
      <c r="F3120" s="22">
        <v>46530</v>
      </c>
      <c r="G3120" s="6" t="s">
        <v>13685</v>
      </c>
      <c r="H3120" s="6" t="s">
        <v>18</v>
      </c>
      <c r="I3120" s="6" t="s">
        <v>84</v>
      </c>
      <c r="J3120" s="6" t="s">
        <v>13686</v>
      </c>
      <c r="K3120" s="9" t="s">
        <v>13687</v>
      </c>
      <c r="M3120" s="10" t="s">
        <v>22</v>
      </c>
      <c r="N3120" s="10" t="s">
        <v>22</v>
      </c>
      <c r="P3120" s="10" t="s">
        <v>22</v>
      </c>
      <c r="Q3120" s="10" t="s">
        <v>22</v>
      </c>
      <c r="V3120" s="10" t="s">
        <v>22</v>
      </c>
      <c r="W3120" s="10" t="s">
        <v>22</v>
      </c>
    </row>
    <row r="3121" spans="1:26" ht="24" customHeight="1" x14ac:dyDescent="0.2">
      <c r="A3121" s="9" t="s">
        <v>20303</v>
      </c>
      <c r="B3121" s="9" t="s">
        <v>13655</v>
      </c>
      <c r="C3121" s="9" t="s">
        <v>13688</v>
      </c>
      <c r="D3121" s="6" t="s">
        <v>13689</v>
      </c>
      <c r="E3121" s="22">
        <v>44753</v>
      </c>
      <c r="F3121" s="22">
        <v>46578</v>
      </c>
      <c r="G3121" s="6" t="s">
        <v>13690</v>
      </c>
      <c r="H3121" s="6" t="s">
        <v>18</v>
      </c>
      <c r="I3121" s="6" t="s">
        <v>84</v>
      </c>
      <c r="J3121" s="6" t="s">
        <v>17075</v>
      </c>
      <c r="K3121" s="9" t="s">
        <v>13691</v>
      </c>
      <c r="L3121" s="10" t="s">
        <v>22</v>
      </c>
      <c r="M3121" s="10" t="s">
        <v>22</v>
      </c>
      <c r="N3121" s="10" t="s">
        <v>22</v>
      </c>
      <c r="O3121" s="10" t="s">
        <v>22</v>
      </c>
      <c r="P3121" s="10" t="s">
        <v>22</v>
      </c>
      <c r="Q3121" s="10" t="s">
        <v>22</v>
      </c>
      <c r="R3121" s="10" t="s">
        <v>22</v>
      </c>
      <c r="S3121" s="10" t="s">
        <v>22</v>
      </c>
      <c r="T3121" s="10" t="s">
        <v>22</v>
      </c>
      <c r="U3121" s="10" t="s">
        <v>22</v>
      </c>
      <c r="V3121" s="10" t="s">
        <v>22</v>
      </c>
      <c r="W3121" s="10" t="s">
        <v>22</v>
      </c>
      <c r="X3121" s="10" t="s">
        <v>22</v>
      </c>
      <c r="Y3121" s="10" t="s">
        <v>22</v>
      </c>
      <c r="Z3121" s="10" t="s">
        <v>22</v>
      </c>
    </row>
    <row r="3122" spans="1:26" ht="24" customHeight="1" x14ac:dyDescent="0.2">
      <c r="A3122" s="9" t="s">
        <v>20304</v>
      </c>
      <c r="B3122" s="9" t="s">
        <v>13655</v>
      </c>
      <c r="C3122" s="9" t="s">
        <v>101</v>
      </c>
      <c r="D3122" s="6" t="s">
        <v>13692</v>
      </c>
      <c r="E3122" s="22">
        <v>44804</v>
      </c>
      <c r="F3122" s="22">
        <v>46629</v>
      </c>
      <c r="G3122" s="6" t="s">
        <v>13693</v>
      </c>
      <c r="H3122" s="6" t="s">
        <v>18</v>
      </c>
      <c r="I3122" s="6" t="s">
        <v>84</v>
      </c>
      <c r="J3122" s="6" t="s">
        <v>13694</v>
      </c>
      <c r="K3122" s="9" t="s">
        <v>13695</v>
      </c>
      <c r="L3122" s="10" t="s">
        <v>22</v>
      </c>
      <c r="M3122" s="10" t="s">
        <v>22</v>
      </c>
      <c r="N3122" s="10" t="s">
        <v>22</v>
      </c>
      <c r="O3122" s="10" t="s">
        <v>22</v>
      </c>
      <c r="P3122" s="10" t="s">
        <v>22</v>
      </c>
      <c r="Q3122" s="10" t="s">
        <v>22</v>
      </c>
    </row>
    <row r="3123" spans="1:26" ht="24" customHeight="1" x14ac:dyDescent="0.2">
      <c r="A3123" s="9" t="s">
        <v>20305</v>
      </c>
      <c r="B3123" s="9" t="s">
        <v>13655</v>
      </c>
      <c r="C3123" s="9" t="s">
        <v>13696</v>
      </c>
      <c r="D3123" s="6" t="s">
        <v>13697</v>
      </c>
      <c r="E3123" s="22">
        <v>44877</v>
      </c>
      <c r="F3123" s="22">
        <v>46702</v>
      </c>
      <c r="G3123" s="6" t="s">
        <v>13698</v>
      </c>
      <c r="H3123" s="6" t="s">
        <v>18</v>
      </c>
      <c r="I3123" s="6" t="s">
        <v>13699</v>
      </c>
      <c r="J3123" s="6" t="s">
        <v>13700</v>
      </c>
      <c r="K3123" s="9" t="s">
        <v>13701</v>
      </c>
      <c r="L3123" s="10" t="s">
        <v>22</v>
      </c>
      <c r="M3123" s="10" t="s">
        <v>22</v>
      </c>
      <c r="N3123" s="10" t="s">
        <v>22</v>
      </c>
      <c r="O3123" s="10" t="s">
        <v>22</v>
      </c>
      <c r="P3123" s="10" t="s">
        <v>22</v>
      </c>
      <c r="Q3123" s="10" t="s">
        <v>22</v>
      </c>
      <c r="U3123" s="10" t="s">
        <v>22</v>
      </c>
      <c r="V3123" s="10" t="s">
        <v>22</v>
      </c>
      <c r="W3123" s="10" t="s">
        <v>22</v>
      </c>
      <c r="X3123" s="10" t="s">
        <v>22</v>
      </c>
      <c r="Y3123" s="10" t="s">
        <v>22</v>
      </c>
      <c r="Z3123" s="10" t="s">
        <v>22</v>
      </c>
    </row>
    <row r="3124" spans="1:26" ht="24" customHeight="1" x14ac:dyDescent="0.2">
      <c r="A3124" s="9" t="s">
        <v>20306</v>
      </c>
      <c r="B3124" s="9" t="s">
        <v>13655</v>
      </c>
      <c r="C3124" s="9" t="s">
        <v>13702</v>
      </c>
      <c r="D3124" s="6" t="s">
        <v>13703</v>
      </c>
      <c r="E3124" s="22">
        <v>44891</v>
      </c>
      <c r="F3124" s="22">
        <v>46716</v>
      </c>
      <c r="G3124" s="6" t="s">
        <v>13704</v>
      </c>
      <c r="H3124" s="6" t="s">
        <v>18</v>
      </c>
      <c r="I3124" s="6" t="s">
        <v>13658</v>
      </c>
      <c r="J3124" s="6" t="s">
        <v>13705</v>
      </c>
      <c r="K3124" s="9" t="s">
        <v>13706</v>
      </c>
      <c r="L3124" s="10" t="s">
        <v>22</v>
      </c>
      <c r="M3124" s="10" t="s">
        <v>22</v>
      </c>
      <c r="N3124" s="10" t="s">
        <v>22</v>
      </c>
      <c r="O3124" s="10" t="s">
        <v>22</v>
      </c>
      <c r="P3124" s="10" t="s">
        <v>22</v>
      </c>
      <c r="Q3124" s="10" t="s">
        <v>22</v>
      </c>
      <c r="U3124" s="10" t="s">
        <v>22</v>
      </c>
      <c r="V3124" s="10" t="s">
        <v>22</v>
      </c>
      <c r="W3124" s="10" t="s">
        <v>22</v>
      </c>
      <c r="X3124" s="10" t="s">
        <v>22</v>
      </c>
      <c r="Y3124" s="10" t="s">
        <v>22</v>
      </c>
      <c r="Z3124" s="10" t="s">
        <v>22</v>
      </c>
    </row>
    <row r="3125" spans="1:26" ht="24" customHeight="1" x14ac:dyDescent="0.2">
      <c r="A3125" s="9" t="s">
        <v>20307</v>
      </c>
      <c r="B3125" s="9" t="s">
        <v>13655</v>
      </c>
      <c r="C3125" s="9" t="s">
        <v>126</v>
      </c>
      <c r="D3125" s="6" t="s">
        <v>9247</v>
      </c>
      <c r="E3125" s="22">
        <v>44909</v>
      </c>
      <c r="F3125" s="22">
        <v>46734</v>
      </c>
      <c r="G3125" s="6" t="s">
        <v>9248</v>
      </c>
      <c r="H3125" s="6" t="s">
        <v>18</v>
      </c>
      <c r="I3125" s="6" t="s">
        <v>84</v>
      </c>
      <c r="J3125" s="6" t="s">
        <v>13707</v>
      </c>
      <c r="K3125" s="9" t="s">
        <v>17076</v>
      </c>
      <c r="L3125" s="10" t="s">
        <v>22</v>
      </c>
      <c r="M3125" s="10" t="s">
        <v>22</v>
      </c>
      <c r="N3125" s="10" t="s">
        <v>22</v>
      </c>
      <c r="O3125" s="10" t="s">
        <v>22</v>
      </c>
      <c r="P3125" s="10" t="s">
        <v>22</v>
      </c>
      <c r="Q3125" s="10" t="s">
        <v>22</v>
      </c>
      <c r="R3125" s="10" t="s">
        <v>22</v>
      </c>
      <c r="S3125" s="10" t="s">
        <v>22</v>
      </c>
      <c r="T3125" s="10" t="s">
        <v>22</v>
      </c>
      <c r="U3125" s="10" t="s">
        <v>22</v>
      </c>
      <c r="V3125" s="10" t="s">
        <v>22</v>
      </c>
      <c r="W3125" s="10" t="s">
        <v>22</v>
      </c>
      <c r="X3125" s="10" t="s">
        <v>22</v>
      </c>
      <c r="Y3125" s="10" t="s">
        <v>22</v>
      </c>
      <c r="Z3125" s="10" t="s">
        <v>22</v>
      </c>
    </row>
    <row r="3126" spans="1:26" ht="24" customHeight="1" x14ac:dyDescent="0.2">
      <c r="A3126" s="9" t="s">
        <v>20308</v>
      </c>
      <c r="B3126" s="9" t="s">
        <v>13655</v>
      </c>
      <c r="C3126" s="9" t="s">
        <v>146</v>
      </c>
      <c r="D3126" s="6" t="s">
        <v>13708</v>
      </c>
      <c r="E3126" s="22">
        <v>45061</v>
      </c>
      <c r="F3126" s="22">
        <v>46887</v>
      </c>
      <c r="G3126" s="6" t="s">
        <v>13709</v>
      </c>
      <c r="H3126" s="6" t="s">
        <v>18</v>
      </c>
      <c r="I3126" s="6" t="s">
        <v>84</v>
      </c>
      <c r="J3126" s="6" t="s">
        <v>13710</v>
      </c>
      <c r="K3126" s="9" t="s">
        <v>13711</v>
      </c>
      <c r="L3126" s="10" t="s">
        <v>22</v>
      </c>
      <c r="M3126" s="10" t="s">
        <v>22</v>
      </c>
      <c r="N3126" s="10" t="s">
        <v>22</v>
      </c>
      <c r="O3126" s="10" t="s">
        <v>22</v>
      </c>
      <c r="P3126" s="10" t="s">
        <v>22</v>
      </c>
      <c r="Q3126" s="10" t="s">
        <v>22</v>
      </c>
      <c r="U3126" s="10" t="s">
        <v>22</v>
      </c>
      <c r="V3126" s="10" t="s">
        <v>22</v>
      </c>
      <c r="W3126" s="10" t="s">
        <v>22</v>
      </c>
      <c r="X3126" s="10" t="s">
        <v>22</v>
      </c>
      <c r="Y3126" s="10" t="s">
        <v>22</v>
      </c>
      <c r="Z3126" s="10" t="s">
        <v>22</v>
      </c>
    </row>
    <row r="3127" spans="1:26" ht="24" customHeight="1" x14ac:dyDescent="0.2">
      <c r="A3127" s="9" t="s">
        <v>20309</v>
      </c>
      <c r="B3127" s="9" t="s">
        <v>13655</v>
      </c>
      <c r="C3127" s="9" t="s">
        <v>151</v>
      </c>
      <c r="D3127" s="6" t="s">
        <v>13712</v>
      </c>
      <c r="E3127" s="22">
        <v>45432</v>
      </c>
      <c r="F3127" s="22">
        <v>47257</v>
      </c>
      <c r="G3127" s="6" t="s">
        <v>13713</v>
      </c>
      <c r="H3127" s="6" t="s">
        <v>18</v>
      </c>
      <c r="I3127" s="6" t="s">
        <v>84</v>
      </c>
      <c r="J3127" s="6" t="s">
        <v>17077</v>
      </c>
      <c r="K3127" s="9" t="s">
        <v>13714</v>
      </c>
      <c r="L3127" s="10" t="s">
        <v>22</v>
      </c>
      <c r="M3127" s="10" t="s">
        <v>22</v>
      </c>
      <c r="N3127" s="10" t="s">
        <v>22</v>
      </c>
      <c r="O3127" s="10" t="s">
        <v>22</v>
      </c>
      <c r="P3127" s="10" t="s">
        <v>22</v>
      </c>
      <c r="Q3127" s="10" t="s">
        <v>22</v>
      </c>
      <c r="R3127" s="10" t="s">
        <v>22</v>
      </c>
      <c r="S3127" s="10" t="s">
        <v>22</v>
      </c>
      <c r="T3127" s="10" t="s">
        <v>22</v>
      </c>
      <c r="U3127" s="10" t="s">
        <v>22</v>
      </c>
      <c r="V3127" s="10" t="s">
        <v>22</v>
      </c>
      <c r="W3127" s="10" t="s">
        <v>22</v>
      </c>
      <c r="X3127" s="10" t="s">
        <v>22</v>
      </c>
      <c r="Y3127" s="10" t="s">
        <v>22</v>
      </c>
      <c r="Z3127" s="10" t="s">
        <v>22</v>
      </c>
    </row>
    <row r="3128" spans="1:26" ht="24" customHeight="1" x14ac:dyDescent="0.2">
      <c r="A3128" s="9" t="s">
        <v>21334</v>
      </c>
      <c r="B3128" s="9" t="s">
        <v>13655</v>
      </c>
      <c r="C3128" s="9" t="s">
        <v>13715</v>
      </c>
      <c r="D3128" s="6" t="s">
        <v>13716</v>
      </c>
      <c r="E3128" s="22">
        <v>45685</v>
      </c>
      <c r="F3128" s="22">
        <v>47510</v>
      </c>
      <c r="G3128" s="6" t="s">
        <v>13717</v>
      </c>
      <c r="H3128" s="6" t="s">
        <v>18</v>
      </c>
      <c r="I3128" s="6" t="s">
        <v>84</v>
      </c>
      <c r="J3128" s="6" t="s">
        <v>21203</v>
      </c>
      <c r="K3128" s="9" t="s">
        <v>21204</v>
      </c>
      <c r="L3128" s="10" t="s">
        <v>22</v>
      </c>
      <c r="M3128" s="10" t="s">
        <v>22</v>
      </c>
      <c r="N3128" s="10" t="s">
        <v>22</v>
      </c>
      <c r="O3128" s="10" t="s">
        <v>22</v>
      </c>
      <c r="P3128" s="10" t="s">
        <v>22</v>
      </c>
      <c r="Q3128" s="10" t="s">
        <v>22</v>
      </c>
      <c r="U3128" s="10" t="s">
        <v>22</v>
      </c>
      <c r="V3128" s="10" t="s">
        <v>22</v>
      </c>
      <c r="W3128" s="10" t="s">
        <v>22</v>
      </c>
      <c r="X3128" s="10" t="s">
        <v>22</v>
      </c>
      <c r="Y3128" s="10" t="s">
        <v>22</v>
      </c>
      <c r="Z3128" s="10" t="s">
        <v>22</v>
      </c>
    </row>
    <row r="3129" spans="1:26" ht="24" customHeight="1" x14ac:dyDescent="0.2">
      <c r="A3129" s="9" t="s">
        <v>20310</v>
      </c>
      <c r="B3129" s="9" t="s">
        <v>13655</v>
      </c>
      <c r="C3129" s="9" t="s">
        <v>161</v>
      </c>
      <c r="D3129" s="6" t="s">
        <v>13718</v>
      </c>
      <c r="E3129" s="22">
        <v>44378</v>
      </c>
      <c r="F3129" s="22">
        <v>46203</v>
      </c>
      <c r="G3129" s="6" t="s">
        <v>13719</v>
      </c>
      <c r="H3129" s="6" t="s">
        <v>18</v>
      </c>
      <c r="I3129" s="6" t="s">
        <v>2383</v>
      </c>
      <c r="J3129" s="6" t="s">
        <v>13720</v>
      </c>
      <c r="L3129" s="10" t="s">
        <v>22</v>
      </c>
      <c r="M3129" s="10" t="s">
        <v>22</v>
      </c>
      <c r="N3129" s="10" t="s">
        <v>22</v>
      </c>
      <c r="O3129" s="10" t="s">
        <v>22</v>
      </c>
      <c r="P3129" s="10" t="s">
        <v>22</v>
      </c>
      <c r="Q3129" s="10" t="s">
        <v>22</v>
      </c>
      <c r="R3129" s="10" t="s">
        <v>22</v>
      </c>
      <c r="S3129" s="10" t="s">
        <v>22</v>
      </c>
      <c r="T3129" s="10" t="s">
        <v>22</v>
      </c>
      <c r="U3129" s="10" t="s">
        <v>22</v>
      </c>
      <c r="V3129" s="10" t="s">
        <v>22</v>
      </c>
      <c r="W3129" s="10" t="s">
        <v>22</v>
      </c>
      <c r="X3129" s="10" t="s">
        <v>22</v>
      </c>
      <c r="Y3129" s="10" t="s">
        <v>22</v>
      </c>
      <c r="Z3129" s="10" t="s">
        <v>22</v>
      </c>
    </row>
    <row r="3130" spans="1:26" ht="24" customHeight="1" x14ac:dyDescent="0.2">
      <c r="A3130" s="9" t="s">
        <v>20311</v>
      </c>
      <c r="B3130" s="9" t="s">
        <v>13655</v>
      </c>
      <c r="C3130" s="9" t="s">
        <v>166</v>
      </c>
      <c r="D3130" s="6" t="s">
        <v>13721</v>
      </c>
      <c r="E3130" s="22">
        <v>44378</v>
      </c>
      <c r="F3130" s="22">
        <v>46203</v>
      </c>
      <c r="G3130" s="6" t="s">
        <v>13722</v>
      </c>
      <c r="H3130" s="6" t="s">
        <v>18</v>
      </c>
      <c r="I3130" s="6" t="s">
        <v>84</v>
      </c>
      <c r="J3130" s="6" t="s">
        <v>13723</v>
      </c>
      <c r="K3130" s="9" t="s">
        <v>13724</v>
      </c>
      <c r="L3130" s="10" t="s">
        <v>22</v>
      </c>
      <c r="M3130" s="10" t="s">
        <v>22</v>
      </c>
      <c r="N3130" s="10" t="s">
        <v>22</v>
      </c>
      <c r="O3130" s="10" t="s">
        <v>22</v>
      </c>
      <c r="P3130" s="10" t="s">
        <v>22</v>
      </c>
      <c r="Q3130" s="10" t="s">
        <v>22</v>
      </c>
      <c r="U3130" s="10" t="s">
        <v>22</v>
      </c>
      <c r="V3130" s="10" t="s">
        <v>22</v>
      </c>
      <c r="W3130" s="10" t="s">
        <v>22</v>
      </c>
      <c r="X3130" s="10" t="s">
        <v>22</v>
      </c>
      <c r="Y3130" s="10" t="s">
        <v>22</v>
      </c>
      <c r="Z3130" s="10" t="s">
        <v>22</v>
      </c>
    </row>
    <row r="3131" spans="1:26" ht="24" customHeight="1" x14ac:dyDescent="0.2">
      <c r="A3131" s="9" t="s">
        <v>20312</v>
      </c>
      <c r="B3131" s="9" t="s">
        <v>13655</v>
      </c>
      <c r="C3131" s="9" t="s">
        <v>13725</v>
      </c>
      <c r="D3131" s="6" t="s">
        <v>13726</v>
      </c>
      <c r="E3131" s="22">
        <v>44619</v>
      </c>
      <c r="F3131" s="22">
        <v>46444</v>
      </c>
      <c r="G3131" s="6" t="s">
        <v>13727</v>
      </c>
      <c r="H3131" s="6" t="s">
        <v>18</v>
      </c>
      <c r="I3131" s="6" t="s">
        <v>84</v>
      </c>
      <c r="J3131" s="6" t="s">
        <v>13728</v>
      </c>
      <c r="L3131" s="10" t="s">
        <v>22</v>
      </c>
      <c r="M3131" s="10" t="s">
        <v>22</v>
      </c>
      <c r="N3131" s="10" t="s">
        <v>22</v>
      </c>
      <c r="O3131" s="10" t="s">
        <v>22</v>
      </c>
      <c r="P3131" s="10" t="s">
        <v>22</v>
      </c>
      <c r="Q3131" s="10" t="s">
        <v>22</v>
      </c>
      <c r="R3131" s="10" t="s">
        <v>22</v>
      </c>
      <c r="S3131" s="10" t="s">
        <v>22</v>
      </c>
      <c r="T3131" s="10" t="s">
        <v>22</v>
      </c>
      <c r="U3131" s="10" t="s">
        <v>22</v>
      </c>
      <c r="V3131" s="10" t="s">
        <v>22</v>
      </c>
      <c r="W3131" s="10" t="s">
        <v>22</v>
      </c>
      <c r="X3131" s="10" t="s">
        <v>22</v>
      </c>
      <c r="Y3131" s="10" t="s">
        <v>22</v>
      </c>
      <c r="Z3131" s="10" t="s">
        <v>22</v>
      </c>
    </row>
    <row r="3132" spans="1:26" ht="24" customHeight="1" x14ac:dyDescent="0.2">
      <c r="A3132" s="9" t="s">
        <v>20313</v>
      </c>
      <c r="B3132" s="9" t="s">
        <v>13655</v>
      </c>
      <c r="C3132" s="9" t="s">
        <v>189</v>
      </c>
      <c r="D3132" s="6" t="s">
        <v>13729</v>
      </c>
      <c r="E3132" s="22">
        <v>44775</v>
      </c>
      <c r="F3132" s="22">
        <v>46600</v>
      </c>
      <c r="G3132" s="6" t="s">
        <v>13730</v>
      </c>
      <c r="H3132" s="6" t="s">
        <v>18</v>
      </c>
      <c r="I3132" s="6" t="s">
        <v>84</v>
      </c>
      <c r="J3132" s="6" t="s">
        <v>13731</v>
      </c>
      <c r="K3132" s="9" t="s">
        <v>13732</v>
      </c>
      <c r="L3132" s="10" t="s">
        <v>22</v>
      </c>
      <c r="M3132" s="10" t="s">
        <v>22</v>
      </c>
      <c r="N3132" s="10" t="s">
        <v>22</v>
      </c>
      <c r="O3132" s="10" t="s">
        <v>22</v>
      </c>
      <c r="P3132" s="10" t="s">
        <v>22</v>
      </c>
      <c r="Q3132" s="10" t="s">
        <v>22</v>
      </c>
    </row>
    <row r="3133" spans="1:26" ht="24" customHeight="1" x14ac:dyDescent="0.2">
      <c r="A3133" s="9" t="s">
        <v>20314</v>
      </c>
      <c r="B3133" s="9" t="s">
        <v>13655</v>
      </c>
      <c r="C3133" s="9" t="s">
        <v>13733</v>
      </c>
      <c r="D3133" s="6" t="s">
        <v>13734</v>
      </c>
      <c r="E3133" s="22">
        <v>44830</v>
      </c>
      <c r="F3133" s="22">
        <v>46655</v>
      </c>
      <c r="G3133" s="6" t="s">
        <v>13735</v>
      </c>
      <c r="H3133" s="6" t="s">
        <v>18</v>
      </c>
      <c r="I3133" s="6" t="s">
        <v>1281</v>
      </c>
      <c r="J3133" s="6" t="s">
        <v>13736</v>
      </c>
      <c r="L3133" s="10" t="s">
        <v>22</v>
      </c>
      <c r="M3133" s="10" t="s">
        <v>22</v>
      </c>
      <c r="N3133" s="10" t="s">
        <v>22</v>
      </c>
      <c r="O3133" s="10" t="s">
        <v>22</v>
      </c>
      <c r="P3133" s="10" t="s">
        <v>22</v>
      </c>
      <c r="Q3133" s="10" t="s">
        <v>22</v>
      </c>
    </row>
    <row r="3134" spans="1:26" ht="24" customHeight="1" x14ac:dyDescent="0.2">
      <c r="A3134" s="9" t="s">
        <v>20315</v>
      </c>
      <c r="B3134" s="9" t="s">
        <v>13655</v>
      </c>
      <c r="C3134" s="9" t="s">
        <v>206</v>
      </c>
      <c r="D3134" s="6" t="s">
        <v>13737</v>
      </c>
      <c r="E3134" s="22">
        <v>44831</v>
      </c>
      <c r="F3134" s="22">
        <v>46656</v>
      </c>
      <c r="G3134" s="6" t="s">
        <v>13738</v>
      </c>
      <c r="H3134" s="6" t="s">
        <v>18</v>
      </c>
      <c r="I3134" s="6" t="s">
        <v>84</v>
      </c>
      <c r="J3134" s="6" t="s">
        <v>13739</v>
      </c>
      <c r="L3134" s="10" t="s">
        <v>22</v>
      </c>
      <c r="M3134" s="10" t="s">
        <v>22</v>
      </c>
      <c r="N3134" s="10" t="s">
        <v>22</v>
      </c>
      <c r="O3134" s="10" t="s">
        <v>22</v>
      </c>
      <c r="P3134" s="10" t="s">
        <v>22</v>
      </c>
      <c r="Q3134" s="10" t="s">
        <v>22</v>
      </c>
      <c r="U3134" s="10" t="s">
        <v>22</v>
      </c>
      <c r="V3134" s="10" t="s">
        <v>22</v>
      </c>
      <c r="W3134" s="10" t="s">
        <v>22</v>
      </c>
      <c r="X3134" s="10" t="s">
        <v>22</v>
      </c>
      <c r="Y3134" s="10" t="s">
        <v>22</v>
      </c>
      <c r="Z3134" s="10" t="s">
        <v>22</v>
      </c>
    </row>
    <row r="3135" spans="1:26" ht="24" customHeight="1" x14ac:dyDescent="0.2">
      <c r="A3135" s="9" t="s">
        <v>20316</v>
      </c>
      <c r="B3135" s="9" t="s">
        <v>13655</v>
      </c>
      <c r="C3135" s="9" t="s">
        <v>13740</v>
      </c>
      <c r="D3135" s="6" t="s">
        <v>13741</v>
      </c>
      <c r="E3135" s="22">
        <v>44851</v>
      </c>
      <c r="F3135" s="22">
        <v>46676</v>
      </c>
      <c r="G3135" s="6" t="s">
        <v>13742</v>
      </c>
      <c r="H3135" s="6" t="s">
        <v>18</v>
      </c>
      <c r="I3135" s="6" t="s">
        <v>84</v>
      </c>
      <c r="J3135" s="6" t="s">
        <v>13743</v>
      </c>
      <c r="K3135" s="9" t="s">
        <v>13744</v>
      </c>
      <c r="L3135" s="10" t="s">
        <v>22</v>
      </c>
      <c r="M3135" s="10" t="s">
        <v>22</v>
      </c>
      <c r="N3135" s="10" t="s">
        <v>22</v>
      </c>
      <c r="O3135" s="10" t="s">
        <v>22</v>
      </c>
      <c r="P3135" s="10" t="s">
        <v>22</v>
      </c>
      <c r="Q3135" s="10" t="s">
        <v>22</v>
      </c>
      <c r="R3135" s="10" t="s">
        <v>22</v>
      </c>
      <c r="S3135" s="10" t="s">
        <v>22</v>
      </c>
      <c r="T3135" s="10" t="s">
        <v>22</v>
      </c>
      <c r="U3135" s="10" t="s">
        <v>22</v>
      </c>
      <c r="V3135" s="10" t="s">
        <v>22</v>
      </c>
      <c r="W3135" s="10" t="s">
        <v>22</v>
      </c>
      <c r="X3135" s="10" t="s">
        <v>22</v>
      </c>
      <c r="Y3135" s="10" t="s">
        <v>22</v>
      </c>
      <c r="Z3135" s="10" t="s">
        <v>22</v>
      </c>
    </row>
    <row r="3136" spans="1:26" ht="24" customHeight="1" x14ac:dyDescent="0.2">
      <c r="A3136" s="9" t="s">
        <v>20317</v>
      </c>
      <c r="B3136" s="9" t="s">
        <v>13655</v>
      </c>
      <c r="C3136" s="9" t="s">
        <v>13745</v>
      </c>
      <c r="D3136" s="6" t="s">
        <v>13746</v>
      </c>
      <c r="E3136" s="22">
        <v>44934</v>
      </c>
      <c r="F3136" s="22">
        <v>46759</v>
      </c>
      <c r="G3136" s="6" t="s">
        <v>13747</v>
      </c>
      <c r="H3136" s="6" t="s">
        <v>18</v>
      </c>
      <c r="I3136" s="6" t="s">
        <v>84</v>
      </c>
      <c r="J3136" s="6" t="s">
        <v>13748</v>
      </c>
      <c r="K3136" s="9" t="s">
        <v>13749</v>
      </c>
      <c r="L3136" s="10" t="s">
        <v>22</v>
      </c>
      <c r="M3136" s="10" t="s">
        <v>22</v>
      </c>
      <c r="N3136" s="10" t="s">
        <v>22</v>
      </c>
      <c r="O3136" s="10" t="s">
        <v>22</v>
      </c>
      <c r="P3136" s="10" t="s">
        <v>22</v>
      </c>
      <c r="Q3136" s="10" t="s">
        <v>22</v>
      </c>
      <c r="U3136" s="10" t="s">
        <v>22</v>
      </c>
      <c r="V3136" s="10" t="s">
        <v>22</v>
      </c>
      <c r="W3136" s="10" t="s">
        <v>22</v>
      </c>
      <c r="X3136" s="10" t="s">
        <v>22</v>
      </c>
      <c r="Y3136" s="10" t="s">
        <v>22</v>
      </c>
      <c r="Z3136" s="10" t="s">
        <v>22</v>
      </c>
    </row>
    <row r="3137" spans="1:26" ht="24" customHeight="1" x14ac:dyDescent="0.2">
      <c r="A3137" s="9" t="s">
        <v>20318</v>
      </c>
      <c r="B3137" s="9" t="s">
        <v>13655</v>
      </c>
      <c r="C3137" s="9" t="s">
        <v>13750</v>
      </c>
      <c r="D3137" s="6" t="s">
        <v>13751</v>
      </c>
      <c r="E3137" s="22">
        <v>44949</v>
      </c>
      <c r="F3137" s="22">
        <v>46774</v>
      </c>
      <c r="G3137" s="6" t="s">
        <v>13752</v>
      </c>
      <c r="H3137" s="6" t="s">
        <v>18</v>
      </c>
      <c r="I3137" s="6" t="s">
        <v>84</v>
      </c>
      <c r="J3137" s="6" t="s">
        <v>13753</v>
      </c>
      <c r="K3137" s="9" t="s">
        <v>13754</v>
      </c>
      <c r="L3137" s="10" t="s">
        <v>22</v>
      </c>
      <c r="M3137" s="10" t="s">
        <v>22</v>
      </c>
      <c r="N3137" s="10" t="s">
        <v>22</v>
      </c>
      <c r="O3137" s="10" t="s">
        <v>22</v>
      </c>
      <c r="P3137" s="10" t="s">
        <v>22</v>
      </c>
      <c r="Q3137" s="10" t="s">
        <v>22</v>
      </c>
      <c r="U3137" s="10" t="s">
        <v>22</v>
      </c>
      <c r="V3137" s="10" t="s">
        <v>22</v>
      </c>
      <c r="W3137" s="10" t="s">
        <v>22</v>
      </c>
      <c r="X3137" s="10" t="s">
        <v>22</v>
      </c>
      <c r="Y3137" s="10" t="s">
        <v>22</v>
      </c>
      <c r="Z3137" s="10" t="s">
        <v>22</v>
      </c>
    </row>
    <row r="3138" spans="1:26" ht="24" customHeight="1" x14ac:dyDescent="0.2">
      <c r="A3138" s="9" t="s">
        <v>20319</v>
      </c>
      <c r="B3138" s="9" t="s">
        <v>13655</v>
      </c>
      <c r="C3138" s="9" t="s">
        <v>233</v>
      </c>
      <c r="D3138" s="6" t="s">
        <v>17078</v>
      </c>
      <c r="E3138" s="22">
        <v>45110</v>
      </c>
      <c r="F3138" s="22">
        <v>46936</v>
      </c>
      <c r="G3138" s="6" t="s">
        <v>17079</v>
      </c>
      <c r="H3138" s="6" t="s">
        <v>18</v>
      </c>
      <c r="I3138" s="6" t="s">
        <v>84</v>
      </c>
      <c r="J3138" s="6" t="s">
        <v>17080</v>
      </c>
      <c r="K3138" s="9" t="s">
        <v>17081</v>
      </c>
      <c r="L3138" s="10" t="s">
        <v>22</v>
      </c>
      <c r="M3138" s="10" t="s">
        <v>22</v>
      </c>
      <c r="N3138" s="10" t="s">
        <v>22</v>
      </c>
      <c r="O3138" s="10" t="s">
        <v>22</v>
      </c>
      <c r="P3138" s="10" t="s">
        <v>22</v>
      </c>
      <c r="Q3138" s="10" t="s">
        <v>22</v>
      </c>
      <c r="U3138" s="10" t="s">
        <v>22</v>
      </c>
      <c r="V3138" s="10" t="s">
        <v>22</v>
      </c>
      <c r="W3138" s="10" t="s">
        <v>22</v>
      </c>
      <c r="X3138" s="10" t="s">
        <v>22</v>
      </c>
      <c r="Y3138" s="10" t="s">
        <v>22</v>
      </c>
      <c r="Z3138" s="10" t="s">
        <v>22</v>
      </c>
    </row>
    <row r="3139" spans="1:26" ht="24" customHeight="1" x14ac:dyDescent="0.2">
      <c r="A3139" s="9" t="s">
        <v>20320</v>
      </c>
      <c r="B3139" s="9" t="s">
        <v>13655</v>
      </c>
      <c r="C3139" s="9" t="s">
        <v>13756</v>
      </c>
      <c r="D3139" s="6" t="s">
        <v>13757</v>
      </c>
      <c r="E3139" s="22">
        <v>45355</v>
      </c>
      <c r="F3139" s="22">
        <v>47180</v>
      </c>
      <c r="G3139" s="6" t="s">
        <v>13758</v>
      </c>
      <c r="H3139" s="6" t="s">
        <v>18</v>
      </c>
      <c r="I3139" s="6" t="s">
        <v>84</v>
      </c>
      <c r="J3139" s="6" t="s">
        <v>17082</v>
      </c>
      <c r="K3139" s="9" t="s">
        <v>17083</v>
      </c>
      <c r="L3139" s="10" t="s">
        <v>22</v>
      </c>
      <c r="M3139" s="10" t="s">
        <v>22</v>
      </c>
      <c r="N3139" s="10" t="s">
        <v>22</v>
      </c>
      <c r="O3139" s="10" t="s">
        <v>22</v>
      </c>
      <c r="P3139" s="10" t="s">
        <v>22</v>
      </c>
      <c r="Q3139" s="10" t="s">
        <v>22</v>
      </c>
      <c r="R3139" s="10" t="s">
        <v>22</v>
      </c>
      <c r="S3139" s="10" t="s">
        <v>22</v>
      </c>
      <c r="T3139" s="10" t="s">
        <v>22</v>
      </c>
      <c r="U3139" s="10" t="s">
        <v>22</v>
      </c>
      <c r="V3139" s="10" t="s">
        <v>22</v>
      </c>
      <c r="W3139" s="10" t="s">
        <v>22</v>
      </c>
      <c r="X3139" s="10" t="s">
        <v>22</v>
      </c>
      <c r="Y3139" s="10" t="s">
        <v>22</v>
      </c>
      <c r="Z3139" s="10" t="s">
        <v>22</v>
      </c>
    </row>
    <row r="3140" spans="1:26" ht="24" customHeight="1" x14ac:dyDescent="0.2">
      <c r="A3140" s="9" t="s">
        <v>20321</v>
      </c>
      <c r="B3140" s="9" t="s">
        <v>13655</v>
      </c>
      <c r="C3140" s="9" t="s">
        <v>239</v>
      </c>
      <c r="D3140" s="6" t="s">
        <v>13759</v>
      </c>
      <c r="E3140" s="22">
        <v>45409</v>
      </c>
      <c r="F3140" s="22">
        <v>47234</v>
      </c>
      <c r="G3140" s="6" t="s">
        <v>13760</v>
      </c>
      <c r="H3140" s="6" t="s">
        <v>18</v>
      </c>
      <c r="I3140" s="6" t="s">
        <v>84</v>
      </c>
      <c r="J3140" s="6" t="s">
        <v>13761</v>
      </c>
      <c r="K3140" s="9" t="s">
        <v>13762</v>
      </c>
      <c r="L3140" s="10" t="s">
        <v>22</v>
      </c>
      <c r="M3140" s="10" t="s">
        <v>22</v>
      </c>
      <c r="N3140" s="10" t="s">
        <v>22</v>
      </c>
      <c r="O3140" s="10" t="s">
        <v>22</v>
      </c>
      <c r="P3140" s="10" t="s">
        <v>22</v>
      </c>
      <c r="Q3140" s="10" t="s">
        <v>22</v>
      </c>
      <c r="R3140" s="10" t="s">
        <v>22</v>
      </c>
      <c r="S3140" s="10" t="s">
        <v>22</v>
      </c>
      <c r="T3140" s="10" t="s">
        <v>22</v>
      </c>
      <c r="U3140" s="10" t="s">
        <v>22</v>
      </c>
      <c r="V3140" s="10" t="s">
        <v>22</v>
      </c>
      <c r="W3140" s="10" t="s">
        <v>22</v>
      </c>
    </row>
    <row r="3141" spans="1:26" ht="24" customHeight="1" x14ac:dyDescent="0.2">
      <c r="A3141" s="9" t="s">
        <v>21335</v>
      </c>
      <c r="B3141" s="9" t="s">
        <v>13655</v>
      </c>
      <c r="C3141" s="9" t="s">
        <v>13763</v>
      </c>
      <c r="D3141" s="6" t="s">
        <v>13764</v>
      </c>
      <c r="E3141" s="22">
        <v>45669</v>
      </c>
      <c r="F3141" s="22">
        <v>47494</v>
      </c>
      <c r="G3141" s="6" t="s">
        <v>13765</v>
      </c>
      <c r="H3141" s="6" t="s">
        <v>18</v>
      </c>
      <c r="I3141" s="6" t="s">
        <v>84</v>
      </c>
      <c r="J3141" s="6" t="s">
        <v>13766</v>
      </c>
      <c r="K3141" s="9" t="s">
        <v>13767</v>
      </c>
      <c r="L3141" s="10" t="s">
        <v>22</v>
      </c>
      <c r="M3141" s="10" t="s">
        <v>22</v>
      </c>
      <c r="N3141" s="10" t="s">
        <v>22</v>
      </c>
      <c r="O3141" s="10" t="s">
        <v>22</v>
      </c>
      <c r="P3141" s="10" t="s">
        <v>22</v>
      </c>
      <c r="Q3141" s="10" t="s">
        <v>22</v>
      </c>
      <c r="R3141" s="10" t="s">
        <v>22</v>
      </c>
      <c r="S3141" s="10" t="s">
        <v>22</v>
      </c>
      <c r="T3141" s="10" t="s">
        <v>22</v>
      </c>
      <c r="U3141" s="10" t="s">
        <v>22</v>
      </c>
      <c r="V3141" s="10" t="s">
        <v>22</v>
      </c>
      <c r="W3141" s="10" t="s">
        <v>22</v>
      </c>
      <c r="X3141" s="10" t="s">
        <v>22</v>
      </c>
      <c r="Y3141" s="10" t="s">
        <v>22</v>
      </c>
      <c r="Z3141" s="10" t="s">
        <v>22</v>
      </c>
    </row>
    <row r="3142" spans="1:26" ht="24" customHeight="1" x14ac:dyDescent="0.2">
      <c r="A3142" s="9" t="s">
        <v>20322</v>
      </c>
      <c r="B3142" s="9" t="s">
        <v>13655</v>
      </c>
      <c r="C3142" s="9" t="s">
        <v>255</v>
      </c>
      <c r="D3142" s="6" t="s">
        <v>13768</v>
      </c>
      <c r="E3142" s="22">
        <v>43961</v>
      </c>
      <c r="F3142" s="22">
        <v>45786</v>
      </c>
      <c r="G3142" s="6" t="s">
        <v>13769</v>
      </c>
      <c r="H3142" s="6" t="s">
        <v>18</v>
      </c>
      <c r="I3142" s="6" t="s">
        <v>84</v>
      </c>
      <c r="J3142" s="6" t="s">
        <v>13770</v>
      </c>
      <c r="K3142" s="9" t="s">
        <v>21424</v>
      </c>
      <c r="L3142" s="10" t="s">
        <v>22</v>
      </c>
      <c r="M3142" s="10" t="s">
        <v>22</v>
      </c>
      <c r="N3142" s="10" t="s">
        <v>22</v>
      </c>
      <c r="O3142" s="10" t="s">
        <v>22</v>
      </c>
      <c r="P3142" s="10" t="s">
        <v>22</v>
      </c>
      <c r="Q3142" s="10" t="s">
        <v>22</v>
      </c>
      <c r="R3142" s="10" t="s">
        <v>22</v>
      </c>
      <c r="S3142" s="10" t="s">
        <v>22</v>
      </c>
      <c r="T3142" s="10" t="s">
        <v>22</v>
      </c>
      <c r="U3142" s="10" t="s">
        <v>22</v>
      </c>
      <c r="V3142" s="10" t="s">
        <v>22</v>
      </c>
      <c r="W3142" s="10" t="s">
        <v>22</v>
      </c>
      <c r="X3142" s="10" t="s">
        <v>22</v>
      </c>
      <c r="Y3142" s="10" t="s">
        <v>22</v>
      </c>
      <c r="Z3142" s="10" t="s">
        <v>22</v>
      </c>
    </row>
    <row r="3143" spans="1:26" ht="24" customHeight="1" x14ac:dyDescent="0.2">
      <c r="A3143" s="9" t="s">
        <v>20323</v>
      </c>
      <c r="B3143" s="9" t="s">
        <v>13655</v>
      </c>
      <c r="C3143" s="9" t="s">
        <v>13771</v>
      </c>
      <c r="D3143" s="6" t="s">
        <v>13772</v>
      </c>
      <c r="E3143" s="22">
        <v>44055</v>
      </c>
      <c r="F3143" s="22">
        <v>45880</v>
      </c>
      <c r="G3143" s="6" t="s">
        <v>13773</v>
      </c>
      <c r="H3143" s="6" t="s">
        <v>18</v>
      </c>
      <c r="I3143" s="6" t="s">
        <v>84</v>
      </c>
      <c r="J3143" s="6" t="s">
        <v>13774</v>
      </c>
      <c r="K3143" s="9" t="s">
        <v>13775</v>
      </c>
      <c r="L3143" s="10" t="s">
        <v>22</v>
      </c>
      <c r="M3143" s="10" t="s">
        <v>22</v>
      </c>
      <c r="N3143" s="10" t="s">
        <v>22</v>
      </c>
      <c r="O3143" s="10" t="s">
        <v>22</v>
      </c>
      <c r="P3143" s="10" t="s">
        <v>22</v>
      </c>
      <c r="Q3143" s="10" t="s">
        <v>22</v>
      </c>
      <c r="R3143" s="10" t="s">
        <v>22</v>
      </c>
      <c r="S3143" s="10" t="s">
        <v>22</v>
      </c>
      <c r="T3143" s="10" t="s">
        <v>22</v>
      </c>
      <c r="U3143" s="10" t="s">
        <v>22</v>
      </c>
      <c r="V3143" s="10" t="s">
        <v>22</v>
      </c>
      <c r="W3143" s="10" t="s">
        <v>22</v>
      </c>
    </row>
    <row r="3144" spans="1:26" ht="24" customHeight="1" x14ac:dyDescent="0.2">
      <c r="A3144" s="9" t="s">
        <v>20324</v>
      </c>
      <c r="B3144" s="9" t="s">
        <v>13655</v>
      </c>
      <c r="C3144" s="9" t="s">
        <v>261</v>
      </c>
      <c r="D3144" s="6" t="s">
        <v>13776</v>
      </c>
      <c r="E3144" s="22">
        <v>44083</v>
      </c>
      <c r="F3144" s="22">
        <v>45908</v>
      </c>
      <c r="G3144" s="6" t="s">
        <v>13777</v>
      </c>
      <c r="H3144" s="6" t="s">
        <v>18</v>
      </c>
      <c r="I3144" s="6" t="s">
        <v>84</v>
      </c>
      <c r="J3144" s="6" t="s">
        <v>13778</v>
      </c>
      <c r="K3144" s="9" t="s">
        <v>13779</v>
      </c>
      <c r="L3144" s="10" t="s">
        <v>22</v>
      </c>
      <c r="M3144" s="10" t="s">
        <v>22</v>
      </c>
      <c r="N3144" s="10" t="s">
        <v>22</v>
      </c>
      <c r="O3144" s="10" t="s">
        <v>22</v>
      </c>
      <c r="P3144" s="10" t="s">
        <v>22</v>
      </c>
      <c r="Q3144" s="10" t="s">
        <v>22</v>
      </c>
      <c r="R3144" s="10" t="s">
        <v>22</v>
      </c>
      <c r="S3144" s="10" t="s">
        <v>22</v>
      </c>
      <c r="T3144" s="10" t="s">
        <v>22</v>
      </c>
      <c r="U3144" s="10" t="s">
        <v>22</v>
      </c>
      <c r="V3144" s="10" t="s">
        <v>22</v>
      </c>
      <c r="W3144" s="10" t="s">
        <v>22</v>
      </c>
      <c r="X3144" s="10" t="s">
        <v>22</v>
      </c>
      <c r="Y3144" s="10" t="s">
        <v>22</v>
      </c>
      <c r="Z3144" s="10" t="s">
        <v>22</v>
      </c>
    </row>
    <row r="3145" spans="1:26" ht="24" customHeight="1" x14ac:dyDescent="0.2">
      <c r="A3145" s="9" t="s">
        <v>20325</v>
      </c>
      <c r="B3145" s="9" t="s">
        <v>13655</v>
      </c>
      <c r="C3145" s="9" t="s">
        <v>267</v>
      </c>
      <c r="D3145" s="6" t="s">
        <v>13780</v>
      </c>
      <c r="E3145" s="22">
        <v>44989</v>
      </c>
      <c r="F3145" s="22">
        <v>46815</v>
      </c>
      <c r="G3145" s="6" t="s">
        <v>13781</v>
      </c>
      <c r="H3145" s="6" t="s">
        <v>18</v>
      </c>
      <c r="I3145" s="6" t="s">
        <v>84</v>
      </c>
      <c r="J3145" s="6" t="s">
        <v>13782</v>
      </c>
      <c r="K3145" s="9" t="s">
        <v>13783</v>
      </c>
      <c r="L3145" s="10" t="s">
        <v>22</v>
      </c>
      <c r="M3145" s="10" t="s">
        <v>22</v>
      </c>
      <c r="N3145" s="10" t="s">
        <v>22</v>
      </c>
      <c r="R3145" s="10" t="s">
        <v>22</v>
      </c>
      <c r="S3145" s="10" t="s">
        <v>22</v>
      </c>
      <c r="T3145" s="10" t="s">
        <v>22</v>
      </c>
    </row>
    <row r="3146" spans="1:26" ht="24" customHeight="1" x14ac:dyDescent="0.2">
      <c r="A3146" s="9" t="s">
        <v>20326</v>
      </c>
      <c r="B3146" s="9" t="s">
        <v>13655</v>
      </c>
      <c r="C3146" s="9" t="s">
        <v>13784</v>
      </c>
      <c r="D3146" s="6" t="s">
        <v>13785</v>
      </c>
      <c r="E3146" s="22">
        <v>44588</v>
      </c>
      <c r="F3146" s="22">
        <v>46413</v>
      </c>
      <c r="G3146" s="6" t="s">
        <v>13786</v>
      </c>
      <c r="H3146" s="6" t="s">
        <v>18</v>
      </c>
      <c r="I3146" s="6" t="s">
        <v>1281</v>
      </c>
      <c r="J3146" s="6" t="s">
        <v>13787</v>
      </c>
      <c r="K3146" s="9" t="s">
        <v>13788</v>
      </c>
      <c r="L3146" s="10" t="s">
        <v>22</v>
      </c>
      <c r="M3146" s="10" t="s">
        <v>22</v>
      </c>
      <c r="N3146" s="10" t="s">
        <v>22</v>
      </c>
      <c r="O3146" s="10" t="s">
        <v>22</v>
      </c>
      <c r="P3146" s="10" t="s">
        <v>22</v>
      </c>
      <c r="Q3146" s="10" t="s">
        <v>22</v>
      </c>
      <c r="S3146" s="10" t="s">
        <v>22</v>
      </c>
      <c r="T3146" s="10" t="s">
        <v>22</v>
      </c>
      <c r="V3146" s="10" t="s">
        <v>22</v>
      </c>
      <c r="W3146" s="10" t="s">
        <v>22</v>
      </c>
      <c r="Y3146" s="10" t="s">
        <v>22</v>
      </c>
      <c r="Z3146" s="10" t="s">
        <v>22</v>
      </c>
    </row>
    <row r="3147" spans="1:26" ht="24" customHeight="1" x14ac:dyDescent="0.2">
      <c r="A3147" s="9" t="s">
        <v>20327</v>
      </c>
      <c r="B3147" s="9" t="s">
        <v>13655</v>
      </c>
      <c r="C3147" s="9" t="s">
        <v>13789</v>
      </c>
      <c r="D3147" s="6" t="s">
        <v>13790</v>
      </c>
      <c r="E3147" s="22">
        <v>44671</v>
      </c>
      <c r="F3147" s="22">
        <v>46496</v>
      </c>
      <c r="G3147" s="6" t="s">
        <v>13791</v>
      </c>
      <c r="H3147" s="6" t="s">
        <v>18</v>
      </c>
      <c r="I3147" s="6" t="s">
        <v>84</v>
      </c>
      <c r="J3147" s="6" t="s">
        <v>13792</v>
      </c>
      <c r="K3147" s="9" t="s">
        <v>13793</v>
      </c>
      <c r="L3147" s="10" t="s">
        <v>22</v>
      </c>
      <c r="M3147" s="10" t="s">
        <v>22</v>
      </c>
      <c r="N3147" s="10" t="s">
        <v>22</v>
      </c>
      <c r="O3147" s="10" t="s">
        <v>22</v>
      </c>
      <c r="P3147" s="10" t="s">
        <v>22</v>
      </c>
      <c r="Q3147" s="10" t="s">
        <v>22</v>
      </c>
      <c r="R3147" s="10" t="s">
        <v>22</v>
      </c>
      <c r="S3147" s="10" t="s">
        <v>22</v>
      </c>
      <c r="T3147" s="10" t="s">
        <v>22</v>
      </c>
      <c r="U3147" s="10" t="s">
        <v>22</v>
      </c>
      <c r="V3147" s="10" t="s">
        <v>22</v>
      </c>
      <c r="W3147" s="10" t="s">
        <v>22</v>
      </c>
      <c r="X3147" s="10" t="s">
        <v>22</v>
      </c>
      <c r="Y3147" s="10" t="s">
        <v>22</v>
      </c>
      <c r="Z3147" s="10" t="s">
        <v>22</v>
      </c>
    </row>
    <row r="3148" spans="1:26" ht="24" customHeight="1" x14ac:dyDescent="0.2">
      <c r="A3148" s="9" t="s">
        <v>20328</v>
      </c>
      <c r="B3148" s="9" t="s">
        <v>13655</v>
      </c>
      <c r="C3148" s="9" t="s">
        <v>13794</v>
      </c>
      <c r="D3148" s="6" t="s">
        <v>13795</v>
      </c>
      <c r="E3148" s="22">
        <v>45027</v>
      </c>
      <c r="F3148" s="22">
        <v>46853</v>
      </c>
      <c r="G3148" s="6" t="s">
        <v>13796</v>
      </c>
      <c r="H3148" s="6" t="s">
        <v>18</v>
      </c>
      <c r="I3148" s="6" t="s">
        <v>84</v>
      </c>
      <c r="J3148" s="6" t="s">
        <v>13797</v>
      </c>
      <c r="K3148" s="9" t="s">
        <v>13798</v>
      </c>
      <c r="L3148" s="10" t="s">
        <v>22</v>
      </c>
      <c r="M3148" s="10" t="s">
        <v>22</v>
      </c>
      <c r="N3148" s="10" t="s">
        <v>22</v>
      </c>
      <c r="O3148" s="10" t="s">
        <v>22</v>
      </c>
      <c r="P3148" s="10" t="s">
        <v>22</v>
      </c>
      <c r="Q3148" s="10" t="s">
        <v>22</v>
      </c>
      <c r="R3148" s="10" t="s">
        <v>22</v>
      </c>
      <c r="S3148" s="10" t="s">
        <v>22</v>
      </c>
      <c r="T3148" s="10" t="s">
        <v>22</v>
      </c>
      <c r="U3148" s="10" t="s">
        <v>22</v>
      </c>
      <c r="V3148" s="10" t="s">
        <v>22</v>
      </c>
      <c r="W3148" s="10" t="s">
        <v>22</v>
      </c>
      <c r="X3148" s="10" t="s">
        <v>22</v>
      </c>
      <c r="Y3148" s="10" t="s">
        <v>22</v>
      </c>
      <c r="Z3148" s="10" t="s">
        <v>22</v>
      </c>
    </row>
    <row r="3149" spans="1:26" ht="24" customHeight="1" x14ac:dyDescent="0.2">
      <c r="A3149" s="9" t="s">
        <v>20329</v>
      </c>
      <c r="B3149" s="9" t="s">
        <v>13655</v>
      </c>
      <c r="C3149" s="9" t="s">
        <v>282</v>
      </c>
      <c r="D3149" s="6" t="s">
        <v>13799</v>
      </c>
      <c r="E3149" s="22">
        <v>45248</v>
      </c>
      <c r="F3149" s="22">
        <v>47074</v>
      </c>
      <c r="G3149" s="6" t="s">
        <v>13800</v>
      </c>
      <c r="H3149" s="6" t="s">
        <v>18</v>
      </c>
      <c r="I3149" s="6" t="s">
        <v>84</v>
      </c>
      <c r="J3149" s="6" t="s">
        <v>13801</v>
      </c>
      <c r="K3149" s="9" t="s">
        <v>13802</v>
      </c>
      <c r="L3149" s="10" t="s">
        <v>22</v>
      </c>
      <c r="M3149" s="10" t="s">
        <v>22</v>
      </c>
      <c r="N3149" s="10" t="s">
        <v>22</v>
      </c>
      <c r="O3149" s="10" t="s">
        <v>22</v>
      </c>
      <c r="P3149" s="10" t="s">
        <v>22</v>
      </c>
      <c r="Q3149" s="10" t="s">
        <v>22</v>
      </c>
      <c r="R3149" s="10" t="s">
        <v>22</v>
      </c>
      <c r="S3149" s="10" t="s">
        <v>22</v>
      </c>
      <c r="T3149" s="10" t="s">
        <v>22</v>
      </c>
      <c r="U3149" s="10" t="s">
        <v>22</v>
      </c>
      <c r="V3149" s="10" t="s">
        <v>22</v>
      </c>
      <c r="W3149" s="10" t="s">
        <v>22</v>
      </c>
      <c r="X3149" s="10" t="s">
        <v>22</v>
      </c>
      <c r="Y3149" s="10" t="s">
        <v>22</v>
      </c>
      <c r="Z3149" s="10" t="s">
        <v>22</v>
      </c>
    </row>
    <row r="3150" spans="1:26" ht="24" customHeight="1" x14ac:dyDescent="0.2">
      <c r="A3150" s="9" t="s">
        <v>20330</v>
      </c>
      <c r="B3150" s="9" t="s">
        <v>13655</v>
      </c>
      <c r="C3150" s="9" t="s">
        <v>13803</v>
      </c>
      <c r="D3150" s="6" t="s">
        <v>13804</v>
      </c>
      <c r="E3150" s="22">
        <v>45341</v>
      </c>
      <c r="F3150" s="22">
        <v>47167</v>
      </c>
      <c r="G3150" s="6" t="s">
        <v>13805</v>
      </c>
      <c r="H3150" s="6" t="s">
        <v>18</v>
      </c>
      <c r="I3150" s="6" t="s">
        <v>84</v>
      </c>
      <c r="J3150" s="6" t="s">
        <v>13806</v>
      </c>
      <c r="K3150" s="9" t="s">
        <v>13807</v>
      </c>
      <c r="L3150" s="10" t="s">
        <v>22</v>
      </c>
      <c r="M3150" s="10" t="s">
        <v>22</v>
      </c>
      <c r="N3150" s="10" t="s">
        <v>22</v>
      </c>
      <c r="O3150" s="10" t="s">
        <v>22</v>
      </c>
      <c r="P3150" s="10" t="s">
        <v>22</v>
      </c>
      <c r="Q3150" s="10" t="s">
        <v>22</v>
      </c>
      <c r="R3150" s="10" t="s">
        <v>22</v>
      </c>
      <c r="S3150" s="10" t="s">
        <v>22</v>
      </c>
      <c r="T3150" s="10" t="s">
        <v>22</v>
      </c>
      <c r="U3150" s="10" t="s">
        <v>22</v>
      </c>
      <c r="V3150" s="10" t="s">
        <v>22</v>
      </c>
      <c r="W3150" s="10" t="s">
        <v>22</v>
      </c>
      <c r="X3150" s="10" t="s">
        <v>22</v>
      </c>
      <c r="Y3150" s="10" t="s">
        <v>22</v>
      </c>
      <c r="Z3150" s="10" t="s">
        <v>22</v>
      </c>
    </row>
    <row r="3151" spans="1:26" ht="24" customHeight="1" x14ac:dyDescent="0.2">
      <c r="A3151" s="9" t="s">
        <v>20331</v>
      </c>
      <c r="B3151" s="9" t="s">
        <v>13655</v>
      </c>
      <c r="C3151" s="9" t="s">
        <v>293</v>
      </c>
      <c r="D3151" s="6" t="s">
        <v>13810</v>
      </c>
      <c r="E3151" s="22">
        <v>43927</v>
      </c>
      <c r="F3151" s="22">
        <v>45752</v>
      </c>
      <c r="G3151" s="6" t="s">
        <v>13811</v>
      </c>
      <c r="H3151" s="6" t="s">
        <v>18</v>
      </c>
      <c r="I3151" s="6" t="s">
        <v>84</v>
      </c>
      <c r="J3151" s="6" t="s">
        <v>13812</v>
      </c>
      <c r="K3151" s="9" t="s">
        <v>13813</v>
      </c>
      <c r="L3151" s="10" t="s">
        <v>22</v>
      </c>
      <c r="M3151" s="10" t="s">
        <v>22</v>
      </c>
      <c r="N3151" s="10" t="s">
        <v>22</v>
      </c>
      <c r="O3151" s="10" t="s">
        <v>22</v>
      </c>
      <c r="P3151" s="10" t="s">
        <v>22</v>
      </c>
      <c r="Q3151" s="10" t="s">
        <v>22</v>
      </c>
      <c r="R3151" s="10" t="s">
        <v>22</v>
      </c>
      <c r="S3151" s="10" t="s">
        <v>22</v>
      </c>
      <c r="T3151" s="10" t="s">
        <v>22</v>
      </c>
      <c r="U3151" s="10" t="s">
        <v>22</v>
      </c>
      <c r="V3151" s="10" t="s">
        <v>22</v>
      </c>
      <c r="W3151" s="10" t="s">
        <v>22</v>
      </c>
      <c r="X3151" s="10" t="s">
        <v>22</v>
      </c>
      <c r="Y3151" s="10" t="s">
        <v>22</v>
      </c>
      <c r="Z3151" s="10" t="s">
        <v>22</v>
      </c>
    </row>
    <row r="3152" spans="1:26" ht="24" customHeight="1" x14ac:dyDescent="0.2">
      <c r="A3152" s="9" t="s">
        <v>20332</v>
      </c>
      <c r="B3152" s="9" t="s">
        <v>13655</v>
      </c>
      <c r="C3152" s="9" t="s">
        <v>298</v>
      </c>
      <c r="D3152" s="6" t="s">
        <v>13814</v>
      </c>
      <c r="E3152" s="22">
        <v>43942</v>
      </c>
      <c r="F3152" s="22">
        <v>45767</v>
      </c>
      <c r="G3152" s="6" t="s">
        <v>13815</v>
      </c>
      <c r="H3152" s="6" t="s">
        <v>18</v>
      </c>
      <c r="I3152" s="6" t="s">
        <v>84</v>
      </c>
      <c r="J3152" s="6" t="s">
        <v>13816</v>
      </c>
      <c r="K3152" s="9" t="s">
        <v>13817</v>
      </c>
      <c r="L3152" s="10" t="s">
        <v>22</v>
      </c>
      <c r="M3152" s="10" t="s">
        <v>22</v>
      </c>
      <c r="N3152" s="10" t="s">
        <v>22</v>
      </c>
      <c r="O3152" s="10" t="s">
        <v>22</v>
      </c>
      <c r="P3152" s="10" t="s">
        <v>22</v>
      </c>
      <c r="Q3152" s="10" t="s">
        <v>22</v>
      </c>
      <c r="R3152" s="10" t="s">
        <v>22</v>
      </c>
      <c r="S3152" s="10" t="s">
        <v>22</v>
      </c>
      <c r="T3152" s="10" t="s">
        <v>22</v>
      </c>
      <c r="U3152" s="10" t="s">
        <v>22</v>
      </c>
      <c r="V3152" s="10" t="s">
        <v>22</v>
      </c>
      <c r="W3152" s="10" t="s">
        <v>22</v>
      </c>
      <c r="X3152" s="10" t="s">
        <v>22</v>
      </c>
      <c r="Y3152" s="10" t="s">
        <v>22</v>
      </c>
      <c r="Z3152" s="10" t="s">
        <v>22</v>
      </c>
    </row>
    <row r="3153" spans="1:26" ht="34" customHeight="1" x14ac:dyDescent="0.2">
      <c r="A3153" s="9" t="s">
        <v>20333</v>
      </c>
      <c r="B3153" s="9" t="s">
        <v>13655</v>
      </c>
      <c r="C3153" s="9" t="s">
        <v>309</v>
      </c>
      <c r="D3153" s="6" t="s">
        <v>13818</v>
      </c>
      <c r="E3153" s="22">
        <v>43980</v>
      </c>
      <c r="F3153" s="22">
        <v>45805</v>
      </c>
      <c r="G3153" s="6" t="s">
        <v>13819</v>
      </c>
      <c r="H3153" s="6" t="s">
        <v>18</v>
      </c>
      <c r="I3153" s="6" t="s">
        <v>13699</v>
      </c>
      <c r="J3153" s="6" t="s">
        <v>13820</v>
      </c>
      <c r="M3153" s="10" t="s">
        <v>22</v>
      </c>
      <c r="N3153" s="10" t="s">
        <v>22</v>
      </c>
      <c r="P3153" s="10" t="s">
        <v>22</v>
      </c>
      <c r="Q3153" s="10" t="s">
        <v>22</v>
      </c>
      <c r="V3153" s="10" t="s">
        <v>22</v>
      </c>
      <c r="W3153" s="10" t="s">
        <v>22</v>
      </c>
      <c r="Y3153" s="10" t="s">
        <v>22</v>
      </c>
      <c r="Z3153" s="10" t="s">
        <v>22</v>
      </c>
    </row>
    <row r="3154" spans="1:26" ht="24" customHeight="1" x14ac:dyDescent="0.2">
      <c r="A3154" s="9" t="s">
        <v>20334</v>
      </c>
      <c r="B3154" s="9" t="s">
        <v>13655</v>
      </c>
      <c r="C3154" s="9" t="s">
        <v>315</v>
      </c>
      <c r="D3154" s="6" t="s">
        <v>13821</v>
      </c>
      <c r="E3154" s="22">
        <v>44014</v>
      </c>
      <c r="F3154" s="22">
        <v>45839</v>
      </c>
      <c r="G3154" s="6" t="s">
        <v>13822</v>
      </c>
      <c r="H3154" s="6" t="s">
        <v>18</v>
      </c>
      <c r="I3154" s="6" t="s">
        <v>2383</v>
      </c>
      <c r="J3154" s="6" t="s">
        <v>13823</v>
      </c>
      <c r="K3154" s="9" t="s">
        <v>13824</v>
      </c>
      <c r="P3154" s="10" t="s">
        <v>22</v>
      </c>
      <c r="S3154" s="10" t="s">
        <v>22</v>
      </c>
      <c r="Y3154" s="10" t="s">
        <v>22</v>
      </c>
    </row>
    <row r="3155" spans="1:26" ht="24" customHeight="1" x14ac:dyDescent="0.2">
      <c r="A3155" s="9" t="s">
        <v>20335</v>
      </c>
      <c r="B3155" s="9" t="s">
        <v>13655</v>
      </c>
      <c r="C3155" s="9" t="s">
        <v>13825</v>
      </c>
      <c r="D3155" s="6" t="s">
        <v>13826</v>
      </c>
      <c r="E3155" s="22">
        <v>44179</v>
      </c>
      <c r="F3155" s="22">
        <v>46004</v>
      </c>
      <c r="G3155" s="6" t="s">
        <v>13827</v>
      </c>
      <c r="H3155" s="6" t="s">
        <v>18</v>
      </c>
      <c r="I3155" s="6" t="s">
        <v>84</v>
      </c>
      <c r="J3155" s="6" t="s">
        <v>13828</v>
      </c>
      <c r="K3155" s="9" t="s">
        <v>13829</v>
      </c>
      <c r="L3155" s="10" t="s">
        <v>22</v>
      </c>
      <c r="M3155" s="10" t="s">
        <v>22</v>
      </c>
      <c r="N3155" s="10" t="s">
        <v>22</v>
      </c>
      <c r="O3155" s="10" t="s">
        <v>22</v>
      </c>
      <c r="P3155" s="10" t="s">
        <v>22</v>
      </c>
      <c r="Q3155" s="10" t="s">
        <v>22</v>
      </c>
      <c r="R3155" s="10" t="s">
        <v>22</v>
      </c>
      <c r="S3155" s="10" t="s">
        <v>22</v>
      </c>
      <c r="T3155" s="10" t="s">
        <v>22</v>
      </c>
      <c r="U3155" s="10" t="s">
        <v>22</v>
      </c>
      <c r="V3155" s="10" t="s">
        <v>22</v>
      </c>
      <c r="W3155" s="10" t="s">
        <v>22</v>
      </c>
      <c r="X3155" s="10" t="s">
        <v>22</v>
      </c>
      <c r="Y3155" s="10" t="s">
        <v>22</v>
      </c>
      <c r="Z3155" s="10" t="s">
        <v>22</v>
      </c>
    </row>
    <row r="3156" spans="1:26" ht="24" customHeight="1" x14ac:dyDescent="0.2">
      <c r="A3156" s="9" t="s">
        <v>20336</v>
      </c>
      <c r="B3156" s="9" t="s">
        <v>13655</v>
      </c>
      <c r="C3156" s="9" t="s">
        <v>321</v>
      </c>
      <c r="D3156" s="6" t="s">
        <v>13830</v>
      </c>
      <c r="E3156" s="22">
        <v>44342</v>
      </c>
      <c r="F3156" s="22">
        <v>46167</v>
      </c>
      <c r="G3156" s="6" t="s">
        <v>13831</v>
      </c>
      <c r="H3156" s="6" t="s">
        <v>18</v>
      </c>
      <c r="I3156" s="6" t="s">
        <v>1281</v>
      </c>
      <c r="J3156" s="6" t="s">
        <v>13832</v>
      </c>
      <c r="K3156" s="9" t="s">
        <v>13833</v>
      </c>
      <c r="L3156" s="10" t="s">
        <v>22</v>
      </c>
      <c r="M3156" s="10" t="s">
        <v>22</v>
      </c>
      <c r="N3156" s="10" t="s">
        <v>22</v>
      </c>
      <c r="U3156" s="10" t="s">
        <v>22</v>
      </c>
      <c r="V3156" s="10" t="s">
        <v>22</v>
      </c>
      <c r="W3156" s="10" t="s">
        <v>22</v>
      </c>
    </row>
    <row r="3157" spans="1:26" ht="24" customHeight="1" x14ac:dyDescent="0.2">
      <c r="A3157" s="9" t="s">
        <v>20337</v>
      </c>
      <c r="B3157" s="9" t="s">
        <v>13655</v>
      </c>
      <c r="C3157" s="9" t="s">
        <v>13834</v>
      </c>
      <c r="D3157" s="6" t="s">
        <v>13835</v>
      </c>
      <c r="E3157" s="22">
        <v>44409</v>
      </c>
      <c r="F3157" s="22">
        <v>46234</v>
      </c>
      <c r="G3157" s="6" t="s">
        <v>13836</v>
      </c>
      <c r="H3157" s="6" t="s">
        <v>18</v>
      </c>
      <c r="I3157" s="6" t="s">
        <v>84</v>
      </c>
      <c r="J3157" s="6" t="s">
        <v>13837</v>
      </c>
      <c r="K3157" s="9" t="s">
        <v>13838</v>
      </c>
      <c r="L3157" s="10" t="s">
        <v>22</v>
      </c>
      <c r="M3157" s="10" t="s">
        <v>22</v>
      </c>
      <c r="N3157" s="10" t="s">
        <v>22</v>
      </c>
      <c r="O3157" s="10" t="s">
        <v>22</v>
      </c>
      <c r="P3157" s="10" t="s">
        <v>22</v>
      </c>
      <c r="Q3157" s="10" t="s">
        <v>22</v>
      </c>
      <c r="R3157" s="10" t="s">
        <v>22</v>
      </c>
      <c r="S3157" s="10" t="s">
        <v>22</v>
      </c>
      <c r="T3157" s="10" t="s">
        <v>22</v>
      </c>
      <c r="V3157" s="10" t="s">
        <v>22</v>
      </c>
      <c r="W3157" s="10" t="s">
        <v>22</v>
      </c>
      <c r="Y3157" s="10" t="s">
        <v>22</v>
      </c>
      <c r="Z3157" s="10" t="s">
        <v>22</v>
      </c>
    </row>
    <row r="3158" spans="1:26" ht="24" customHeight="1" x14ac:dyDescent="0.2">
      <c r="A3158" s="9" t="s">
        <v>20338</v>
      </c>
      <c r="B3158" s="9" t="s">
        <v>13655</v>
      </c>
      <c r="C3158" s="9" t="s">
        <v>13839</v>
      </c>
      <c r="D3158" s="6" t="s">
        <v>13840</v>
      </c>
      <c r="E3158" s="22">
        <v>44482</v>
      </c>
      <c r="F3158" s="22">
        <v>46307</v>
      </c>
      <c r="G3158" s="6" t="s">
        <v>13841</v>
      </c>
      <c r="H3158" s="6" t="s">
        <v>18</v>
      </c>
      <c r="I3158" s="6" t="s">
        <v>2383</v>
      </c>
      <c r="J3158" s="6" t="s">
        <v>13842</v>
      </c>
      <c r="L3158" s="10" t="s">
        <v>22</v>
      </c>
      <c r="M3158" s="10" t="s">
        <v>22</v>
      </c>
      <c r="N3158" s="10" t="s">
        <v>22</v>
      </c>
      <c r="O3158" s="10" t="s">
        <v>22</v>
      </c>
      <c r="P3158" s="10" t="s">
        <v>22</v>
      </c>
      <c r="Q3158" s="10" t="s">
        <v>22</v>
      </c>
      <c r="R3158" s="10" t="s">
        <v>22</v>
      </c>
      <c r="S3158" s="10" t="s">
        <v>22</v>
      </c>
      <c r="T3158" s="10" t="s">
        <v>22</v>
      </c>
      <c r="U3158" s="10" t="s">
        <v>22</v>
      </c>
      <c r="V3158" s="10" t="s">
        <v>22</v>
      </c>
      <c r="W3158" s="10" t="s">
        <v>22</v>
      </c>
      <c r="X3158" s="10" t="s">
        <v>22</v>
      </c>
      <c r="Y3158" s="10" t="s">
        <v>22</v>
      </c>
      <c r="Z3158" s="10" t="s">
        <v>22</v>
      </c>
    </row>
    <row r="3159" spans="1:26" ht="24" customHeight="1" x14ac:dyDescent="0.2">
      <c r="A3159" s="9" t="s">
        <v>20339</v>
      </c>
      <c r="B3159" s="9" t="s">
        <v>13655</v>
      </c>
      <c r="C3159" s="9" t="s">
        <v>13843</v>
      </c>
      <c r="D3159" s="6" t="s">
        <v>13844</v>
      </c>
      <c r="E3159" s="22">
        <v>44556</v>
      </c>
      <c r="F3159" s="22">
        <v>46381</v>
      </c>
      <c r="G3159" s="6" t="s">
        <v>13845</v>
      </c>
      <c r="H3159" s="6" t="s">
        <v>18</v>
      </c>
      <c r="I3159" s="6" t="s">
        <v>84</v>
      </c>
      <c r="J3159" s="6" t="s">
        <v>13846</v>
      </c>
      <c r="L3159" s="10" t="s">
        <v>22</v>
      </c>
      <c r="M3159" s="10" t="s">
        <v>22</v>
      </c>
      <c r="N3159" s="10" t="s">
        <v>22</v>
      </c>
      <c r="O3159" s="10" t="s">
        <v>22</v>
      </c>
      <c r="P3159" s="10" t="s">
        <v>22</v>
      </c>
      <c r="Q3159" s="10" t="s">
        <v>22</v>
      </c>
      <c r="U3159" s="10" t="s">
        <v>22</v>
      </c>
      <c r="V3159" s="10" t="s">
        <v>22</v>
      </c>
      <c r="W3159" s="10" t="s">
        <v>22</v>
      </c>
      <c r="X3159" s="10" t="s">
        <v>22</v>
      </c>
      <c r="Y3159" s="10" t="s">
        <v>22</v>
      </c>
      <c r="Z3159" s="10" t="s">
        <v>22</v>
      </c>
    </row>
    <row r="3160" spans="1:26" ht="24" customHeight="1" x14ac:dyDescent="0.2">
      <c r="A3160" s="9" t="s">
        <v>20340</v>
      </c>
      <c r="B3160" s="9" t="s">
        <v>13655</v>
      </c>
      <c r="C3160" s="9" t="s">
        <v>13847</v>
      </c>
      <c r="D3160" s="6" t="s">
        <v>13848</v>
      </c>
      <c r="E3160" s="22">
        <v>44580</v>
      </c>
      <c r="F3160" s="22">
        <v>46405</v>
      </c>
      <c r="G3160" s="6" t="s">
        <v>13849</v>
      </c>
      <c r="H3160" s="6" t="s">
        <v>18</v>
      </c>
      <c r="I3160" s="6" t="s">
        <v>84</v>
      </c>
      <c r="J3160" s="6" t="s">
        <v>13850</v>
      </c>
      <c r="K3160" s="9" t="s">
        <v>13851</v>
      </c>
      <c r="L3160" s="10" t="s">
        <v>22</v>
      </c>
      <c r="M3160" s="10" t="s">
        <v>22</v>
      </c>
      <c r="N3160" s="10" t="s">
        <v>22</v>
      </c>
      <c r="O3160" s="10" t="s">
        <v>22</v>
      </c>
      <c r="P3160" s="10" t="s">
        <v>22</v>
      </c>
      <c r="Q3160" s="10" t="s">
        <v>22</v>
      </c>
      <c r="R3160" s="10" t="s">
        <v>22</v>
      </c>
      <c r="S3160" s="10" t="s">
        <v>22</v>
      </c>
      <c r="T3160" s="10" t="s">
        <v>22</v>
      </c>
    </row>
    <row r="3161" spans="1:26" ht="24" customHeight="1" x14ac:dyDescent="0.2">
      <c r="A3161" s="9" t="s">
        <v>20341</v>
      </c>
      <c r="B3161" s="9" t="s">
        <v>13655</v>
      </c>
      <c r="C3161" s="9" t="s">
        <v>333</v>
      </c>
      <c r="D3161" s="6" t="s">
        <v>13852</v>
      </c>
      <c r="E3161" s="22">
        <v>44627</v>
      </c>
      <c r="F3161" s="22">
        <v>46452</v>
      </c>
      <c r="G3161" s="6" t="s">
        <v>13853</v>
      </c>
      <c r="H3161" s="6" t="s">
        <v>18</v>
      </c>
      <c r="I3161" s="6" t="s">
        <v>84</v>
      </c>
      <c r="J3161" s="6" t="s">
        <v>13854</v>
      </c>
      <c r="K3161" s="9" t="s">
        <v>13855</v>
      </c>
      <c r="L3161" s="10" t="s">
        <v>22</v>
      </c>
      <c r="M3161" s="10" t="s">
        <v>22</v>
      </c>
      <c r="N3161" s="10" t="s">
        <v>22</v>
      </c>
      <c r="O3161" s="10" t="s">
        <v>22</v>
      </c>
      <c r="P3161" s="10" t="s">
        <v>22</v>
      </c>
      <c r="Q3161" s="10" t="s">
        <v>22</v>
      </c>
      <c r="R3161" s="10" t="s">
        <v>22</v>
      </c>
      <c r="S3161" s="10" t="s">
        <v>22</v>
      </c>
      <c r="T3161" s="10" t="s">
        <v>22</v>
      </c>
      <c r="U3161" s="10" t="s">
        <v>22</v>
      </c>
      <c r="V3161" s="10" t="s">
        <v>22</v>
      </c>
      <c r="W3161" s="10" t="s">
        <v>22</v>
      </c>
      <c r="X3161" s="10" t="s">
        <v>22</v>
      </c>
      <c r="Y3161" s="10" t="s">
        <v>22</v>
      </c>
      <c r="Z3161" s="10" t="s">
        <v>22</v>
      </c>
    </row>
    <row r="3162" spans="1:26" ht="24" customHeight="1" x14ac:dyDescent="0.2">
      <c r="A3162" s="9" t="s">
        <v>20342</v>
      </c>
      <c r="B3162" s="9" t="s">
        <v>13655</v>
      </c>
      <c r="C3162" s="9" t="s">
        <v>344</v>
      </c>
      <c r="D3162" s="6" t="s">
        <v>17084</v>
      </c>
      <c r="E3162" s="22">
        <v>44818</v>
      </c>
      <c r="F3162" s="22">
        <v>46643</v>
      </c>
      <c r="G3162" s="6" t="s">
        <v>17085</v>
      </c>
      <c r="H3162" s="6" t="s">
        <v>18</v>
      </c>
      <c r="I3162" s="6" t="s">
        <v>84</v>
      </c>
      <c r="J3162" s="6" t="s">
        <v>17086</v>
      </c>
      <c r="K3162" s="9" t="s">
        <v>17087</v>
      </c>
      <c r="L3162" s="10" t="s">
        <v>22</v>
      </c>
      <c r="M3162" s="10" t="s">
        <v>22</v>
      </c>
      <c r="N3162" s="10" t="s">
        <v>22</v>
      </c>
      <c r="O3162" s="10" t="s">
        <v>22</v>
      </c>
      <c r="P3162" s="10" t="s">
        <v>22</v>
      </c>
      <c r="Q3162" s="10" t="s">
        <v>22</v>
      </c>
      <c r="R3162" s="10" t="s">
        <v>22</v>
      </c>
      <c r="S3162" s="10" t="s">
        <v>22</v>
      </c>
      <c r="T3162" s="10" t="s">
        <v>22</v>
      </c>
      <c r="U3162" s="10" t="s">
        <v>22</v>
      </c>
      <c r="V3162" s="10" t="s">
        <v>22</v>
      </c>
      <c r="W3162" s="10" t="s">
        <v>22</v>
      </c>
      <c r="X3162" s="10" t="s">
        <v>22</v>
      </c>
      <c r="Y3162" s="10" t="s">
        <v>22</v>
      </c>
      <c r="Z3162" s="10" t="s">
        <v>22</v>
      </c>
    </row>
    <row r="3163" spans="1:26" ht="24" customHeight="1" x14ac:dyDescent="0.2">
      <c r="A3163" s="9" t="s">
        <v>20343</v>
      </c>
      <c r="B3163" s="9" t="s">
        <v>13655</v>
      </c>
      <c r="C3163" s="9" t="s">
        <v>349</v>
      </c>
      <c r="D3163" s="6" t="s">
        <v>13856</v>
      </c>
      <c r="E3163" s="22">
        <v>44944</v>
      </c>
      <c r="F3163" s="22">
        <v>46769</v>
      </c>
      <c r="G3163" s="6" t="s">
        <v>13857</v>
      </c>
      <c r="H3163" s="6" t="s">
        <v>18</v>
      </c>
      <c r="I3163" s="6" t="s">
        <v>84</v>
      </c>
      <c r="J3163" s="6" t="s">
        <v>13858</v>
      </c>
      <c r="K3163" s="9" t="s">
        <v>13859</v>
      </c>
      <c r="L3163" s="10" t="s">
        <v>22</v>
      </c>
      <c r="M3163" s="10" t="s">
        <v>22</v>
      </c>
      <c r="N3163" s="10" t="s">
        <v>22</v>
      </c>
      <c r="O3163" s="10" t="s">
        <v>22</v>
      </c>
      <c r="P3163" s="10" t="s">
        <v>22</v>
      </c>
      <c r="Q3163" s="10" t="s">
        <v>22</v>
      </c>
      <c r="U3163" s="10" t="s">
        <v>22</v>
      </c>
      <c r="V3163" s="10" t="s">
        <v>22</v>
      </c>
      <c r="W3163" s="10" t="s">
        <v>22</v>
      </c>
      <c r="X3163" s="10" t="s">
        <v>22</v>
      </c>
      <c r="Y3163" s="10" t="s">
        <v>22</v>
      </c>
      <c r="Z3163" s="10" t="s">
        <v>22</v>
      </c>
    </row>
    <row r="3164" spans="1:26" ht="24" customHeight="1" x14ac:dyDescent="0.2">
      <c r="A3164" s="9" t="s">
        <v>20344</v>
      </c>
      <c r="B3164" s="9" t="s">
        <v>13655</v>
      </c>
      <c r="C3164" s="9" t="s">
        <v>13860</v>
      </c>
      <c r="D3164" s="6" t="s">
        <v>13861</v>
      </c>
      <c r="E3164" s="22">
        <v>44949</v>
      </c>
      <c r="F3164" s="22">
        <v>46774</v>
      </c>
      <c r="G3164" s="6" t="s">
        <v>13862</v>
      </c>
      <c r="H3164" s="6" t="s">
        <v>18</v>
      </c>
      <c r="I3164" s="6" t="s">
        <v>13658</v>
      </c>
      <c r="J3164" s="6" t="s">
        <v>13863</v>
      </c>
      <c r="K3164" s="9" t="s">
        <v>13864</v>
      </c>
      <c r="L3164" s="10" t="s">
        <v>22</v>
      </c>
      <c r="M3164" s="10" t="s">
        <v>22</v>
      </c>
      <c r="N3164" s="10" t="s">
        <v>22</v>
      </c>
      <c r="U3164" s="10" t="s">
        <v>22</v>
      </c>
      <c r="V3164" s="10" t="s">
        <v>22</v>
      </c>
      <c r="W3164" s="10" t="s">
        <v>22</v>
      </c>
    </row>
    <row r="3165" spans="1:26" ht="24" customHeight="1" x14ac:dyDescent="0.2">
      <c r="A3165" s="9" t="s">
        <v>20345</v>
      </c>
      <c r="B3165" s="9" t="s">
        <v>13655</v>
      </c>
      <c r="C3165" s="9" t="s">
        <v>354</v>
      </c>
      <c r="D3165" s="6" t="s">
        <v>13865</v>
      </c>
      <c r="E3165" s="22">
        <v>45315</v>
      </c>
      <c r="F3165" s="22">
        <v>47141</v>
      </c>
      <c r="G3165" s="6" t="s">
        <v>13866</v>
      </c>
      <c r="H3165" s="6" t="s">
        <v>18</v>
      </c>
      <c r="I3165" s="6" t="s">
        <v>84</v>
      </c>
      <c r="J3165" s="6" t="s">
        <v>13867</v>
      </c>
      <c r="L3165" s="10" t="s">
        <v>22</v>
      </c>
      <c r="M3165" s="10" t="s">
        <v>22</v>
      </c>
      <c r="N3165" s="10" t="s">
        <v>22</v>
      </c>
      <c r="O3165" s="10" t="s">
        <v>22</v>
      </c>
      <c r="P3165" s="10" t="s">
        <v>22</v>
      </c>
      <c r="Q3165" s="10" t="s">
        <v>22</v>
      </c>
    </row>
    <row r="3166" spans="1:26" ht="24" customHeight="1" x14ac:dyDescent="0.2">
      <c r="A3166" s="9" t="s">
        <v>20346</v>
      </c>
      <c r="B3166" s="9" t="s">
        <v>13655</v>
      </c>
      <c r="C3166" s="9" t="s">
        <v>17088</v>
      </c>
      <c r="D3166" s="6" t="s">
        <v>17089</v>
      </c>
      <c r="E3166" s="22">
        <v>45320</v>
      </c>
      <c r="F3166" s="22">
        <v>47146</v>
      </c>
      <c r="G3166" s="6" t="s">
        <v>17090</v>
      </c>
      <c r="H3166" s="6" t="s">
        <v>18</v>
      </c>
      <c r="I3166" s="6" t="s">
        <v>84</v>
      </c>
      <c r="J3166" s="6" t="s">
        <v>17091</v>
      </c>
      <c r="L3166" s="10" t="s">
        <v>22</v>
      </c>
      <c r="M3166" s="10" t="s">
        <v>22</v>
      </c>
      <c r="N3166" s="10" t="s">
        <v>22</v>
      </c>
      <c r="O3166" s="10" t="s">
        <v>22</v>
      </c>
      <c r="P3166" s="10" t="s">
        <v>22</v>
      </c>
      <c r="Q3166" s="10" t="s">
        <v>22</v>
      </c>
      <c r="R3166" s="10" t="s">
        <v>22</v>
      </c>
      <c r="S3166" s="10" t="s">
        <v>22</v>
      </c>
      <c r="T3166" s="10" t="s">
        <v>22</v>
      </c>
      <c r="U3166" s="10" t="s">
        <v>22</v>
      </c>
      <c r="V3166" s="10" t="s">
        <v>22</v>
      </c>
      <c r="W3166" s="10" t="s">
        <v>22</v>
      </c>
      <c r="X3166" s="10" t="s">
        <v>22</v>
      </c>
      <c r="Y3166" s="10" t="s">
        <v>22</v>
      </c>
      <c r="Z3166" s="10" t="s">
        <v>22</v>
      </c>
    </row>
    <row r="3167" spans="1:26" ht="24" customHeight="1" x14ac:dyDescent="0.2">
      <c r="A3167" s="9" t="s">
        <v>20347</v>
      </c>
      <c r="B3167" s="9" t="s">
        <v>13655</v>
      </c>
      <c r="C3167" s="9" t="s">
        <v>360</v>
      </c>
      <c r="D3167" s="6" t="s">
        <v>13868</v>
      </c>
      <c r="E3167" s="22">
        <v>44230</v>
      </c>
      <c r="F3167" s="22">
        <v>46055</v>
      </c>
      <c r="G3167" s="6" t="s">
        <v>13869</v>
      </c>
      <c r="H3167" s="6" t="s">
        <v>18</v>
      </c>
      <c r="I3167" s="6" t="s">
        <v>84</v>
      </c>
      <c r="J3167" s="6" t="s">
        <v>13870</v>
      </c>
      <c r="K3167" s="9" t="s">
        <v>13871</v>
      </c>
      <c r="L3167" s="10" t="s">
        <v>22</v>
      </c>
      <c r="M3167" s="10" t="s">
        <v>22</v>
      </c>
      <c r="N3167" s="10" t="s">
        <v>22</v>
      </c>
      <c r="U3167" s="10" t="s">
        <v>22</v>
      </c>
      <c r="V3167" s="10" t="s">
        <v>22</v>
      </c>
      <c r="W3167" s="10" t="s">
        <v>22</v>
      </c>
    </row>
    <row r="3168" spans="1:26" ht="24" customHeight="1" x14ac:dyDescent="0.2">
      <c r="A3168" s="9" t="s">
        <v>20348</v>
      </c>
      <c r="B3168" s="9" t="s">
        <v>13655</v>
      </c>
      <c r="C3168" s="9" t="s">
        <v>13872</v>
      </c>
      <c r="D3168" s="6" t="s">
        <v>13873</v>
      </c>
      <c r="E3168" s="22">
        <v>45340</v>
      </c>
      <c r="F3168" s="22">
        <v>47166</v>
      </c>
      <c r="G3168" s="6" t="s">
        <v>13874</v>
      </c>
      <c r="H3168" s="6" t="s">
        <v>18</v>
      </c>
      <c r="I3168" s="6" t="s">
        <v>84</v>
      </c>
      <c r="J3168" s="6" t="s">
        <v>13875</v>
      </c>
      <c r="K3168" s="9" t="s">
        <v>13876</v>
      </c>
      <c r="L3168" s="10" t="s">
        <v>22</v>
      </c>
      <c r="M3168" s="10" t="s">
        <v>22</v>
      </c>
      <c r="N3168" s="10" t="s">
        <v>22</v>
      </c>
      <c r="O3168" s="10" t="s">
        <v>22</v>
      </c>
      <c r="P3168" s="10" t="s">
        <v>22</v>
      </c>
      <c r="Q3168" s="10" t="s">
        <v>22</v>
      </c>
      <c r="R3168" s="10" t="s">
        <v>22</v>
      </c>
      <c r="S3168" s="10" t="s">
        <v>22</v>
      </c>
      <c r="T3168" s="10" t="s">
        <v>22</v>
      </c>
      <c r="U3168" s="10" t="s">
        <v>22</v>
      </c>
      <c r="V3168" s="10" t="s">
        <v>22</v>
      </c>
      <c r="W3168" s="10" t="s">
        <v>22</v>
      </c>
      <c r="X3168" s="10" t="s">
        <v>22</v>
      </c>
      <c r="Y3168" s="10" t="s">
        <v>22</v>
      </c>
      <c r="Z3168" s="10" t="s">
        <v>22</v>
      </c>
    </row>
    <row r="3169" spans="1:26" ht="24" customHeight="1" x14ac:dyDescent="0.2">
      <c r="A3169" s="9" t="s">
        <v>20349</v>
      </c>
      <c r="B3169" s="9" t="s">
        <v>13655</v>
      </c>
      <c r="C3169" s="9" t="s">
        <v>13877</v>
      </c>
      <c r="D3169" s="6" t="s">
        <v>17092</v>
      </c>
      <c r="E3169" s="22">
        <v>45392</v>
      </c>
      <c r="F3169" s="22">
        <v>47217</v>
      </c>
      <c r="G3169" s="6" t="s">
        <v>13878</v>
      </c>
      <c r="H3169" s="6" t="s">
        <v>18</v>
      </c>
      <c r="I3169" s="6" t="s">
        <v>84</v>
      </c>
      <c r="J3169" s="6" t="s">
        <v>13879</v>
      </c>
      <c r="K3169" s="9" t="s">
        <v>17093</v>
      </c>
      <c r="L3169" s="10" t="s">
        <v>22</v>
      </c>
      <c r="M3169" s="10" t="s">
        <v>22</v>
      </c>
      <c r="N3169" s="10" t="s">
        <v>22</v>
      </c>
      <c r="O3169" s="10" t="s">
        <v>22</v>
      </c>
      <c r="P3169" s="10" t="s">
        <v>22</v>
      </c>
      <c r="Q3169" s="10" t="s">
        <v>22</v>
      </c>
      <c r="R3169" s="10" t="s">
        <v>22</v>
      </c>
      <c r="S3169" s="10" t="s">
        <v>22</v>
      </c>
      <c r="T3169" s="10" t="s">
        <v>22</v>
      </c>
      <c r="U3169" s="10" t="s">
        <v>22</v>
      </c>
      <c r="V3169" s="10" t="s">
        <v>22</v>
      </c>
      <c r="W3169" s="10" t="s">
        <v>22</v>
      </c>
      <c r="X3169" s="10" t="s">
        <v>22</v>
      </c>
      <c r="Y3169" s="10" t="s">
        <v>22</v>
      </c>
      <c r="Z3169" s="10" t="s">
        <v>22</v>
      </c>
    </row>
    <row r="3170" spans="1:26" ht="24" customHeight="1" x14ac:dyDescent="0.2">
      <c r="A3170" s="9" t="s">
        <v>20350</v>
      </c>
      <c r="B3170" s="9" t="s">
        <v>13655</v>
      </c>
      <c r="C3170" s="9" t="s">
        <v>367</v>
      </c>
      <c r="D3170" s="6" t="s">
        <v>13880</v>
      </c>
      <c r="E3170" s="22">
        <v>45433</v>
      </c>
      <c r="F3170" s="22">
        <v>47258</v>
      </c>
      <c r="G3170" s="6" t="s">
        <v>13881</v>
      </c>
      <c r="H3170" s="6" t="s">
        <v>18</v>
      </c>
      <c r="I3170" s="6" t="s">
        <v>1281</v>
      </c>
      <c r="J3170" s="6" t="s">
        <v>17094</v>
      </c>
      <c r="K3170" s="9" t="s">
        <v>17095</v>
      </c>
      <c r="L3170" s="10" t="s">
        <v>22</v>
      </c>
      <c r="M3170" s="10" t="s">
        <v>22</v>
      </c>
      <c r="N3170" s="10" t="s">
        <v>22</v>
      </c>
      <c r="O3170" s="10" t="s">
        <v>22</v>
      </c>
      <c r="P3170" s="10" t="s">
        <v>22</v>
      </c>
      <c r="Q3170" s="10" t="s">
        <v>22</v>
      </c>
      <c r="U3170" s="10" t="s">
        <v>22</v>
      </c>
      <c r="V3170" s="10" t="s">
        <v>22</v>
      </c>
      <c r="W3170" s="10" t="s">
        <v>22</v>
      </c>
      <c r="X3170" s="10" t="s">
        <v>22</v>
      </c>
      <c r="Y3170" s="10" t="s">
        <v>22</v>
      </c>
      <c r="Z3170" s="10" t="s">
        <v>22</v>
      </c>
    </row>
    <row r="3171" spans="1:26" ht="24" customHeight="1" x14ac:dyDescent="0.2">
      <c r="A3171" s="9" t="s">
        <v>20351</v>
      </c>
      <c r="B3171" s="9" t="s">
        <v>13655</v>
      </c>
      <c r="C3171" s="9" t="s">
        <v>13882</v>
      </c>
      <c r="D3171" s="6" t="s">
        <v>13883</v>
      </c>
      <c r="E3171" s="22">
        <v>45693</v>
      </c>
      <c r="F3171" s="22">
        <v>47518</v>
      </c>
      <c r="G3171" s="6" t="s">
        <v>13884</v>
      </c>
      <c r="H3171" s="6" t="s">
        <v>18</v>
      </c>
      <c r="I3171" s="6" t="s">
        <v>84</v>
      </c>
      <c r="J3171" s="6" t="s">
        <v>13885</v>
      </c>
      <c r="K3171" s="9" t="s">
        <v>13886</v>
      </c>
      <c r="L3171" s="10" t="s">
        <v>22</v>
      </c>
      <c r="M3171" s="10" t="s">
        <v>22</v>
      </c>
      <c r="N3171" s="10" t="s">
        <v>22</v>
      </c>
      <c r="O3171" s="10" t="s">
        <v>22</v>
      </c>
      <c r="P3171" s="10" t="s">
        <v>22</v>
      </c>
      <c r="Q3171" s="10" t="s">
        <v>22</v>
      </c>
      <c r="R3171" s="10" t="s">
        <v>22</v>
      </c>
      <c r="S3171" s="10" t="s">
        <v>22</v>
      </c>
      <c r="T3171" s="10" t="s">
        <v>22</v>
      </c>
      <c r="U3171" s="10" t="s">
        <v>22</v>
      </c>
      <c r="V3171" s="10" t="s">
        <v>22</v>
      </c>
      <c r="W3171" s="10" t="s">
        <v>22</v>
      </c>
      <c r="X3171" s="10" t="s">
        <v>22</v>
      </c>
      <c r="Y3171" s="10" t="s">
        <v>22</v>
      </c>
      <c r="Z3171" s="10" t="s">
        <v>22</v>
      </c>
    </row>
    <row r="3172" spans="1:26" ht="24" customHeight="1" x14ac:dyDescent="0.2">
      <c r="A3172" s="9" t="s">
        <v>20352</v>
      </c>
      <c r="B3172" s="9" t="s">
        <v>13655</v>
      </c>
      <c r="C3172" s="9" t="s">
        <v>13887</v>
      </c>
      <c r="D3172" s="6" t="s">
        <v>13888</v>
      </c>
      <c r="E3172" s="22">
        <v>43882</v>
      </c>
      <c r="F3172" s="22">
        <v>45708</v>
      </c>
      <c r="G3172" s="6" t="s">
        <v>13889</v>
      </c>
      <c r="H3172" s="6" t="s">
        <v>18</v>
      </c>
      <c r="I3172" s="6" t="s">
        <v>1281</v>
      </c>
      <c r="J3172" s="6" t="s">
        <v>13890</v>
      </c>
      <c r="K3172" s="9" t="s">
        <v>13891</v>
      </c>
      <c r="M3172" s="10" t="s">
        <v>22</v>
      </c>
      <c r="N3172" s="10" t="s">
        <v>22</v>
      </c>
      <c r="V3172" s="10" t="s">
        <v>22</v>
      </c>
      <c r="W3172" s="10" t="s">
        <v>22</v>
      </c>
    </row>
    <row r="3173" spans="1:26" ht="24" customHeight="1" x14ac:dyDescent="0.2">
      <c r="A3173" s="9" t="s">
        <v>20353</v>
      </c>
      <c r="B3173" s="9" t="s">
        <v>13655</v>
      </c>
      <c r="C3173" s="9" t="s">
        <v>372</v>
      </c>
      <c r="D3173" s="6" t="s">
        <v>13892</v>
      </c>
      <c r="E3173" s="22">
        <v>43970</v>
      </c>
      <c r="F3173" s="22">
        <v>45795</v>
      </c>
      <c r="G3173" s="6" t="s">
        <v>13893</v>
      </c>
      <c r="H3173" s="6" t="s">
        <v>18</v>
      </c>
      <c r="I3173" s="6" t="s">
        <v>84</v>
      </c>
      <c r="J3173" s="6" t="s">
        <v>13894</v>
      </c>
      <c r="K3173" s="9" t="s">
        <v>13895</v>
      </c>
      <c r="L3173" s="10" t="s">
        <v>22</v>
      </c>
      <c r="M3173" s="10" t="s">
        <v>22</v>
      </c>
      <c r="N3173" s="10" t="s">
        <v>22</v>
      </c>
      <c r="O3173" s="10" t="s">
        <v>22</v>
      </c>
      <c r="P3173" s="10" t="s">
        <v>22</v>
      </c>
      <c r="Q3173" s="10" t="s">
        <v>22</v>
      </c>
      <c r="R3173" s="10" t="s">
        <v>22</v>
      </c>
      <c r="S3173" s="10" t="s">
        <v>22</v>
      </c>
      <c r="T3173" s="10" t="s">
        <v>22</v>
      </c>
      <c r="U3173" s="10" t="s">
        <v>22</v>
      </c>
      <c r="V3173" s="10" t="s">
        <v>22</v>
      </c>
      <c r="W3173" s="10" t="s">
        <v>22</v>
      </c>
      <c r="X3173" s="10" t="s">
        <v>22</v>
      </c>
      <c r="Y3173" s="10" t="s">
        <v>22</v>
      </c>
      <c r="Z3173" s="10" t="s">
        <v>22</v>
      </c>
    </row>
    <row r="3174" spans="1:26" ht="24" customHeight="1" x14ac:dyDescent="0.2">
      <c r="A3174" s="9" t="s">
        <v>20354</v>
      </c>
      <c r="B3174" s="9" t="s">
        <v>13655</v>
      </c>
      <c r="C3174" s="9" t="s">
        <v>376</v>
      </c>
      <c r="D3174" s="6" t="s">
        <v>13896</v>
      </c>
      <c r="E3174" s="22">
        <v>44007</v>
      </c>
      <c r="F3174" s="22">
        <v>45832</v>
      </c>
      <c r="G3174" s="6" t="s">
        <v>13897</v>
      </c>
      <c r="H3174" s="6" t="s">
        <v>18</v>
      </c>
      <c r="I3174" s="6" t="s">
        <v>84</v>
      </c>
      <c r="J3174" s="6" t="s">
        <v>21353</v>
      </c>
      <c r="L3174" s="10" t="s">
        <v>22</v>
      </c>
      <c r="M3174" s="10" t="s">
        <v>22</v>
      </c>
      <c r="N3174" s="10" t="s">
        <v>22</v>
      </c>
      <c r="O3174" s="10" t="s">
        <v>22</v>
      </c>
      <c r="P3174" s="10" t="s">
        <v>22</v>
      </c>
      <c r="Q3174" s="10" t="s">
        <v>22</v>
      </c>
      <c r="R3174" s="10" t="s">
        <v>22</v>
      </c>
      <c r="S3174" s="10" t="s">
        <v>22</v>
      </c>
      <c r="T3174" s="10" t="s">
        <v>22</v>
      </c>
      <c r="U3174" s="10" t="s">
        <v>22</v>
      </c>
      <c r="V3174" s="10" t="s">
        <v>22</v>
      </c>
      <c r="W3174" s="10" t="s">
        <v>22</v>
      </c>
      <c r="X3174" s="10" t="s">
        <v>22</v>
      </c>
      <c r="Y3174" s="10" t="s">
        <v>22</v>
      </c>
      <c r="Z3174" s="10" t="s">
        <v>22</v>
      </c>
    </row>
    <row r="3175" spans="1:26" ht="24" customHeight="1" x14ac:dyDescent="0.2">
      <c r="A3175" s="9" t="s">
        <v>20355</v>
      </c>
      <c r="B3175" s="9" t="s">
        <v>13655</v>
      </c>
      <c r="C3175" s="9" t="s">
        <v>382</v>
      </c>
      <c r="D3175" s="6" t="s">
        <v>13898</v>
      </c>
      <c r="E3175" s="22">
        <v>44173</v>
      </c>
      <c r="F3175" s="22">
        <v>45998</v>
      </c>
      <c r="G3175" s="6" t="s">
        <v>13899</v>
      </c>
      <c r="H3175" s="6" t="s">
        <v>18</v>
      </c>
      <c r="I3175" s="6" t="s">
        <v>1281</v>
      </c>
      <c r="J3175" s="6" t="s">
        <v>13900</v>
      </c>
      <c r="L3175" s="10" t="s">
        <v>22</v>
      </c>
      <c r="M3175" s="10" t="s">
        <v>22</v>
      </c>
      <c r="N3175" s="10" t="s">
        <v>22</v>
      </c>
      <c r="U3175" s="10" t="s">
        <v>22</v>
      </c>
      <c r="V3175" s="10" t="s">
        <v>22</v>
      </c>
      <c r="W3175" s="10" t="s">
        <v>22</v>
      </c>
    </row>
    <row r="3176" spans="1:26" ht="24" customHeight="1" x14ac:dyDescent="0.2">
      <c r="A3176" s="9" t="s">
        <v>20356</v>
      </c>
      <c r="B3176" s="9" t="s">
        <v>13655</v>
      </c>
      <c r="C3176" s="9" t="s">
        <v>386</v>
      </c>
      <c r="D3176" s="6" t="s">
        <v>13901</v>
      </c>
      <c r="E3176" s="22">
        <v>44277</v>
      </c>
      <c r="F3176" s="22">
        <v>46102</v>
      </c>
      <c r="G3176" s="6" t="s">
        <v>13902</v>
      </c>
      <c r="H3176" s="6" t="s">
        <v>18</v>
      </c>
      <c r="I3176" s="6" t="s">
        <v>84</v>
      </c>
      <c r="J3176" s="6" t="s">
        <v>13903</v>
      </c>
      <c r="K3176" s="9" t="s">
        <v>13904</v>
      </c>
      <c r="L3176" s="10" t="s">
        <v>22</v>
      </c>
      <c r="M3176" s="10" t="s">
        <v>22</v>
      </c>
      <c r="N3176" s="10" t="s">
        <v>22</v>
      </c>
      <c r="O3176" s="10" t="s">
        <v>22</v>
      </c>
      <c r="P3176" s="10" t="s">
        <v>22</v>
      </c>
      <c r="Q3176" s="10" t="s">
        <v>22</v>
      </c>
      <c r="U3176" s="10" t="s">
        <v>22</v>
      </c>
      <c r="V3176" s="10" t="s">
        <v>22</v>
      </c>
      <c r="W3176" s="10" t="s">
        <v>22</v>
      </c>
    </row>
    <row r="3177" spans="1:26" ht="24" customHeight="1" x14ac:dyDescent="0.2">
      <c r="A3177" s="9" t="s">
        <v>20357</v>
      </c>
      <c r="B3177" s="9" t="s">
        <v>13655</v>
      </c>
      <c r="C3177" s="9" t="s">
        <v>13905</v>
      </c>
      <c r="D3177" s="6" t="s">
        <v>13906</v>
      </c>
      <c r="E3177" s="22">
        <v>44351</v>
      </c>
      <c r="F3177" s="22">
        <v>46176</v>
      </c>
      <c r="G3177" s="6" t="s">
        <v>13907</v>
      </c>
      <c r="H3177" s="6" t="s">
        <v>18</v>
      </c>
      <c r="I3177" s="6" t="s">
        <v>1281</v>
      </c>
      <c r="J3177" s="6" t="s">
        <v>21205</v>
      </c>
      <c r="K3177" s="9" t="s">
        <v>21206</v>
      </c>
      <c r="L3177" s="10" t="s">
        <v>22</v>
      </c>
      <c r="M3177" s="10" t="s">
        <v>22</v>
      </c>
      <c r="N3177" s="10" t="s">
        <v>22</v>
      </c>
    </row>
    <row r="3178" spans="1:26" ht="24" customHeight="1" x14ac:dyDescent="0.2">
      <c r="A3178" s="9" t="s">
        <v>20358</v>
      </c>
      <c r="B3178" s="9" t="s">
        <v>13655</v>
      </c>
      <c r="C3178" s="9" t="s">
        <v>13908</v>
      </c>
      <c r="D3178" s="6" t="s">
        <v>13909</v>
      </c>
      <c r="E3178" s="22">
        <v>44453</v>
      </c>
      <c r="F3178" s="22">
        <v>46278</v>
      </c>
      <c r="G3178" s="6" t="s">
        <v>13910</v>
      </c>
      <c r="H3178" s="6" t="s">
        <v>18</v>
      </c>
      <c r="I3178" s="6" t="s">
        <v>84</v>
      </c>
      <c r="J3178" s="6" t="s">
        <v>13911</v>
      </c>
      <c r="L3178" s="10" t="s">
        <v>22</v>
      </c>
      <c r="M3178" s="10" t="s">
        <v>22</v>
      </c>
      <c r="N3178" s="10" t="s">
        <v>22</v>
      </c>
      <c r="O3178" s="10" t="s">
        <v>22</v>
      </c>
      <c r="P3178" s="10" t="s">
        <v>22</v>
      </c>
      <c r="Q3178" s="10" t="s">
        <v>22</v>
      </c>
      <c r="U3178" s="10" t="s">
        <v>22</v>
      </c>
      <c r="V3178" s="10" t="s">
        <v>22</v>
      </c>
      <c r="W3178" s="10" t="s">
        <v>22</v>
      </c>
      <c r="X3178" s="10" t="s">
        <v>22</v>
      </c>
      <c r="Y3178" s="10" t="s">
        <v>22</v>
      </c>
      <c r="Z3178" s="10" t="s">
        <v>22</v>
      </c>
    </row>
    <row r="3179" spans="1:26" ht="24" customHeight="1" x14ac:dyDescent="0.2">
      <c r="A3179" s="9" t="s">
        <v>20359</v>
      </c>
      <c r="B3179" s="9" t="s">
        <v>13655</v>
      </c>
      <c r="C3179" s="9" t="s">
        <v>13912</v>
      </c>
      <c r="D3179" s="6" t="s">
        <v>13913</v>
      </c>
      <c r="E3179" s="22">
        <v>44587</v>
      </c>
      <c r="F3179" s="22">
        <v>46412</v>
      </c>
      <c r="G3179" s="6" t="s">
        <v>13914</v>
      </c>
      <c r="H3179" s="6" t="s">
        <v>18</v>
      </c>
      <c r="I3179" s="6" t="s">
        <v>21351</v>
      </c>
      <c r="J3179" s="6" t="s">
        <v>21352</v>
      </c>
      <c r="K3179" s="9" t="s">
        <v>13915</v>
      </c>
      <c r="L3179" s="10" t="s">
        <v>22</v>
      </c>
      <c r="M3179" s="10" t="s">
        <v>22</v>
      </c>
      <c r="N3179" s="10" t="s">
        <v>22</v>
      </c>
      <c r="O3179" s="10" t="s">
        <v>22</v>
      </c>
      <c r="P3179" s="10" t="s">
        <v>22</v>
      </c>
      <c r="Q3179" s="10" t="s">
        <v>22</v>
      </c>
      <c r="R3179" s="10" t="s">
        <v>22</v>
      </c>
      <c r="S3179" s="10" t="s">
        <v>22</v>
      </c>
      <c r="T3179" s="10" t="s">
        <v>22</v>
      </c>
      <c r="U3179" s="10" t="s">
        <v>22</v>
      </c>
      <c r="V3179" s="10" t="s">
        <v>22</v>
      </c>
      <c r="W3179" s="10" t="s">
        <v>22</v>
      </c>
      <c r="X3179" s="10" t="s">
        <v>22</v>
      </c>
      <c r="Y3179" s="10" t="s">
        <v>22</v>
      </c>
      <c r="Z3179" s="10" t="s">
        <v>22</v>
      </c>
    </row>
    <row r="3180" spans="1:26" ht="24" customHeight="1" x14ac:dyDescent="0.2">
      <c r="A3180" s="9" t="s">
        <v>20360</v>
      </c>
      <c r="B3180" s="9" t="s">
        <v>13655</v>
      </c>
      <c r="C3180" s="9" t="s">
        <v>395</v>
      </c>
      <c r="D3180" s="6" t="s">
        <v>13916</v>
      </c>
      <c r="E3180" s="22">
        <v>44589</v>
      </c>
      <c r="F3180" s="22">
        <v>46414</v>
      </c>
      <c r="G3180" s="6" t="s">
        <v>13917</v>
      </c>
      <c r="H3180" s="6" t="s">
        <v>18</v>
      </c>
      <c r="I3180" s="6" t="s">
        <v>1281</v>
      </c>
      <c r="J3180" s="6" t="s">
        <v>13918</v>
      </c>
      <c r="K3180" s="9" t="s">
        <v>13919</v>
      </c>
      <c r="U3180" s="10" t="s">
        <v>22</v>
      </c>
      <c r="V3180" s="10" t="s">
        <v>22</v>
      </c>
      <c r="W3180" s="10" t="s">
        <v>22</v>
      </c>
      <c r="X3180" s="10" t="s">
        <v>22</v>
      </c>
      <c r="Y3180" s="10" t="s">
        <v>22</v>
      </c>
      <c r="Z3180" s="10" t="s">
        <v>22</v>
      </c>
    </row>
    <row r="3181" spans="1:26" ht="24" customHeight="1" x14ac:dyDescent="0.2">
      <c r="A3181" s="9" t="s">
        <v>20361</v>
      </c>
      <c r="B3181" s="9" t="s">
        <v>13655</v>
      </c>
      <c r="C3181" s="9" t="s">
        <v>13920</v>
      </c>
      <c r="D3181" s="6" t="s">
        <v>13921</v>
      </c>
      <c r="E3181" s="22">
        <v>44614</v>
      </c>
      <c r="F3181" s="22">
        <v>46439</v>
      </c>
      <c r="G3181" s="6" t="s">
        <v>13922</v>
      </c>
      <c r="H3181" s="6" t="s">
        <v>18</v>
      </c>
      <c r="I3181" s="6" t="s">
        <v>84</v>
      </c>
      <c r="J3181" s="6" t="s">
        <v>13923</v>
      </c>
      <c r="K3181" s="9" t="s">
        <v>13924</v>
      </c>
      <c r="M3181" s="10" t="s">
        <v>22</v>
      </c>
    </row>
    <row r="3182" spans="1:26" ht="24" customHeight="1" x14ac:dyDescent="0.2">
      <c r="A3182" s="9" t="s">
        <v>20362</v>
      </c>
      <c r="B3182" s="9" t="s">
        <v>13655</v>
      </c>
      <c r="C3182" s="9" t="s">
        <v>400</v>
      </c>
      <c r="D3182" s="6" t="s">
        <v>13925</v>
      </c>
      <c r="E3182" s="22">
        <v>44617</v>
      </c>
      <c r="F3182" s="22">
        <v>46442</v>
      </c>
      <c r="G3182" s="6" t="s">
        <v>13926</v>
      </c>
      <c r="H3182" s="6" t="s">
        <v>18</v>
      </c>
      <c r="I3182" s="6" t="s">
        <v>84</v>
      </c>
      <c r="J3182" s="6" t="s">
        <v>13927</v>
      </c>
      <c r="L3182" s="10" t="s">
        <v>22</v>
      </c>
      <c r="M3182" s="10" t="s">
        <v>22</v>
      </c>
      <c r="N3182" s="10" t="s">
        <v>22</v>
      </c>
      <c r="O3182" s="10" t="s">
        <v>22</v>
      </c>
      <c r="P3182" s="10" t="s">
        <v>22</v>
      </c>
      <c r="Q3182" s="10" t="s">
        <v>22</v>
      </c>
      <c r="U3182" s="10" t="s">
        <v>22</v>
      </c>
      <c r="V3182" s="10" t="s">
        <v>22</v>
      </c>
      <c r="W3182" s="10" t="s">
        <v>22</v>
      </c>
      <c r="X3182" s="10" t="s">
        <v>22</v>
      </c>
      <c r="Y3182" s="10" t="s">
        <v>22</v>
      </c>
      <c r="Z3182" s="10" t="s">
        <v>22</v>
      </c>
    </row>
    <row r="3183" spans="1:26" ht="24" customHeight="1" x14ac:dyDescent="0.2">
      <c r="A3183" s="9" t="s">
        <v>20363</v>
      </c>
      <c r="B3183" s="9" t="s">
        <v>13655</v>
      </c>
      <c r="C3183" s="9" t="s">
        <v>13928</v>
      </c>
      <c r="D3183" s="6" t="s">
        <v>13929</v>
      </c>
      <c r="E3183" s="22">
        <v>44665</v>
      </c>
      <c r="F3183" s="22">
        <v>46490</v>
      </c>
      <c r="G3183" s="6" t="s">
        <v>13930</v>
      </c>
      <c r="H3183" s="6" t="s">
        <v>18</v>
      </c>
      <c r="I3183" s="6" t="s">
        <v>84</v>
      </c>
      <c r="J3183" s="6" t="s">
        <v>21207</v>
      </c>
      <c r="K3183" s="9" t="s">
        <v>21208</v>
      </c>
      <c r="L3183" s="10" t="s">
        <v>22</v>
      </c>
      <c r="M3183" s="10" t="s">
        <v>22</v>
      </c>
      <c r="N3183" s="10" t="s">
        <v>22</v>
      </c>
      <c r="O3183" s="10" t="s">
        <v>22</v>
      </c>
      <c r="P3183" s="10" t="s">
        <v>22</v>
      </c>
      <c r="Q3183" s="10" t="s">
        <v>22</v>
      </c>
      <c r="R3183" s="10" t="s">
        <v>22</v>
      </c>
      <c r="S3183" s="10" t="s">
        <v>22</v>
      </c>
      <c r="T3183" s="10" t="s">
        <v>22</v>
      </c>
      <c r="U3183" s="10" t="s">
        <v>22</v>
      </c>
      <c r="V3183" s="10" t="s">
        <v>22</v>
      </c>
      <c r="W3183" s="10" t="s">
        <v>22</v>
      </c>
      <c r="X3183" s="10" t="s">
        <v>22</v>
      </c>
      <c r="Y3183" s="10" t="s">
        <v>22</v>
      </c>
      <c r="Z3183" s="10" t="s">
        <v>22</v>
      </c>
    </row>
    <row r="3184" spans="1:26" ht="24" customHeight="1" x14ac:dyDescent="0.2">
      <c r="A3184" s="9" t="s">
        <v>20364</v>
      </c>
      <c r="B3184" s="9" t="s">
        <v>13655</v>
      </c>
      <c r="C3184" s="9" t="s">
        <v>15344</v>
      </c>
      <c r="D3184" s="6" t="s">
        <v>13931</v>
      </c>
      <c r="E3184" s="22">
        <v>44832</v>
      </c>
      <c r="F3184" s="22">
        <v>46657</v>
      </c>
      <c r="G3184" s="6" t="s">
        <v>13932</v>
      </c>
      <c r="H3184" s="6" t="s">
        <v>18</v>
      </c>
      <c r="I3184" s="6" t="s">
        <v>1281</v>
      </c>
      <c r="J3184" s="6" t="s">
        <v>13933</v>
      </c>
      <c r="K3184" s="9" t="s">
        <v>13934</v>
      </c>
      <c r="L3184" s="10" t="s">
        <v>22</v>
      </c>
      <c r="M3184" s="10" t="s">
        <v>22</v>
      </c>
      <c r="N3184" s="10" t="s">
        <v>22</v>
      </c>
      <c r="O3184" s="10" t="s">
        <v>22</v>
      </c>
      <c r="P3184" s="10" t="s">
        <v>22</v>
      </c>
      <c r="Q3184" s="10" t="s">
        <v>22</v>
      </c>
    </row>
    <row r="3185" spans="1:26" ht="24" customHeight="1" x14ac:dyDescent="0.2">
      <c r="A3185" s="9" t="s">
        <v>20365</v>
      </c>
      <c r="B3185" s="9" t="s">
        <v>13655</v>
      </c>
      <c r="C3185" s="9" t="s">
        <v>406</v>
      </c>
      <c r="D3185" s="6" t="s">
        <v>13935</v>
      </c>
      <c r="E3185" s="22">
        <v>44851</v>
      </c>
      <c r="F3185" s="22">
        <v>46676</v>
      </c>
      <c r="G3185" s="6" t="s">
        <v>13936</v>
      </c>
      <c r="H3185" s="6" t="s">
        <v>18</v>
      </c>
      <c r="I3185" s="6" t="s">
        <v>84</v>
      </c>
      <c r="J3185" s="6" t="s">
        <v>13937</v>
      </c>
      <c r="K3185" s="9" t="s">
        <v>13938</v>
      </c>
      <c r="L3185" s="10" t="s">
        <v>22</v>
      </c>
      <c r="M3185" s="10" t="s">
        <v>22</v>
      </c>
      <c r="N3185" s="10" t="s">
        <v>22</v>
      </c>
      <c r="O3185" s="10" t="s">
        <v>22</v>
      </c>
      <c r="P3185" s="10" t="s">
        <v>22</v>
      </c>
      <c r="Q3185" s="10" t="s">
        <v>22</v>
      </c>
      <c r="R3185" s="10" t="s">
        <v>22</v>
      </c>
      <c r="S3185" s="10" t="s">
        <v>22</v>
      </c>
      <c r="T3185" s="10" t="s">
        <v>22</v>
      </c>
      <c r="U3185" s="10" t="s">
        <v>22</v>
      </c>
      <c r="V3185" s="10" t="s">
        <v>22</v>
      </c>
      <c r="W3185" s="10" t="s">
        <v>22</v>
      </c>
      <c r="X3185" s="10" t="s">
        <v>22</v>
      </c>
      <c r="Y3185" s="10" t="s">
        <v>22</v>
      </c>
      <c r="Z3185" s="10" t="s">
        <v>22</v>
      </c>
    </row>
    <row r="3186" spans="1:26" ht="24" customHeight="1" x14ac:dyDescent="0.2">
      <c r="A3186" s="9" t="s">
        <v>20366</v>
      </c>
      <c r="B3186" s="9" t="s">
        <v>13655</v>
      </c>
      <c r="C3186" s="9" t="s">
        <v>15349</v>
      </c>
      <c r="D3186" s="6" t="s">
        <v>13939</v>
      </c>
      <c r="E3186" s="22">
        <v>44875</v>
      </c>
      <c r="F3186" s="22">
        <v>46700</v>
      </c>
      <c r="G3186" s="6" t="s">
        <v>13940</v>
      </c>
      <c r="H3186" s="6" t="s">
        <v>18</v>
      </c>
      <c r="I3186" s="6" t="s">
        <v>1281</v>
      </c>
      <c r="J3186" s="6" t="s">
        <v>13941</v>
      </c>
      <c r="L3186" s="10" t="s">
        <v>22</v>
      </c>
      <c r="M3186" s="10" t="s">
        <v>22</v>
      </c>
      <c r="N3186" s="10" t="s">
        <v>22</v>
      </c>
      <c r="O3186" s="10" t="s">
        <v>22</v>
      </c>
      <c r="P3186" s="10" t="s">
        <v>22</v>
      </c>
      <c r="Q3186" s="10" t="s">
        <v>22</v>
      </c>
      <c r="R3186" s="10" t="s">
        <v>22</v>
      </c>
      <c r="S3186" s="10" t="s">
        <v>22</v>
      </c>
      <c r="T3186" s="10" t="s">
        <v>22</v>
      </c>
      <c r="U3186" s="10" t="s">
        <v>22</v>
      </c>
      <c r="V3186" s="10" t="s">
        <v>22</v>
      </c>
      <c r="W3186" s="10" t="s">
        <v>22</v>
      </c>
      <c r="X3186" s="10" t="s">
        <v>22</v>
      </c>
      <c r="Y3186" s="10" t="s">
        <v>22</v>
      </c>
      <c r="Z3186" s="10" t="s">
        <v>22</v>
      </c>
    </row>
    <row r="3187" spans="1:26" ht="24" customHeight="1" x14ac:dyDescent="0.2">
      <c r="A3187" s="9" t="s">
        <v>20367</v>
      </c>
      <c r="B3187" s="9" t="s">
        <v>13655</v>
      </c>
      <c r="C3187" s="9" t="s">
        <v>411</v>
      </c>
      <c r="D3187" s="6" t="s">
        <v>13942</v>
      </c>
      <c r="E3187" s="22">
        <v>44882</v>
      </c>
      <c r="F3187" s="22">
        <v>46707</v>
      </c>
      <c r="G3187" s="6" t="s">
        <v>13943</v>
      </c>
      <c r="H3187" s="6" t="s">
        <v>18</v>
      </c>
      <c r="I3187" s="6" t="s">
        <v>84</v>
      </c>
      <c r="J3187" s="6" t="s">
        <v>21354</v>
      </c>
      <c r="L3187" s="10" t="s">
        <v>22</v>
      </c>
      <c r="M3187" s="10" t="s">
        <v>22</v>
      </c>
      <c r="N3187" s="10" t="s">
        <v>22</v>
      </c>
      <c r="O3187" s="10" t="s">
        <v>22</v>
      </c>
      <c r="P3187" s="10" t="s">
        <v>22</v>
      </c>
      <c r="Q3187" s="10" t="s">
        <v>22</v>
      </c>
      <c r="U3187" s="10" t="s">
        <v>22</v>
      </c>
      <c r="V3187" s="10" t="s">
        <v>22</v>
      </c>
      <c r="W3187" s="10" t="s">
        <v>22</v>
      </c>
      <c r="X3187" s="10" t="s">
        <v>22</v>
      </c>
      <c r="Y3187" s="10" t="s">
        <v>22</v>
      </c>
      <c r="Z3187" s="10" t="s">
        <v>22</v>
      </c>
    </row>
    <row r="3188" spans="1:26" ht="24" customHeight="1" x14ac:dyDescent="0.2">
      <c r="A3188" s="9" t="s">
        <v>20368</v>
      </c>
      <c r="B3188" s="9" t="s">
        <v>13655</v>
      </c>
      <c r="C3188" s="9" t="s">
        <v>13944</v>
      </c>
      <c r="D3188" s="6" t="s">
        <v>13945</v>
      </c>
      <c r="E3188" s="22">
        <v>45012</v>
      </c>
      <c r="F3188" s="22">
        <v>46838</v>
      </c>
      <c r="G3188" s="6" t="s">
        <v>13946</v>
      </c>
      <c r="H3188" s="6" t="s">
        <v>18</v>
      </c>
      <c r="I3188" s="6" t="s">
        <v>84</v>
      </c>
      <c r="J3188" s="6" t="s">
        <v>13947</v>
      </c>
      <c r="K3188" s="9" t="s">
        <v>17096</v>
      </c>
      <c r="L3188" s="10" t="s">
        <v>22</v>
      </c>
      <c r="M3188" s="10" t="s">
        <v>22</v>
      </c>
      <c r="N3188" s="10" t="s">
        <v>22</v>
      </c>
      <c r="O3188" s="10" t="s">
        <v>22</v>
      </c>
      <c r="P3188" s="10" t="s">
        <v>22</v>
      </c>
      <c r="Q3188" s="10" t="s">
        <v>22</v>
      </c>
      <c r="R3188" s="10" t="s">
        <v>22</v>
      </c>
      <c r="S3188" s="10" t="s">
        <v>22</v>
      </c>
      <c r="T3188" s="10" t="s">
        <v>22</v>
      </c>
      <c r="U3188" s="10" t="s">
        <v>22</v>
      </c>
      <c r="V3188" s="10" t="s">
        <v>22</v>
      </c>
      <c r="W3188" s="10" t="s">
        <v>22</v>
      </c>
      <c r="X3188" s="10" t="s">
        <v>22</v>
      </c>
      <c r="Y3188" s="10" t="s">
        <v>22</v>
      </c>
      <c r="Z3188" s="10" t="s">
        <v>22</v>
      </c>
    </row>
    <row r="3189" spans="1:26" ht="24" customHeight="1" x14ac:dyDescent="0.2">
      <c r="A3189" s="9" t="s">
        <v>20369</v>
      </c>
      <c r="B3189" s="9" t="s">
        <v>13655</v>
      </c>
      <c r="C3189" s="9" t="s">
        <v>417</v>
      </c>
      <c r="D3189" s="6" t="s">
        <v>13948</v>
      </c>
      <c r="E3189" s="22">
        <v>45012</v>
      </c>
      <c r="F3189" s="22">
        <v>46838</v>
      </c>
      <c r="G3189" s="6" t="s">
        <v>13949</v>
      </c>
      <c r="H3189" s="6" t="s">
        <v>18</v>
      </c>
      <c r="I3189" s="6" t="s">
        <v>1281</v>
      </c>
      <c r="J3189" s="6" t="s">
        <v>13950</v>
      </c>
      <c r="K3189" s="9" t="s">
        <v>17097</v>
      </c>
      <c r="L3189" s="10" t="s">
        <v>22</v>
      </c>
      <c r="M3189" s="10" t="s">
        <v>22</v>
      </c>
      <c r="N3189" s="10" t="s">
        <v>22</v>
      </c>
      <c r="O3189" s="10" t="s">
        <v>22</v>
      </c>
      <c r="P3189" s="10" t="s">
        <v>22</v>
      </c>
      <c r="Q3189" s="10" t="s">
        <v>22</v>
      </c>
      <c r="R3189" s="10" t="s">
        <v>22</v>
      </c>
      <c r="S3189" s="10" t="s">
        <v>22</v>
      </c>
      <c r="T3189" s="10" t="s">
        <v>22</v>
      </c>
    </row>
    <row r="3190" spans="1:26" ht="24" customHeight="1" x14ac:dyDescent="0.2">
      <c r="A3190" s="9" t="s">
        <v>20370</v>
      </c>
      <c r="B3190" s="9" t="s">
        <v>13655</v>
      </c>
      <c r="C3190" s="9" t="s">
        <v>15358</v>
      </c>
      <c r="D3190" s="6" t="s">
        <v>17098</v>
      </c>
      <c r="E3190" s="22">
        <v>45518</v>
      </c>
      <c r="F3190" s="22">
        <v>47343</v>
      </c>
      <c r="G3190" s="6" t="s">
        <v>17099</v>
      </c>
      <c r="H3190" s="6" t="s">
        <v>18</v>
      </c>
      <c r="I3190" s="6" t="s">
        <v>84</v>
      </c>
      <c r="J3190" s="6" t="s">
        <v>17100</v>
      </c>
      <c r="K3190" s="9" t="s">
        <v>17101</v>
      </c>
      <c r="L3190" s="10" t="s">
        <v>22</v>
      </c>
      <c r="M3190" s="10" t="s">
        <v>22</v>
      </c>
      <c r="N3190" s="10" t="s">
        <v>22</v>
      </c>
      <c r="O3190" s="10" t="s">
        <v>22</v>
      </c>
      <c r="P3190" s="10" t="s">
        <v>22</v>
      </c>
      <c r="Q3190" s="10" t="s">
        <v>22</v>
      </c>
      <c r="R3190" s="10" t="s">
        <v>22</v>
      </c>
      <c r="S3190" s="10" t="s">
        <v>22</v>
      </c>
      <c r="T3190" s="10" t="s">
        <v>22</v>
      </c>
      <c r="U3190" s="10" t="s">
        <v>22</v>
      </c>
      <c r="V3190" s="10" t="s">
        <v>22</v>
      </c>
      <c r="W3190" s="10" t="s">
        <v>22</v>
      </c>
      <c r="X3190" s="10" t="s">
        <v>22</v>
      </c>
      <c r="Y3190" s="10" t="s">
        <v>22</v>
      </c>
      <c r="Z3190" s="10" t="s">
        <v>22</v>
      </c>
    </row>
    <row r="3191" spans="1:26" ht="24" customHeight="1" x14ac:dyDescent="0.2">
      <c r="A3191" s="9" t="s">
        <v>20371</v>
      </c>
      <c r="B3191" s="9" t="s">
        <v>13655</v>
      </c>
      <c r="C3191" s="9" t="s">
        <v>13951</v>
      </c>
      <c r="D3191" s="6" t="s">
        <v>13952</v>
      </c>
      <c r="E3191" s="22">
        <v>45079</v>
      </c>
      <c r="F3191" s="22">
        <v>46905</v>
      </c>
      <c r="G3191" s="6" t="s">
        <v>13953</v>
      </c>
      <c r="H3191" s="6" t="s">
        <v>18</v>
      </c>
      <c r="I3191" s="6" t="s">
        <v>84</v>
      </c>
      <c r="J3191" s="6" t="s">
        <v>13954</v>
      </c>
      <c r="K3191" s="9" t="s">
        <v>17102</v>
      </c>
      <c r="L3191" s="10" t="s">
        <v>22</v>
      </c>
      <c r="M3191" s="10" t="s">
        <v>22</v>
      </c>
      <c r="N3191" s="10" t="s">
        <v>22</v>
      </c>
      <c r="O3191" s="10" t="s">
        <v>22</v>
      </c>
      <c r="P3191" s="10" t="s">
        <v>22</v>
      </c>
      <c r="Q3191" s="10" t="s">
        <v>22</v>
      </c>
      <c r="R3191" s="10" t="s">
        <v>22</v>
      </c>
      <c r="S3191" s="10" t="s">
        <v>22</v>
      </c>
      <c r="T3191" s="10" t="s">
        <v>22</v>
      </c>
      <c r="U3191" s="10" t="s">
        <v>22</v>
      </c>
      <c r="V3191" s="10" t="s">
        <v>22</v>
      </c>
      <c r="W3191" s="10" t="s">
        <v>22</v>
      </c>
      <c r="X3191" s="10" t="s">
        <v>22</v>
      </c>
      <c r="Y3191" s="10" t="s">
        <v>22</v>
      </c>
      <c r="Z3191" s="10" t="s">
        <v>22</v>
      </c>
    </row>
    <row r="3192" spans="1:26" ht="24" customHeight="1" x14ac:dyDescent="0.2">
      <c r="A3192" s="9" t="s">
        <v>17358</v>
      </c>
      <c r="B3192" s="9" t="s">
        <v>13655</v>
      </c>
      <c r="C3192" s="9" t="s">
        <v>13955</v>
      </c>
      <c r="D3192" s="6" t="s">
        <v>13956</v>
      </c>
      <c r="E3192" s="22">
        <v>45054</v>
      </c>
      <c r="F3192" s="22">
        <v>46880</v>
      </c>
      <c r="G3192" s="6" t="s">
        <v>13957</v>
      </c>
      <c r="H3192" s="6" t="s">
        <v>18</v>
      </c>
      <c r="I3192" s="6" t="s">
        <v>84</v>
      </c>
      <c r="J3192" s="6" t="s">
        <v>13958</v>
      </c>
      <c r="K3192" s="9" t="s">
        <v>13959</v>
      </c>
      <c r="L3192" s="10" t="s">
        <v>22</v>
      </c>
      <c r="M3192" s="10" t="s">
        <v>22</v>
      </c>
      <c r="N3192" s="10" t="s">
        <v>22</v>
      </c>
      <c r="O3192" s="10" t="s">
        <v>22</v>
      </c>
      <c r="P3192" s="10" t="s">
        <v>22</v>
      </c>
      <c r="Q3192" s="10" t="s">
        <v>22</v>
      </c>
      <c r="R3192" s="10" t="s">
        <v>22</v>
      </c>
      <c r="S3192" s="10" t="s">
        <v>22</v>
      </c>
      <c r="T3192" s="10" t="s">
        <v>22</v>
      </c>
      <c r="U3192" s="10" t="s">
        <v>22</v>
      </c>
      <c r="V3192" s="10" t="s">
        <v>22</v>
      </c>
      <c r="W3192" s="10" t="s">
        <v>22</v>
      </c>
      <c r="X3192" s="10" t="s">
        <v>22</v>
      </c>
      <c r="Y3192" s="10" t="s">
        <v>22</v>
      </c>
      <c r="Z3192" s="10" t="s">
        <v>22</v>
      </c>
    </row>
    <row r="3193" spans="1:26" ht="24" customHeight="1" x14ac:dyDescent="0.2">
      <c r="A3193" s="9" t="s">
        <v>20372</v>
      </c>
      <c r="B3193" s="9" t="s">
        <v>13655</v>
      </c>
      <c r="C3193" s="9" t="s">
        <v>422</v>
      </c>
      <c r="D3193" s="6" t="s">
        <v>13960</v>
      </c>
      <c r="E3193" s="22">
        <v>45153</v>
      </c>
      <c r="F3193" s="22">
        <v>46979</v>
      </c>
      <c r="G3193" s="6" t="s">
        <v>13960</v>
      </c>
      <c r="H3193" s="6" t="s">
        <v>18</v>
      </c>
      <c r="I3193" s="6" t="s">
        <v>84</v>
      </c>
      <c r="J3193" s="6" t="s">
        <v>13961</v>
      </c>
      <c r="K3193" s="9" t="s">
        <v>17103</v>
      </c>
      <c r="L3193" s="10" t="s">
        <v>22</v>
      </c>
      <c r="M3193" s="10" t="s">
        <v>22</v>
      </c>
      <c r="N3193" s="10" t="s">
        <v>22</v>
      </c>
      <c r="O3193" s="10" t="s">
        <v>22</v>
      </c>
      <c r="P3193" s="10" t="s">
        <v>22</v>
      </c>
      <c r="Q3193" s="10" t="s">
        <v>22</v>
      </c>
      <c r="R3193" s="10" t="s">
        <v>22</v>
      </c>
      <c r="S3193" s="10" t="s">
        <v>22</v>
      </c>
      <c r="T3193" s="10" t="s">
        <v>22</v>
      </c>
      <c r="V3193" s="10" t="s">
        <v>22</v>
      </c>
      <c r="W3193" s="10" t="s">
        <v>22</v>
      </c>
      <c r="Y3193" s="10" t="s">
        <v>22</v>
      </c>
      <c r="Z3193" s="10" t="s">
        <v>22</v>
      </c>
    </row>
    <row r="3194" spans="1:26" ht="24" customHeight="1" x14ac:dyDescent="0.2">
      <c r="A3194" s="9" t="s">
        <v>20373</v>
      </c>
      <c r="B3194" s="9" t="s">
        <v>13655</v>
      </c>
      <c r="C3194" s="9" t="s">
        <v>13962</v>
      </c>
      <c r="D3194" s="6" t="s">
        <v>13963</v>
      </c>
      <c r="E3194" s="22">
        <v>45212</v>
      </c>
      <c r="F3194" s="22">
        <v>47038</v>
      </c>
      <c r="G3194" s="6" t="s">
        <v>13964</v>
      </c>
      <c r="H3194" s="6" t="s">
        <v>18</v>
      </c>
      <c r="I3194" s="6" t="s">
        <v>13699</v>
      </c>
      <c r="J3194" s="6" t="s">
        <v>13965</v>
      </c>
      <c r="K3194" s="9" t="s">
        <v>17104</v>
      </c>
      <c r="L3194" s="10" t="s">
        <v>22</v>
      </c>
      <c r="M3194" s="10" t="s">
        <v>22</v>
      </c>
      <c r="N3194" s="10" t="s">
        <v>22</v>
      </c>
      <c r="O3194" s="10" t="s">
        <v>22</v>
      </c>
      <c r="P3194" s="10" t="s">
        <v>22</v>
      </c>
      <c r="Q3194" s="10" t="s">
        <v>22</v>
      </c>
      <c r="R3194" s="10" t="s">
        <v>22</v>
      </c>
      <c r="S3194" s="10" t="s">
        <v>22</v>
      </c>
      <c r="T3194" s="10" t="s">
        <v>22</v>
      </c>
      <c r="U3194" s="10" t="s">
        <v>22</v>
      </c>
      <c r="V3194" s="10" t="s">
        <v>22</v>
      </c>
      <c r="W3194" s="10" t="s">
        <v>22</v>
      </c>
      <c r="X3194" s="10" t="s">
        <v>22</v>
      </c>
      <c r="Y3194" s="10" t="s">
        <v>22</v>
      </c>
      <c r="Z3194" s="10" t="s">
        <v>22</v>
      </c>
    </row>
    <row r="3195" spans="1:26" ht="24" customHeight="1" x14ac:dyDescent="0.2">
      <c r="A3195" s="9" t="s">
        <v>20374</v>
      </c>
      <c r="B3195" s="9" t="s">
        <v>13655</v>
      </c>
      <c r="C3195" s="9" t="s">
        <v>15369</v>
      </c>
      <c r="D3195" s="6" t="s">
        <v>17105</v>
      </c>
      <c r="E3195" s="22">
        <v>45338</v>
      </c>
      <c r="F3195" s="22">
        <v>47164</v>
      </c>
      <c r="G3195" s="6" t="s">
        <v>17106</v>
      </c>
      <c r="H3195" s="6" t="s">
        <v>18</v>
      </c>
      <c r="I3195" s="6" t="s">
        <v>84</v>
      </c>
      <c r="J3195" s="6" t="s">
        <v>17107</v>
      </c>
      <c r="K3195" s="9" t="s">
        <v>17108</v>
      </c>
      <c r="L3195" s="10" t="s">
        <v>22</v>
      </c>
      <c r="M3195" s="10" t="s">
        <v>22</v>
      </c>
      <c r="N3195" s="10" t="s">
        <v>22</v>
      </c>
      <c r="U3195" s="10" t="s">
        <v>22</v>
      </c>
      <c r="V3195" s="10" t="s">
        <v>22</v>
      </c>
      <c r="W3195" s="10" t="s">
        <v>22</v>
      </c>
    </row>
    <row r="3196" spans="1:26" ht="24" customHeight="1" x14ac:dyDescent="0.2">
      <c r="A3196" s="9" t="s">
        <v>20375</v>
      </c>
      <c r="B3196" s="9" t="s">
        <v>13655</v>
      </c>
      <c r="C3196" s="9" t="s">
        <v>427</v>
      </c>
      <c r="D3196" s="6" t="s">
        <v>17109</v>
      </c>
      <c r="E3196" s="22">
        <v>45357</v>
      </c>
      <c r="F3196" s="22">
        <v>47182</v>
      </c>
      <c r="G3196" s="6" t="s">
        <v>17110</v>
      </c>
      <c r="H3196" s="6" t="s">
        <v>18</v>
      </c>
      <c r="I3196" s="6" t="s">
        <v>13699</v>
      </c>
      <c r="J3196" s="6" t="s">
        <v>17111</v>
      </c>
      <c r="K3196" s="9" t="s">
        <v>17112</v>
      </c>
      <c r="L3196" s="10" t="s">
        <v>22</v>
      </c>
      <c r="M3196" s="10" t="s">
        <v>22</v>
      </c>
      <c r="N3196" s="10" t="s">
        <v>22</v>
      </c>
      <c r="O3196" s="10" t="s">
        <v>22</v>
      </c>
      <c r="P3196" s="10" t="s">
        <v>22</v>
      </c>
      <c r="Q3196" s="10" t="s">
        <v>22</v>
      </c>
      <c r="R3196" s="10" t="s">
        <v>22</v>
      </c>
      <c r="S3196" s="10" t="s">
        <v>22</v>
      </c>
      <c r="T3196" s="10" t="s">
        <v>22</v>
      </c>
      <c r="U3196" s="10" t="s">
        <v>22</v>
      </c>
      <c r="V3196" s="10" t="s">
        <v>22</v>
      </c>
      <c r="W3196" s="10" t="s">
        <v>22</v>
      </c>
      <c r="X3196" s="10" t="s">
        <v>22</v>
      </c>
      <c r="Y3196" s="10" t="s">
        <v>22</v>
      </c>
      <c r="Z3196" s="10" t="s">
        <v>22</v>
      </c>
    </row>
    <row r="3197" spans="1:26" ht="24" customHeight="1" x14ac:dyDescent="0.2">
      <c r="A3197" s="9" t="s">
        <v>20376</v>
      </c>
      <c r="B3197" s="9" t="s">
        <v>13655</v>
      </c>
      <c r="C3197" s="9" t="s">
        <v>432</v>
      </c>
      <c r="D3197" s="6" t="s">
        <v>17113</v>
      </c>
      <c r="E3197" s="22">
        <v>45342</v>
      </c>
      <c r="F3197" s="22">
        <v>47168</v>
      </c>
      <c r="G3197" s="6" t="s">
        <v>17114</v>
      </c>
      <c r="H3197" s="6" t="s">
        <v>18</v>
      </c>
      <c r="I3197" s="6" t="s">
        <v>13699</v>
      </c>
      <c r="J3197" s="6" t="s">
        <v>17115</v>
      </c>
      <c r="K3197" s="9" t="s">
        <v>17116</v>
      </c>
      <c r="M3197" s="10" t="s">
        <v>22</v>
      </c>
      <c r="N3197" s="10" t="s">
        <v>22</v>
      </c>
      <c r="V3197" s="10" t="s">
        <v>22</v>
      </c>
      <c r="W3197" s="10" t="s">
        <v>22</v>
      </c>
    </row>
    <row r="3198" spans="1:26" ht="33.5" customHeight="1" x14ac:dyDescent="0.2">
      <c r="A3198" s="9" t="s">
        <v>20377</v>
      </c>
      <c r="B3198" s="9" t="s">
        <v>13655</v>
      </c>
      <c r="C3198" s="9" t="s">
        <v>438</v>
      </c>
      <c r="D3198" s="6" t="s">
        <v>17117</v>
      </c>
      <c r="E3198" s="22">
        <v>45380</v>
      </c>
      <c r="F3198" s="22">
        <v>47205</v>
      </c>
      <c r="G3198" s="6" t="s">
        <v>17118</v>
      </c>
      <c r="H3198" s="6" t="s">
        <v>18</v>
      </c>
      <c r="I3198" s="6" t="s">
        <v>84</v>
      </c>
      <c r="J3198" s="6" t="s">
        <v>17119</v>
      </c>
      <c r="L3198" s="10" t="s">
        <v>22</v>
      </c>
      <c r="N3198" s="10" t="s">
        <v>22</v>
      </c>
      <c r="U3198" s="10" t="s">
        <v>22</v>
      </c>
      <c r="W3198" s="10" t="s">
        <v>22</v>
      </c>
    </row>
    <row r="3199" spans="1:26" ht="24" customHeight="1" x14ac:dyDescent="0.2">
      <c r="A3199" s="9" t="s">
        <v>20378</v>
      </c>
      <c r="B3199" s="9" t="s">
        <v>13655</v>
      </c>
      <c r="C3199" s="9" t="s">
        <v>14098</v>
      </c>
      <c r="D3199" s="6" t="s">
        <v>17120</v>
      </c>
      <c r="E3199" s="22">
        <v>45432</v>
      </c>
      <c r="F3199" s="22">
        <v>47257</v>
      </c>
      <c r="G3199" s="6" t="s">
        <v>17121</v>
      </c>
      <c r="H3199" s="6" t="s">
        <v>18</v>
      </c>
      <c r="I3199" s="6" t="s">
        <v>13699</v>
      </c>
      <c r="J3199" s="6" t="s">
        <v>17122</v>
      </c>
      <c r="L3199" s="10" t="s">
        <v>22</v>
      </c>
      <c r="N3199" s="10" t="s">
        <v>22</v>
      </c>
      <c r="R3199" s="10" t="s">
        <v>22</v>
      </c>
      <c r="T3199" s="10" t="s">
        <v>22</v>
      </c>
      <c r="U3199" s="10" t="s">
        <v>22</v>
      </c>
      <c r="W3199" s="10" t="s">
        <v>22</v>
      </c>
    </row>
    <row r="3200" spans="1:26" ht="24" customHeight="1" x14ac:dyDescent="0.2">
      <c r="A3200" s="9" t="s">
        <v>20379</v>
      </c>
      <c r="B3200" s="9" t="s">
        <v>13655</v>
      </c>
      <c r="C3200" s="9" t="s">
        <v>444</v>
      </c>
      <c r="D3200" s="6" t="s">
        <v>17123</v>
      </c>
      <c r="E3200" s="22">
        <v>45518</v>
      </c>
      <c r="F3200" s="22">
        <v>47343</v>
      </c>
      <c r="G3200" s="6" t="s">
        <v>17124</v>
      </c>
      <c r="H3200" s="6" t="s">
        <v>18</v>
      </c>
      <c r="I3200" s="6" t="s">
        <v>1281</v>
      </c>
      <c r="J3200" s="6" t="s">
        <v>17125</v>
      </c>
      <c r="L3200" s="10" t="s">
        <v>22</v>
      </c>
      <c r="M3200" s="10" t="s">
        <v>22</v>
      </c>
      <c r="N3200" s="10" t="s">
        <v>22</v>
      </c>
      <c r="U3200" s="10" t="s">
        <v>22</v>
      </c>
      <c r="V3200" s="10" t="s">
        <v>22</v>
      </c>
      <c r="W3200" s="10" t="s">
        <v>22</v>
      </c>
    </row>
    <row r="3201" spans="1:26" ht="24" customHeight="1" x14ac:dyDescent="0.2">
      <c r="B3201" s="9" t="s">
        <v>13655</v>
      </c>
      <c r="C3201" s="9" t="s">
        <v>21355</v>
      </c>
      <c r="D3201" s="6" t="s">
        <v>21356</v>
      </c>
      <c r="E3201" s="22">
        <v>45688</v>
      </c>
      <c r="F3201" s="22">
        <v>47513</v>
      </c>
      <c r="G3201" s="6" t="s">
        <v>21356</v>
      </c>
      <c r="H3201" s="6" t="s">
        <v>18</v>
      </c>
      <c r="I3201" s="6" t="s">
        <v>21357</v>
      </c>
      <c r="J3201" s="6" t="s">
        <v>21358</v>
      </c>
      <c r="M3201" s="10" t="s">
        <v>22</v>
      </c>
      <c r="N3201" s="10" t="s">
        <v>22</v>
      </c>
      <c r="P3201" s="10" t="s">
        <v>22</v>
      </c>
      <c r="Q3201" s="10" t="s">
        <v>22</v>
      </c>
    </row>
    <row r="3202" spans="1:26" ht="24" customHeight="1" x14ac:dyDescent="0.2">
      <c r="B3202" s="9" t="s">
        <v>13655</v>
      </c>
      <c r="C3202" s="9" t="s">
        <v>21359</v>
      </c>
      <c r="D3202" s="6" t="s">
        <v>21360</v>
      </c>
      <c r="E3202" s="22">
        <v>45688</v>
      </c>
      <c r="F3202" s="22">
        <v>47513</v>
      </c>
      <c r="G3202" s="6" t="s">
        <v>21361</v>
      </c>
      <c r="H3202" s="6" t="s">
        <v>18</v>
      </c>
      <c r="I3202" s="6" t="s">
        <v>13755</v>
      </c>
      <c r="J3202" s="6" t="s">
        <v>21362</v>
      </c>
      <c r="L3202" s="10" t="s">
        <v>22</v>
      </c>
      <c r="M3202" s="10" t="s">
        <v>22</v>
      </c>
      <c r="N3202" s="10" t="s">
        <v>22</v>
      </c>
      <c r="O3202" s="10" t="s">
        <v>22</v>
      </c>
      <c r="P3202" s="10" t="s">
        <v>22</v>
      </c>
      <c r="Q3202" s="10" t="s">
        <v>22</v>
      </c>
      <c r="R3202" s="10" t="s">
        <v>22</v>
      </c>
      <c r="S3202" s="10" t="s">
        <v>22</v>
      </c>
      <c r="T3202" s="10" t="s">
        <v>22</v>
      </c>
    </row>
    <row r="3203" spans="1:26" ht="24" customHeight="1" x14ac:dyDescent="0.2">
      <c r="A3203" s="9" t="s">
        <v>20380</v>
      </c>
      <c r="B3203" s="9" t="s">
        <v>13966</v>
      </c>
      <c r="C3203" s="9" t="s">
        <v>15</v>
      </c>
      <c r="D3203" s="6" t="s">
        <v>13967</v>
      </c>
      <c r="E3203" s="22">
        <v>44570</v>
      </c>
      <c r="F3203" s="22">
        <v>46395</v>
      </c>
      <c r="G3203" s="6" t="s">
        <v>13968</v>
      </c>
      <c r="H3203" s="6" t="s">
        <v>18</v>
      </c>
      <c r="I3203" s="6" t="s">
        <v>392</v>
      </c>
      <c r="J3203" s="6" t="s">
        <v>13969</v>
      </c>
      <c r="K3203" s="9" t="s">
        <v>13970</v>
      </c>
      <c r="L3203" s="10" t="s">
        <v>22</v>
      </c>
      <c r="M3203" s="10" t="s">
        <v>22</v>
      </c>
      <c r="N3203" s="10" t="s">
        <v>22</v>
      </c>
      <c r="O3203" s="10" t="s">
        <v>22</v>
      </c>
      <c r="P3203" s="10" t="s">
        <v>22</v>
      </c>
      <c r="Q3203" s="10" t="s">
        <v>22</v>
      </c>
      <c r="R3203" s="10" t="s">
        <v>22</v>
      </c>
      <c r="S3203" s="10" t="s">
        <v>22</v>
      </c>
      <c r="T3203" s="10" t="s">
        <v>22</v>
      </c>
      <c r="U3203" s="10" t="s">
        <v>22</v>
      </c>
      <c r="V3203" s="10" t="s">
        <v>22</v>
      </c>
      <c r="W3203" s="10" t="s">
        <v>22</v>
      </c>
      <c r="X3203" s="10" t="s">
        <v>22</v>
      </c>
      <c r="Y3203" s="10" t="s">
        <v>22</v>
      </c>
      <c r="Z3203" s="10" t="s">
        <v>22</v>
      </c>
    </row>
    <row r="3204" spans="1:26" ht="24" customHeight="1" x14ac:dyDescent="0.2">
      <c r="A3204" s="9" t="s">
        <v>20381</v>
      </c>
      <c r="B3204" s="9" t="s">
        <v>13966</v>
      </c>
      <c r="C3204" s="9" t="s">
        <v>54</v>
      </c>
      <c r="D3204" s="6" t="s">
        <v>13971</v>
      </c>
      <c r="E3204" s="22">
        <v>44579</v>
      </c>
      <c r="F3204" s="22">
        <v>46404</v>
      </c>
      <c r="G3204" s="6" t="s">
        <v>13972</v>
      </c>
      <c r="H3204" s="6" t="s">
        <v>18</v>
      </c>
      <c r="I3204" s="6" t="s">
        <v>1691</v>
      </c>
      <c r="J3204" s="6" t="s">
        <v>13973</v>
      </c>
      <c r="K3204" s="9" t="s">
        <v>13974</v>
      </c>
      <c r="L3204" s="10" t="s">
        <v>22</v>
      </c>
      <c r="M3204" s="10" t="s">
        <v>22</v>
      </c>
      <c r="N3204" s="10" t="s">
        <v>22</v>
      </c>
      <c r="O3204" s="10" t="s">
        <v>22</v>
      </c>
      <c r="P3204" s="10" t="s">
        <v>22</v>
      </c>
      <c r="Q3204" s="10" t="s">
        <v>22</v>
      </c>
      <c r="R3204" s="10" t="s">
        <v>22</v>
      </c>
      <c r="S3204" s="10" t="s">
        <v>22</v>
      </c>
      <c r="T3204" s="10" t="s">
        <v>22</v>
      </c>
      <c r="U3204" s="10" t="s">
        <v>22</v>
      </c>
      <c r="V3204" s="10" t="s">
        <v>22</v>
      </c>
      <c r="W3204" s="10" t="s">
        <v>22</v>
      </c>
      <c r="X3204" s="10" t="s">
        <v>22</v>
      </c>
      <c r="Y3204" s="10" t="s">
        <v>22</v>
      </c>
      <c r="Z3204" s="10" t="s">
        <v>22</v>
      </c>
    </row>
    <row r="3205" spans="1:26" ht="24" customHeight="1" x14ac:dyDescent="0.2">
      <c r="A3205" s="9" t="s">
        <v>20382</v>
      </c>
      <c r="B3205" s="9" t="s">
        <v>13966</v>
      </c>
      <c r="C3205" s="9" t="s">
        <v>59</v>
      </c>
      <c r="D3205" s="6" t="s">
        <v>13975</v>
      </c>
      <c r="E3205" s="22">
        <v>44579</v>
      </c>
      <c r="F3205" s="22">
        <v>46404</v>
      </c>
      <c r="G3205" s="6" t="s">
        <v>13976</v>
      </c>
      <c r="H3205" s="6" t="s">
        <v>18</v>
      </c>
      <c r="I3205" s="6" t="s">
        <v>1691</v>
      </c>
      <c r="J3205" s="6" t="s">
        <v>13977</v>
      </c>
      <c r="K3205" s="9" t="s">
        <v>13978</v>
      </c>
      <c r="L3205" s="10" t="s">
        <v>22</v>
      </c>
      <c r="M3205" s="10" t="s">
        <v>22</v>
      </c>
      <c r="N3205" s="10" t="s">
        <v>22</v>
      </c>
      <c r="O3205" s="10" t="s">
        <v>22</v>
      </c>
      <c r="P3205" s="10" t="s">
        <v>22</v>
      </c>
      <c r="Q3205" s="10" t="s">
        <v>22</v>
      </c>
      <c r="R3205" s="10" t="s">
        <v>22</v>
      </c>
      <c r="S3205" s="10" t="s">
        <v>22</v>
      </c>
      <c r="T3205" s="10" t="s">
        <v>22</v>
      </c>
      <c r="U3205" s="10" t="s">
        <v>22</v>
      </c>
      <c r="V3205" s="10" t="s">
        <v>22</v>
      </c>
      <c r="W3205" s="10" t="s">
        <v>22</v>
      </c>
      <c r="X3205" s="10" t="s">
        <v>22</v>
      </c>
      <c r="Y3205" s="10" t="s">
        <v>22</v>
      </c>
      <c r="Z3205" s="10" t="s">
        <v>22</v>
      </c>
    </row>
    <row r="3206" spans="1:26" ht="24" customHeight="1" x14ac:dyDescent="0.2">
      <c r="A3206" s="9" t="s">
        <v>20383</v>
      </c>
      <c r="B3206" s="9" t="s">
        <v>13966</v>
      </c>
      <c r="C3206" s="9" t="s">
        <v>97</v>
      </c>
      <c r="D3206" s="6" t="s">
        <v>13979</v>
      </c>
      <c r="E3206" s="22">
        <v>44618</v>
      </c>
      <c r="F3206" s="22">
        <v>46443</v>
      </c>
      <c r="G3206" s="6" t="s">
        <v>13980</v>
      </c>
      <c r="H3206" s="6" t="s">
        <v>18</v>
      </c>
      <c r="I3206" s="6" t="s">
        <v>392</v>
      </c>
      <c r="J3206" s="6" t="s">
        <v>13981</v>
      </c>
      <c r="K3206" s="9" t="s">
        <v>13982</v>
      </c>
      <c r="L3206" s="10" t="s">
        <v>22</v>
      </c>
      <c r="M3206" s="10" t="s">
        <v>22</v>
      </c>
      <c r="N3206" s="10" t="s">
        <v>22</v>
      </c>
      <c r="O3206" s="10" t="s">
        <v>22</v>
      </c>
      <c r="P3206" s="10" t="s">
        <v>22</v>
      </c>
      <c r="Q3206" s="10" t="s">
        <v>22</v>
      </c>
      <c r="R3206" s="10" t="s">
        <v>22</v>
      </c>
      <c r="S3206" s="10" t="s">
        <v>22</v>
      </c>
      <c r="T3206" s="10" t="s">
        <v>22</v>
      </c>
      <c r="U3206" s="10" t="s">
        <v>22</v>
      </c>
      <c r="V3206" s="10" t="s">
        <v>22</v>
      </c>
      <c r="W3206" s="10" t="s">
        <v>22</v>
      </c>
      <c r="X3206" s="10" t="s">
        <v>22</v>
      </c>
      <c r="Y3206" s="10" t="s">
        <v>22</v>
      </c>
      <c r="Z3206" s="10" t="s">
        <v>22</v>
      </c>
    </row>
    <row r="3207" spans="1:26" ht="24" customHeight="1" x14ac:dyDescent="0.2">
      <c r="A3207" s="9" t="s">
        <v>20384</v>
      </c>
      <c r="B3207" s="9" t="s">
        <v>13966</v>
      </c>
      <c r="C3207" s="9" t="s">
        <v>13983</v>
      </c>
      <c r="D3207" s="6" t="s">
        <v>13984</v>
      </c>
      <c r="E3207" s="22">
        <v>44618</v>
      </c>
      <c r="F3207" s="22">
        <v>46443</v>
      </c>
      <c r="G3207" s="6" t="s">
        <v>13985</v>
      </c>
      <c r="H3207" s="6" t="s">
        <v>18</v>
      </c>
      <c r="I3207" s="6" t="s">
        <v>392</v>
      </c>
      <c r="J3207" s="6" t="s">
        <v>13986</v>
      </c>
      <c r="K3207" s="9" t="s">
        <v>13987</v>
      </c>
      <c r="L3207" s="10" t="s">
        <v>22</v>
      </c>
      <c r="M3207" s="10" t="s">
        <v>22</v>
      </c>
      <c r="N3207" s="10" t="s">
        <v>22</v>
      </c>
      <c r="O3207" s="10" t="s">
        <v>22</v>
      </c>
      <c r="P3207" s="10" t="s">
        <v>22</v>
      </c>
      <c r="Q3207" s="10" t="s">
        <v>22</v>
      </c>
    </row>
    <row r="3208" spans="1:26" ht="24" customHeight="1" x14ac:dyDescent="0.2">
      <c r="A3208" s="9" t="s">
        <v>20385</v>
      </c>
      <c r="B3208" s="9" t="s">
        <v>13966</v>
      </c>
      <c r="C3208" s="9" t="s">
        <v>101</v>
      </c>
      <c r="D3208" s="6" t="s">
        <v>13988</v>
      </c>
      <c r="E3208" s="22">
        <v>44621</v>
      </c>
      <c r="F3208" s="22">
        <v>46446</v>
      </c>
      <c r="G3208" s="6" t="s">
        <v>13989</v>
      </c>
      <c r="H3208" s="6" t="s">
        <v>18</v>
      </c>
      <c r="I3208" s="6" t="s">
        <v>1194</v>
      </c>
      <c r="J3208" s="6" t="s">
        <v>13990</v>
      </c>
      <c r="K3208" s="9" t="s">
        <v>13991</v>
      </c>
      <c r="L3208" s="10" t="s">
        <v>22</v>
      </c>
      <c r="M3208" s="10" t="s">
        <v>22</v>
      </c>
      <c r="N3208" s="10" t="s">
        <v>22</v>
      </c>
      <c r="O3208" s="10" t="s">
        <v>22</v>
      </c>
      <c r="P3208" s="10" t="s">
        <v>22</v>
      </c>
      <c r="Q3208" s="10" t="s">
        <v>22</v>
      </c>
      <c r="U3208" s="10" t="s">
        <v>22</v>
      </c>
      <c r="V3208" s="10" t="s">
        <v>22</v>
      </c>
      <c r="W3208" s="10" t="s">
        <v>22</v>
      </c>
      <c r="X3208" s="10" t="s">
        <v>22</v>
      </c>
      <c r="Y3208" s="10" t="s">
        <v>22</v>
      </c>
      <c r="Z3208" s="10" t="s">
        <v>22</v>
      </c>
    </row>
    <row r="3209" spans="1:26" ht="24" customHeight="1" x14ac:dyDescent="0.2">
      <c r="A3209" s="9" t="s">
        <v>20386</v>
      </c>
      <c r="B3209" s="9" t="s">
        <v>13966</v>
      </c>
      <c r="C3209" s="9" t="s">
        <v>13702</v>
      </c>
      <c r="D3209" s="6" t="s">
        <v>13992</v>
      </c>
      <c r="E3209" s="22">
        <v>44632</v>
      </c>
      <c r="F3209" s="22">
        <v>46457</v>
      </c>
      <c r="G3209" s="6" t="s">
        <v>13993</v>
      </c>
      <c r="H3209" s="6" t="s">
        <v>18</v>
      </c>
      <c r="I3209" s="6" t="s">
        <v>392</v>
      </c>
      <c r="J3209" s="6" t="s">
        <v>13994</v>
      </c>
      <c r="K3209" s="9" t="s">
        <v>13995</v>
      </c>
      <c r="L3209" s="10" t="s">
        <v>22</v>
      </c>
      <c r="M3209" s="10" t="s">
        <v>22</v>
      </c>
      <c r="N3209" s="10" t="s">
        <v>22</v>
      </c>
      <c r="O3209" s="10" t="s">
        <v>22</v>
      </c>
      <c r="P3209" s="10" t="s">
        <v>22</v>
      </c>
      <c r="Q3209" s="10" t="s">
        <v>22</v>
      </c>
      <c r="R3209" s="10" t="s">
        <v>22</v>
      </c>
      <c r="S3209" s="10" t="s">
        <v>22</v>
      </c>
      <c r="T3209" s="10" t="s">
        <v>22</v>
      </c>
      <c r="U3209" s="10" t="s">
        <v>22</v>
      </c>
      <c r="V3209" s="10" t="s">
        <v>22</v>
      </c>
      <c r="W3209" s="10" t="s">
        <v>22</v>
      </c>
      <c r="X3209" s="10" t="s">
        <v>22</v>
      </c>
      <c r="Y3209" s="10" t="s">
        <v>22</v>
      </c>
      <c r="Z3209" s="10" t="s">
        <v>22</v>
      </c>
    </row>
    <row r="3210" spans="1:26" ht="24" customHeight="1" x14ac:dyDescent="0.2">
      <c r="A3210" s="9" t="s">
        <v>20387</v>
      </c>
      <c r="B3210" s="9" t="s">
        <v>13966</v>
      </c>
      <c r="C3210" s="9" t="s">
        <v>151</v>
      </c>
      <c r="D3210" s="6" t="s">
        <v>13996</v>
      </c>
      <c r="E3210" s="22">
        <v>44648</v>
      </c>
      <c r="F3210" s="22">
        <v>46473</v>
      </c>
      <c r="G3210" s="6" t="s">
        <v>13997</v>
      </c>
      <c r="H3210" s="6" t="s">
        <v>18</v>
      </c>
      <c r="I3210" s="6" t="s">
        <v>1691</v>
      </c>
      <c r="J3210" s="6" t="s">
        <v>13998</v>
      </c>
      <c r="L3210" s="10" t="s">
        <v>22</v>
      </c>
      <c r="M3210" s="10" t="s">
        <v>22</v>
      </c>
      <c r="N3210" s="10" t="s">
        <v>22</v>
      </c>
      <c r="O3210" s="10" t="s">
        <v>22</v>
      </c>
      <c r="P3210" s="10" t="s">
        <v>22</v>
      </c>
      <c r="Q3210" s="10" t="s">
        <v>22</v>
      </c>
      <c r="U3210" s="10" t="s">
        <v>22</v>
      </c>
      <c r="V3210" s="10" t="s">
        <v>22</v>
      </c>
      <c r="W3210" s="10" t="s">
        <v>22</v>
      </c>
      <c r="X3210" s="10" t="s">
        <v>22</v>
      </c>
      <c r="Y3210" s="10" t="s">
        <v>22</v>
      </c>
      <c r="Z3210" s="10" t="s">
        <v>22</v>
      </c>
    </row>
    <row r="3211" spans="1:26" ht="24" customHeight="1" x14ac:dyDescent="0.2">
      <c r="A3211" s="9" t="s">
        <v>20388</v>
      </c>
      <c r="B3211" s="9" t="s">
        <v>13966</v>
      </c>
      <c r="C3211" s="9" t="s">
        <v>161</v>
      </c>
      <c r="D3211" s="6" t="s">
        <v>13999</v>
      </c>
      <c r="E3211" s="22">
        <v>44650</v>
      </c>
      <c r="F3211" s="22">
        <v>46475</v>
      </c>
      <c r="G3211" s="6" t="s">
        <v>14000</v>
      </c>
      <c r="H3211" s="6" t="s">
        <v>18</v>
      </c>
      <c r="I3211" s="6" t="s">
        <v>5029</v>
      </c>
      <c r="J3211" s="6" t="s">
        <v>14001</v>
      </c>
      <c r="K3211" s="9" t="s">
        <v>14002</v>
      </c>
      <c r="L3211" s="10" t="s">
        <v>22</v>
      </c>
      <c r="M3211" s="10" t="s">
        <v>22</v>
      </c>
      <c r="N3211" s="10" t="s">
        <v>22</v>
      </c>
      <c r="O3211" s="10" t="s">
        <v>22</v>
      </c>
      <c r="P3211" s="10" t="s">
        <v>22</v>
      </c>
      <c r="Q3211" s="10" t="s">
        <v>22</v>
      </c>
    </row>
    <row r="3212" spans="1:26" ht="24" customHeight="1" x14ac:dyDescent="0.2">
      <c r="A3212" s="9" t="s">
        <v>20389</v>
      </c>
      <c r="B3212" s="9" t="s">
        <v>13966</v>
      </c>
      <c r="C3212" s="9" t="s">
        <v>13725</v>
      </c>
      <c r="D3212" s="6" t="s">
        <v>14003</v>
      </c>
      <c r="E3212" s="22">
        <v>44650</v>
      </c>
      <c r="F3212" s="22">
        <v>46475</v>
      </c>
      <c r="G3212" s="6" t="s">
        <v>14004</v>
      </c>
      <c r="H3212" s="6" t="s">
        <v>18</v>
      </c>
      <c r="I3212" s="6" t="s">
        <v>1691</v>
      </c>
      <c r="J3212" s="6" t="s">
        <v>14005</v>
      </c>
      <c r="K3212" s="9" t="s">
        <v>14006</v>
      </c>
      <c r="L3212" s="10" t="s">
        <v>22</v>
      </c>
      <c r="M3212" s="10" t="s">
        <v>22</v>
      </c>
      <c r="N3212" s="10" t="s">
        <v>22</v>
      </c>
      <c r="O3212" s="10" t="s">
        <v>22</v>
      </c>
      <c r="P3212" s="10" t="s">
        <v>22</v>
      </c>
      <c r="Q3212" s="10" t="s">
        <v>22</v>
      </c>
      <c r="R3212" s="10" t="s">
        <v>22</v>
      </c>
      <c r="S3212" s="10" t="s">
        <v>22</v>
      </c>
      <c r="T3212" s="10" t="s">
        <v>22</v>
      </c>
      <c r="U3212" s="10" t="s">
        <v>22</v>
      </c>
      <c r="V3212" s="10" t="s">
        <v>22</v>
      </c>
      <c r="W3212" s="10" t="s">
        <v>22</v>
      </c>
      <c r="X3212" s="10" t="s">
        <v>22</v>
      </c>
      <c r="Y3212" s="10" t="s">
        <v>22</v>
      </c>
      <c r="Z3212" s="10" t="s">
        <v>22</v>
      </c>
    </row>
    <row r="3213" spans="1:26" ht="24" customHeight="1" x14ac:dyDescent="0.2">
      <c r="A3213" s="9" t="s">
        <v>20390</v>
      </c>
      <c r="B3213" s="9" t="s">
        <v>13966</v>
      </c>
      <c r="C3213" s="9" t="s">
        <v>178</v>
      </c>
      <c r="D3213" s="6" t="s">
        <v>14007</v>
      </c>
      <c r="E3213" s="22">
        <v>44650</v>
      </c>
      <c r="F3213" s="22">
        <v>46475</v>
      </c>
      <c r="G3213" s="6" t="s">
        <v>14008</v>
      </c>
      <c r="H3213" s="6" t="s">
        <v>18</v>
      </c>
      <c r="I3213" s="6" t="s">
        <v>392</v>
      </c>
      <c r="J3213" s="6" t="s">
        <v>14009</v>
      </c>
      <c r="K3213" s="9" t="s">
        <v>14010</v>
      </c>
      <c r="L3213" s="10" t="s">
        <v>22</v>
      </c>
      <c r="M3213" s="10" t="s">
        <v>22</v>
      </c>
      <c r="N3213" s="10" t="s">
        <v>22</v>
      </c>
      <c r="O3213" s="10" t="s">
        <v>22</v>
      </c>
      <c r="P3213" s="10" t="s">
        <v>22</v>
      </c>
      <c r="Q3213" s="10" t="s">
        <v>22</v>
      </c>
      <c r="R3213" s="10" t="s">
        <v>22</v>
      </c>
      <c r="S3213" s="10" t="s">
        <v>22</v>
      </c>
      <c r="T3213" s="10" t="s">
        <v>22</v>
      </c>
      <c r="U3213" s="10" t="s">
        <v>22</v>
      </c>
      <c r="V3213" s="10" t="s">
        <v>22</v>
      </c>
      <c r="W3213" s="10" t="s">
        <v>22</v>
      </c>
      <c r="X3213" s="10" t="s">
        <v>22</v>
      </c>
      <c r="Y3213" s="10" t="s">
        <v>22</v>
      </c>
      <c r="Z3213" s="10" t="s">
        <v>22</v>
      </c>
    </row>
    <row r="3214" spans="1:26" ht="24" customHeight="1" x14ac:dyDescent="0.2">
      <c r="A3214" s="9" t="s">
        <v>20391</v>
      </c>
      <c r="B3214" s="9" t="s">
        <v>13966</v>
      </c>
      <c r="C3214" s="9" t="s">
        <v>13733</v>
      </c>
      <c r="D3214" s="6" t="s">
        <v>14011</v>
      </c>
      <c r="E3214" s="22">
        <v>44660</v>
      </c>
      <c r="F3214" s="22">
        <v>46485</v>
      </c>
      <c r="G3214" s="6" t="s">
        <v>14012</v>
      </c>
      <c r="H3214" s="6" t="s">
        <v>18</v>
      </c>
      <c r="I3214" s="6" t="s">
        <v>392</v>
      </c>
      <c r="J3214" s="6" t="s">
        <v>14013</v>
      </c>
      <c r="L3214" s="10" t="s">
        <v>22</v>
      </c>
      <c r="M3214" s="10" t="s">
        <v>22</v>
      </c>
      <c r="N3214" s="10" t="s">
        <v>22</v>
      </c>
      <c r="O3214" s="10" t="s">
        <v>22</v>
      </c>
      <c r="P3214" s="10" t="s">
        <v>22</v>
      </c>
      <c r="Q3214" s="10" t="s">
        <v>22</v>
      </c>
      <c r="R3214" s="10" t="s">
        <v>22</v>
      </c>
      <c r="S3214" s="10" t="s">
        <v>22</v>
      </c>
      <c r="T3214" s="10" t="s">
        <v>22</v>
      </c>
      <c r="U3214" s="10" t="s">
        <v>22</v>
      </c>
      <c r="V3214" s="10" t="s">
        <v>22</v>
      </c>
      <c r="W3214" s="10" t="s">
        <v>22</v>
      </c>
      <c r="X3214" s="10" t="s">
        <v>22</v>
      </c>
      <c r="Y3214" s="10" t="s">
        <v>22</v>
      </c>
      <c r="Z3214" s="10" t="s">
        <v>22</v>
      </c>
    </row>
    <row r="3215" spans="1:26" ht="24" customHeight="1" x14ac:dyDescent="0.2">
      <c r="A3215" s="9" t="s">
        <v>20392</v>
      </c>
      <c r="B3215" s="9" t="s">
        <v>13966</v>
      </c>
      <c r="C3215" s="9" t="s">
        <v>14014</v>
      </c>
      <c r="D3215" s="6" t="s">
        <v>14015</v>
      </c>
      <c r="E3215" s="22">
        <v>44661</v>
      </c>
      <c r="F3215" s="22">
        <v>46486</v>
      </c>
      <c r="G3215" s="6" t="s">
        <v>14016</v>
      </c>
      <c r="H3215" s="6" t="s">
        <v>18</v>
      </c>
      <c r="I3215" s="6" t="s">
        <v>1691</v>
      </c>
      <c r="J3215" s="6" t="s">
        <v>14017</v>
      </c>
      <c r="K3215" s="9" t="s">
        <v>14018</v>
      </c>
      <c r="L3215" s="10" t="s">
        <v>22</v>
      </c>
      <c r="M3215" s="10" t="s">
        <v>22</v>
      </c>
      <c r="N3215" s="10" t="s">
        <v>22</v>
      </c>
      <c r="O3215" s="10" t="s">
        <v>22</v>
      </c>
      <c r="P3215" s="10" t="s">
        <v>22</v>
      </c>
      <c r="Q3215" s="10" t="s">
        <v>22</v>
      </c>
      <c r="U3215" s="10" t="s">
        <v>22</v>
      </c>
      <c r="V3215" s="10" t="s">
        <v>22</v>
      </c>
      <c r="W3215" s="10" t="s">
        <v>22</v>
      </c>
      <c r="X3215" s="10" t="s">
        <v>22</v>
      </c>
      <c r="Y3215" s="10" t="s">
        <v>22</v>
      </c>
      <c r="Z3215" s="10" t="s">
        <v>22</v>
      </c>
    </row>
    <row r="3216" spans="1:26" ht="24" customHeight="1" x14ac:dyDescent="0.2">
      <c r="A3216" s="9" t="s">
        <v>20393</v>
      </c>
      <c r="B3216" s="9" t="s">
        <v>13966</v>
      </c>
      <c r="C3216" s="9" t="s">
        <v>14019</v>
      </c>
      <c r="D3216" s="6" t="s">
        <v>14020</v>
      </c>
      <c r="E3216" s="22">
        <v>44669</v>
      </c>
      <c r="F3216" s="22">
        <v>46494</v>
      </c>
      <c r="G3216" s="6" t="s">
        <v>14021</v>
      </c>
      <c r="H3216" s="6" t="s">
        <v>18</v>
      </c>
      <c r="I3216" s="6" t="s">
        <v>1691</v>
      </c>
      <c r="J3216" s="6" t="s">
        <v>13998</v>
      </c>
      <c r="L3216" s="10" t="s">
        <v>22</v>
      </c>
      <c r="M3216" s="10" t="s">
        <v>22</v>
      </c>
      <c r="N3216" s="10" t="s">
        <v>22</v>
      </c>
      <c r="O3216" s="10" t="s">
        <v>22</v>
      </c>
      <c r="P3216" s="10" t="s">
        <v>22</v>
      </c>
      <c r="Q3216" s="10" t="s">
        <v>22</v>
      </c>
      <c r="U3216" s="10" t="s">
        <v>22</v>
      </c>
      <c r="V3216" s="10" t="s">
        <v>22</v>
      </c>
      <c r="W3216" s="10" t="s">
        <v>22</v>
      </c>
      <c r="X3216" s="10" t="s">
        <v>22</v>
      </c>
      <c r="Y3216" s="10" t="s">
        <v>22</v>
      </c>
      <c r="Z3216" s="10" t="s">
        <v>22</v>
      </c>
    </row>
    <row r="3217" spans="1:26" ht="24" customHeight="1" x14ac:dyDescent="0.2">
      <c r="A3217" s="9" t="s">
        <v>20394</v>
      </c>
      <c r="B3217" s="9" t="s">
        <v>13966</v>
      </c>
      <c r="C3217" s="9" t="s">
        <v>14022</v>
      </c>
      <c r="D3217" s="6" t="s">
        <v>14023</v>
      </c>
      <c r="E3217" s="22">
        <v>44671</v>
      </c>
      <c r="F3217" s="22">
        <v>46496</v>
      </c>
      <c r="G3217" s="6" t="s">
        <v>14024</v>
      </c>
      <c r="H3217" s="6" t="s">
        <v>18</v>
      </c>
      <c r="I3217" s="6" t="s">
        <v>392</v>
      </c>
      <c r="J3217" s="6" t="s">
        <v>14025</v>
      </c>
      <c r="K3217" s="9" t="s">
        <v>14026</v>
      </c>
      <c r="M3217" s="10" t="s">
        <v>22</v>
      </c>
      <c r="N3217" s="10" t="s">
        <v>22</v>
      </c>
      <c r="V3217" s="10" t="s">
        <v>22</v>
      </c>
      <c r="W3217" s="10" t="s">
        <v>22</v>
      </c>
    </row>
    <row r="3218" spans="1:26" ht="24" customHeight="1" x14ac:dyDescent="0.2">
      <c r="A3218" s="9" t="s">
        <v>20395</v>
      </c>
      <c r="B3218" s="9" t="s">
        <v>13966</v>
      </c>
      <c r="C3218" s="9" t="s">
        <v>14022</v>
      </c>
      <c r="D3218" s="6" t="s">
        <v>14023</v>
      </c>
      <c r="E3218" s="22">
        <v>44671</v>
      </c>
      <c r="F3218" s="22">
        <v>46496</v>
      </c>
      <c r="G3218" s="6" t="s">
        <v>14027</v>
      </c>
      <c r="H3218" s="6" t="s">
        <v>62</v>
      </c>
      <c r="I3218" s="6" t="s">
        <v>379</v>
      </c>
      <c r="J3218" s="6" t="s">
        <v>14028</v>
      </c>
      <c r="K3218" s="9" t="s">
        <v>14029</v>
      </c>
      <c r="M3218" s="10" t="s">
        <v>22</v>
      </c>
      <c r="N3218" s="10" t="s">
        <v>22</v>
      </c>
      <c r="V3218" s="10" t="s">
        <v>22</v>
      </c>
      <c r="W3218" s="10" t="s">
        <v>22</v>
      </c>
    </row>
    <row r="3219" spans="1:26" ht="24" customHeight="1" x14ac:dyDescent="0.2">
      <c r="A3219" s="9" t="s">
        <v>20396</v>
      </c>
      <c r="B3219" s="9" t="s">
        <v>13966</v>
      </c>
      <c r="C3219" s="9" t="s">
        <v>14030</v>
      </c>
      <c r="D3219" s="6" t="s">
        <v>14031</v>
      </c>
      <c r="E3219" s="22">
        <v>44676</v>
      </c>
      <c r="F3219" s="22">
        <v>46501</v>
      </c>
      <c r="G3219" s="6" t="s">
        <v>14032</v>
      </c>
      <c r="H3219" s="6" t="s">
        <v>18</v>
      </c>
      <c r="I3219" s="6" t="s">
        <v>1194</v>
      </c>
      <c r="J3219" s="6" t="s">
        <v>17126</v>
      </c>
      <c r="K3219" s="9" t="s">
        <v>14033</v>
      </c>
      <c r="L3219" s="10" t="s">
        <v>22</v>
      </c>
      <c r="M3219" s="10" t="s">
        <v>22</v>
      </c>
      <c r="N3219" s="10" t="s">
        <v>22</v>
      </c>
      <c r="O3219" s="10" t="s">
        <v>22</v>
      </c>
      <c r="P3219" s="10" t="s">
        <v>22</v>
      </c>
      <c r="U3219" s="10" t="s">
        <v>22</v>
      </c>
      <c r="V3219" s="10" t="s">
        <v>22</v>
      </c>
      <c r="W3219" s="10" t="s">
        <v>22</v>
      </c>
      <c r="X3219" s="10" t="s">
        <v>22</v>
      </c>
      <c r="Y3219" s="10" t="s">
        <v>22</v>
      </c>
    </row>
    <row r="3220" spans="1:26" ht="24" customHeight="1" x14ac:dyDescent="0.2">
      <c r="A3220" s="9" t="s">
        <v>20397</v>
      </c>
      <c r="B3220" s="9" t="s">
        <v>13966</v>
      </c>
      <c r="C3220" s="9" t="s">
        <v>226</v>
      </c>
      <c r="D3220" s="6" t="s">
        <v>14034</v>
      </c>
      <c r="E3220" s="22">
        <v>44697</v>
      </c>
      <c r="F3220" s="22">
        <v>46522</v>
      </c>
      <c r="G3220" s="6" t="s">
        <v>14035</v>
      </c>
      <c r="H3220" s="6" t="s">
        <v>18</v>
      </c>
      <c r="I3220" s="6" t="s">
        <v>392</v>
      </c>
      <c r="J3220" s="6" t="s">
        <v>14036</v>
      </c>
      <c r="K3220" s="9" t="s">
        <v>14037</v>
      </c>
      <c r="L3220" s="10" t="s">
        <v>22</v>
      </c>
      <c r="M3220" s="10" t="s">
        <v>22</v>
      </c>
      <c r="N3220" s="10" t="s">
        <v>22</v>
      </c>
      <c r="O3220" s="10" t="s">
        <v>22</v>
      </c>
      <c r="P3220" s="10" t="s">
        <v>22</v>
      </c>
      <c r="Q3220" s="10" t="s">
        <v>22</v>
      </c>
      <c r="R3220" s="10" t="s">
        <v>22</v>
      </c>
      <c r="S3220" s="10" t="s">
        <v>22</v>
      </c>
      <c r="T3220" s="10" t="s">
        <v>22</v>
      </c>
      <c r="U3220" s="10" t="s">
        <v>22</v>
      </c>
      <c r="V3220" s="10" t="s">
        <v>22</v>
      </c>
      <c r="W3220" s="10" t="s">
        <v>22</v>
      </c>
      <c r="X3220" s="10" t="s">
        <v>22</v>
      </c>
      <c r="Y3220" s="10" t="s">
        <v>22</v>
      </c>
      <c r="Z3220" s="10" t="s">
        <v>22</v>
      </c>
    </row>
    <row r="3221" spans="1:26" ht="24" customHeight="1" x14ac:dyDescent="0.2">
      <c r="A3221" s="9" t="s">
        <v>20398</v>
      </c>
      <c r="B3221" s="9" t="s">
        <v>13966</v>
      </c>
      <c r="C3221" s="9" t="s">
        <v>14038</v>
      </c>
      <c r="D3221" s="6" t="s">
        <v>14039</v>
      </c>
      <c r="E3221" s="22">
        <v>44709</v>
      </c>
      <c r="F3221" s="22">
        <v>46534</v>
      </c>
      <c r="G3221" s="6" t="s">
        <v>14040</v>
      </c>
      <c r="H3221" s="6" t="s">
        <v>18</v>
      </c>
      <c r="I3221" s="6" t="s">
        <v>5029</v>
      </c>
      <c r="J3221" s="6" t="s">
        <v>14041</v>
      </c>
      <c r="L3221" s="10" t="s">
        <v>22</v>
      </c>
      <c r="M3221" s="10" t="s">
        <v>22</v>
      </c>
      <c r="N3221" s="10" t="s">
        <v>22</v>
      </c>
      <c r="O3221" s="10" t="s">
        <v>22</v>
      </c>
      <c r="P3221" s="10" t="s">
        <v>22</v>
      </c>
      <c r="Q3221" s="10" t="s">
        <v>22</v>
      </c>
      <c r="U3221" s="10" t="s">
        <v>22</v>
      </c>
      <c r="V3221" s="10" t="s">
        <v>22</v>
      </c>
      <c r="W3221" s="10" t="s">
        <v>22</v>
      </c>
      <c r="X3221" s="10" t="s">
        <v>22</v>
      </c>
      <c r="Y3221" s="10" t="s">
        <v>22</v>
      </c>
      <c r="Z3221" s="10" t="s">
        <v>22</v>
      </c>
    </row>
    <row r="3222" spans="1:26" ht="24" customHeight="1" x14ac:dyDescent="0.2">
      <c r="A3222" s="9" t="s">
        <v>20399</v>
      </c>
      <c r="B3222" s="9" t="s">
        <v>13966</v>
      </c>
      <c r="C3222" s="9" t="s">
        <v>249</v>
      </c>
      <c r="D3222" s="6" t="s">
        <v>14042</v>
      </c>
      <c r="E3222" s="22">
        <v>44713</v>
      </c>
      <c r="F3222" s="22">
        <v>46538</v>
      </c>
      <c r="G3222" s="6" t="s">
        <v>14043</v>
      </c>
      <c r="H3222" s="6" t="s">
        <v>18</v>
      </c>
      <c r="I3222" s="6" t="s">
        <v>5029</v>
      </c>
      <c r="J3222" s="6" t="s">
        <v>14044</v>
      </c>
      <c r="K3222" s="9" t="s">
        <v>14045</v>
      </c>
      <c r="L3222" s="10" t="s">
        <v>22</v>
      </c>
      <c r="M3222" s="10" t="s">
        <v>22</v>
      </c>
      <c r="N3222" s="10" t="s">
        <v>22</v>
      </c>
      <c r="U3222" s="10" t="s">
        <v>22</v>
      </c>
      <c r="V3222" s="10" t="s">
        <v>22</v>
      </c>
      <c r="W3222" s="10" t="s">
        <v>22</v>
      </c>
    </row>
    <row r="3223" spans="1:26" ht="24" customHeight="1" x14ac:dyDescent="0.2">
      <c r="A3223" s="9" t="s">
        <v>20400</v>
      </c>
      <c r="B3223" s="9" t="s">
        <v>13966</v>
      </c>
      <c r="C3223" s="9" t="s">
        <v>261</v>
      </c>
      <c r="D3223" s="6" t="s">
        <v>14046</v>
      </c>
      <c r="E3223" s="22">
        <v>44717</v>
      </c>
      <c r="F3223" s="22">
        <v>46542</v>
      </c>
      <c r="G3223" s="6" t="s">
        <v>14047</v>
      </c>
      <c r="H3223" s="6" t="s">
        <v>18</v>
      </c>
      <c r="I3223" s="6" t="s">
        <v>1691</v>
      </c>
      <c r="J3223" s="6" t="s">
        <v>14048</v>
      </c>
      <c r="K3223" s="9" t="s">
        <v>14049</v>
      </c>
      <c r="L3223" s="10" t="s">
        <v>22</v>
      </c>
      <c r="M3223" s="10" t="s">
        <v>22</v>
      </c>
      <c r="N3223" s="10" t="s">
        <v>22</v>
      </c>
      <c r="U3223" s="10" t="s">
        <v>22</v>
      </c>
      <c r="V3223" s="10" t="s">
        <v>22</v>
      </c>
      <c r="W3223" s="10" t="s">
        <v>22</v>
      </c>
    </row>
    <row r="3224" spans="1:26" ht="24" customHeight="1" x14ac:dyDescent="0.2">
      <c r="A3224" s="9" t="s">
        <v>20401</v>
      </c>
      <c r="B3224" s="9" t="s">
        <v>13966</v>
      </c>
      <c r="C3224" s="9" t="s">
        <v>282</v>
      </c>
      <c r="D3224" s="6" t="s">
        <v>14050</v>
      </c>
      <c r="E3224" s="22">
        <v>44739</v>
      </c>
      <c r="F3224" s="22">
        <v>46564</v>
      </c>
      <c r="G3224" s="6" t="s">
        <v>14051</v>
      </c>
      <c r="H3224" s="6" t="s">
        <v>18</v>
      </c>
      <c r="I3224" s="6" t="s">
        <v>1691</v>
      </c>
      <c r="J3224" s="6" t="s">
        <v>14052</v>
      </c>
      <c r="L3224" s="10" t="s">
        <v>22</v>
      </c>
      <c r="M3224" s="10" t="s">
        <v>22</v>
      </c>
      <c r="N3224" s="10" t="s">
        <v>22</v>
      </c>
      <c r="O3224" s="10" t="s">
        <v>22</v>
      </c>
      <c r="P3224" s="10" t="s">
        <v>22</v>
      </c>
      <c r="Q3224" s="10" t="s">
        <v>22</v>
      </c>
      <c r="R3224" s="10" t="s">
        <v>22</v>
      </c>
      <c r="S3224" s="10" t="s">
        <v>22</v>
      </c>
      <c r="T3224" s="10" t="s">
        <v>22</v>
      </c>
      <c r="U3224" s="10" t="s">
        <v>22</v>
      </c>
      <c r="V3224" s="10" t="s">
        <v>22</v>
      </c>
      <c r="W3224" s="10" t="s">
        <v>22</v>
      </c>
      <c r="X3224" s="10" t="s">
        <v>22</v>
      </c>
      <c r="Y3224" s="10" t="s">
        <v>22</v>
      </c>
      <c r="Z3224" s="10" t="s">
        <v>22</v>
      </c>
    </row>
    <row r="3225" spans="1:26" ht="24" customHeight="1" x14ac:dyDescent="0.2">
      <c r="A3225" s="9" t="s">
        <v>20402</v>
      </c>
      <c r="B3225" s="9" t="s">
        <v>13966</v>
      </c>
      <c r="C3225" s="9" t="s">
        <v>315</v>
      </c>
      <c r="D3225" s="6" t="s">
        <v>14053</v>
      </c>
      <c r="E3225" s="22">
        <v>44748</v>
      </c>
      <c r="F3225" s="22">
        <v>46573</v>
      </c>
      <c r="G3225" s="6" t="s">
        <v>14054</v>
      </c>
      <c r="H3225" s="6" t="s">
        <v>18</v>
      </c>
      <c r="I3225" s="6" t="s">
        <v>1194</v>
      </c>
      <c r="J3225" s="6" t="s">
        <v>14055</v>
      </c>
      <c r="K3225" s="9" t="s">
        <v>14056</v>
      </c>
      <c r="L3225" s="10" t="s">
        <v>22</v>
      </c>
      <c r="M3225" s="10" t="s">
        <v>22</v>
      </c>
      <c r="N3225" s="10" t="s">
        <v>22</v>
      </c>
      <c r="O3225" s="10" t="s">
        <v>22</v>
      </c>
      <c r="P3225" s="10" t="s">
        <v>22</v>
      </c>
      <c r="Q3225" s="10" t="s">
        <v>22</v>
      </c>
      <c r="U3225" s="10" t="s">
        <v>22</v>
      </c>
      <c r="V3225" s="10" t="s">
        <v>22</v>
      </c>
      <c r="W3225" s="10" t="s">
        <v>22</v>
      </c>
      <c r="X3225" s="10" t="s">
        <v>22</v>
      </c>
      <c r="Y3225" s="10" t="s">
        <v>22</v>
      </c>
      <c r="Z3225" s="10" t="s">
        <v>22</v>
      </c>
    </row>
    <row r="3226" spans="1:26" ht="24" customHeight="1" x14ac:dyDescent="0.2">
      <c r="A3226" s="9" t="s">
        <v>20403</v>
      </c>
      <c r="B3226" s="9" t="s">
        <v>13966</v>
      </c>
      <c r="C3226" s="9" t="s">
        <v>13872</v>
      </c>
      <c r="D3226" s="6" t="s">
        <v>14057</v>
      </c>
      <c r="E3226" s="22">
        <v>44873</v>
      </c>
      <c r="F3226" s="22">
        <v>46698</v>
      </c>
      <c r="G3226" s="6" t="s">
        <v>14058</v>
      </c>
      <c r="H3226" s="6" t="s">
        <v>18</v>
      </c>
      <c r="I3226" s="6" t="s">
        <v>5029</v>
      </c>
      <c r="J3226" s="6" t="s">
        <v>14059</v>
      </c>
      <c r="K3226" s="9" t="s">
        <v>14060</v>
      </c>
      <c r="L3226" s="10" t="s">
        <v>22</v>
      </c>
      <c r="M3226" s="10" t="s">
        <v>22</v>
      </c>
      <c r="N3226" s="10" t="s">
        <v>22</v>
      </c>
      <c r="O3226" s="10" t="s">
        <v>22</v>
      </c>
      <c r="P3226" s="10" t="s">
        <v>22</v>
      </c>
      <c r="Q3226" s="10" t="s">
        <v>22</v>
      </c>
      <c r="R3226" s="10" t="s">
        <v>22</v>
      </c>
      <c r="S3226" s="10" t="s">
        <v>22</v>
      </c>
      <c r="T3226" s="10" t="s">
        <v>22</v>
      </c>
    </row>
    <row r="3227" spans="1:26" ht="24" customHeight="1" x14ac:dyDescent="0.2">
      <c r="A3227" s="9" t="s">
        <v>20404</v>
      </c>
      <c r="B3227" s="9" t="s">
        <v>13966</v>
      </c>
      <c r="C3227" s="9" t="s">
        <v>13872</v>
      </c>
      <c r="D3227" s="6" t="s">
        <v>14057</v>
      </c>
      <c r="E3227" s="22">
        <v>44873</v>
      </c>
      <c r="F3227" s="22">
        <v>46698</v>
      </c>
      <c r="G3227" s="6" t="s">
        <v>14061</v>
      </c>
      <c r="H3227" s="6" t="s">
        <v>18</v>
      </c>
      <c r="I3227" s="6" t="s">
        <v>5029</v>
      </c>
      <c r="J3227" s="6" t="s">
        <v>14062</v>
      </c>
      <c r="K3227" s="9" t="s">
        <v>14063</v>
      </c>
      <c r="L3227" s="10" t="s">
        <v>22</v>
      </c>
      <c r="M3227" s="10" t="s">
        <v>22</v>
      </c>
      <c r="N3227" s="10" t="s">
        <v>22</v>
      </c>
      <c r="O3227" s="10" t="s">
        <v>22</v>
      </c>
      <c r="P3227" s="10" t="s">
        <v>22</v>
      </c>
      <c r="Q3227" s="10" t="s">
        <v>22</v>
      </c>
      <c r="R3227" s="10" t="s">
        <v>22</v>
      </c>
      <c r="S3227" s="10" t="s">
        <v>22</v>
      </c>
      <c r="T3227" s="10" t="s">
        <v>22</v>
      </c>
    </row>
    <row r="3228" spans="1:26" ht="24" customHeight="1" x14ac:dyDescent="0.2">
      <c r="A3228" s="9" t="s">
        <v>20405</v>
      </c>
      <c r="B3228" s="9" t="s">
        <v>13966</v>
      </c>
      <c r="C3228" s="9" t="s">
        <v>13877</v>
      </c>
      <c r="D3228" s="6" t="s">
        <v>14064</v>
      </c>
      <c r="E3228" s="22">
        <v>44888</v>
      </c>
      <c r="F3228" s="22">
        <v>46713</v>
      </c>
      <c r="G3228" s="6" t="s">
        <v>14065</v>
      </c>
      <c r="H3228" s="6" t="s">
        <v>18</v>
      </c>
      <c r="I3228" s="6" t="s">
        <v>392</v>
      </c>
      <c r="J3228" s="6" t="s">
        <v>14066</v>
      </c>
      <c r="K3228" s="9" t="s">
        <v>14067</v>
      </c>
      <c r="L3228" s="10" t="s">
        <v>22</v>
      </c>
      <c r="M3228" s="10" t="s">
        <v>22</v>
      </c>
      <c r="N3228" s="10" t="s">
        <v>22</v>
      </c>
      <c r="O3228" s="10" t="s">
        <v>22</v>
      </c>
      <c r="P3228" s="10" t="s">
        <v>22</v>
      </c>
      <c r="Q3228" s="10" t="s">
        <v>22</v>
      </c>
      <c r="U3228" s="10" t="s">
        <v>22</v>
      </c>
      <c r="V3228" s="10" t="s">
        <v>22</v>
      </c>
      <c r="W3228" s="10" t="s">
        <v>22</v>
      </c>
      <c r="X3228" s="10" t="s">
        <v>22</v>
      </c>
      <c r="Y3228" s="10" t="s">
        <v>22</v>
      </c>
      <c r="Z3228" s="10" t="s">
        <v>22</v>
      </c>
    </row>
    <row r="3229" spans="1:26" ht="24" customHeight="1" x14ac:dyDescent="0.2">
      <c r="A3229" s="9" t="s">
        <v>20406</v>
      </c>
      <c r="B3229" s="9" t="s">
        <v>13966</v>
      </c>
      <c r="C3229" s="9" t="s">
        <v>376</v>
      </c>
      <c r="D3229" s="6" t="s">
        <v>14068</v>
      </c>
      <c r="E3229" s="22">
        <v>44965</v>
      </c>
      <c r="F3229" s="22">
        <v>46790</v>
      </c>
      <c r="G3229" s="6" t="s">
        <v>14069</v>
      </c>
      <c r="H3229" s="6" t="s">
        <v>18</v>
      </c>
      <c r="I3229" s="6" t="s">
        <v>392</v>
      </c>
      <c r="J3229" s="6" t="s">
        <v>14070</v>
      </c>
      <c r="L3229" s="10" t="s">
        <v>22</v>
      </c>
      <c r="M3229" s="10" t="s">
        <v>22</v>
      </c>
      <c r="N3229" s="10" t="s">
        <v>22</v>
      </c>
      <c r="O3229" s="10" t="s">
        <v>22</v>
      </c>
      <c r="P3229" s="10" t="s">
        <v>22</v>
      </c>
      <c r="Q3229" s="10" t="s">
        <v>22</v>
      </c>
      <c r="R3229" s="10" t="s">
        <v>22</v>
      </c>
      <c r="S3229" s="10" t="s">
        <v>22</v>
      </c>
      <c r="T3229" s="10" t="s">
        <v>22</v>
      </c>
      <c r="U3229" s="10" t="s">
        <v>22</v>
      </c>
      <c r="V3229" s="10" t="s">
        <v>22</v>
      </c>
      <c r="W3229" s="10" t="s">
        <v>22</v>
      </c>
      <c r="X3229" s="10" t="s">
        <v>22</v>
      </c>
      <c r="Y3229" s="10" t="s">
        <v>22</v>
      </c>
      <c r="Z3229" s="10" t="s">
        <v>22</v>
      </c>
    </row>
    <row r="3230" spans="1:26" ht="24" customHeight="1" x14ac:dyDescent="0.2">
      <c r="A3230" s="9" t="s">
        <v>20407</v>
      </c>
      <c r="B3230" s="9" t="s">
        <v>13966</v>
      </c>
      <c r="C3230" s="9" t="s">
        <v>13905</v>
      </c>
      <c r="D3230" s="6" t="s">
        <v>14071</v>
      </c>
      <c r="E3230" s="22">
        <v>44997</v>
      </c>
      <c r="F3230" s="22">
        <v>46823</v>
      </c>
      <c r="G3230" s="6" t="s">
        <v>14072</v>
      </c>
      <c r="H3230" s="6" t="s">
        <v>18</v>
      </c>
      <c r="I3230" s="6" t="s">
        <v>392</v>
      </c>
      <c r="J3230" s="6" t="s">
        <v>14073</v>
      </c>
      <c r="K3230" s="9" t="s">
        <v>14074</v>
      </c>
      <c r="O3230" s="10" t="s">
        <v>22</v>
      </c>
      <c r="P3230" s="10" t="s">
        <v>22</v>
      </c>
      <c r="Q3230" s="10" t="s">
        <v>22</v>
      </c>
      <c r="X3230" s="10" t="s">
        <v>22</v>
      </c>
      <c r="Y3230" s="10" t="s">
        <v>22</v>
      </c>
      <c r="Z3230" s="10" t="s">
        <v>22</v>
      </c>
    </row>
    <row r="3231" spans="1:26" ht="24" customHeight="1" x14ac:dyDescent="0.2">
      <c r="A3231" s="9" t="s">
        <v>20408</v>
      </c>
      <c r="B3231" s="9" t="s">
        <v>13966</v>
      </c>
      <c r="C3231" s="9" t="s">
        <v>13920</v>
      </c>
      <c r="D3231" s="6" t="s">
        <v>14075</v>
      </c>
      <c r="E3231" s="22">
        <v>45056</v>
      </c>
      <c r="F3231" s="22">
        <v>46882</v>
      </c>
      <c r="G3231" s="6" t="s">
        <v>14076</v>
      </c>
      <c r="H3231" s="6" t="s">
        <v>18</v>
      </c>
      <c r="I3231" s="6" t="s">
        <v>172</v>
      </c>
      <c r="J3231" s="6" t="s">
        <v>14077</v>
      </c>
      <c r="K3231" s="9" t="s">
        <v>14078</v>
      </c>
      <c r="L3231" s="10" t="s">
        <v>22</v>
      </c>
      <c r="M3231" s="10" t="s">
        <v>22</v>
      </c>
      <c r="N3231" s="10" t="s">
        <v>22</v>
      </c>
      <c r="O3231" s="10" t="s">
        <v>22</v>
      </c>
      <c r="P3231" s="10" t="s">
        <v>22</v>
      </c>
      <c r="Q3231" s="10" t="s">
        <v>22</v>
      </c>
      <c r="R3231" s="10" t="s">
        <v>22</v>
      </c>
      <c r="S3231" s="10" t="s">
        <v>22</v>
      </c>
      <c r="T3231" s="10" t="s">
        <v>22</v>
      </c>
      <c r="U3231" s="10" t="s">
        <v>22</v>
      </c>
      <c r="V3231" s="10" t="s">
        <v>22</v>
      </c>
      <c r="W3231" s="10" t="s">
        <v>22</v>
      </c>
      <c r="X3231" s="10" t="s">
        <v>22</v>
      </c>
      <c r="Y3231" s="10" t="s">
        <v>22</v>
      </c>
      <c r="Z3231" s="10" t="s">
        <v>22</v>
      </c>
    </row>
    <row r="3232" spans="1:26" ht="24" customHeight="1" x14ac:dyDescent="0.2">
      <c r="A3232" s="9" t="s">
        <v>20409</v>
      </c>
      <c r="B3232" s="9" t="s">
        <v>13966</v>
      </c>
      <c r="C3232" s="9" t="s">
        <v>406</v>
      </c>
      <c r="D3232" s="6" t="s">
        <v>14079</v>
      </c>
      <c r="E3232" s="22">
        <v>45118</v>
      </c>
      <c r="F3232" s="22">
        <v>46944</v>
      </c>
      <c r="G3232" s="6" t="s">
        <v>14080</v>
      </c>
      <c r="H3232" s="6" t="s">
        <v>18</v>
      </c>
      <c r="I3232" s="6" t="s">
        <v>5029</v>
      </c>
      <c r="J3232" s="6" t="s">
        <v>14081</v>
      </c>
      <c r="K3232" s="9" t="s">
        <v>14082</v>
      </c>
      <c r="L3232" s="10" t="s">
        <v>22</v>
      </c>
      <c r="M3232" s="10" t="s">
        <v>22</v>
      </c>
      <c r="N3232" s="10" t="s">
        <v>22</v>
      </c>
      <c r="U3232" s="10" t="s">
        <v>22</v>
      </c>
      <c r="V3232" s="10" t="s">
        <v>22</v>
      </c>
      <c r="W3232" s="10" t="s">
        <v>22</v>
      </c>
      <c r="X3232" s="10" t="s">
        <v>22</v>
      </c>
      <c r="Y3232" s="10" t="s">
        <v>22</v>
      </c>
      <c r="Z3232" s="10" t="s">
        <v>22</v>
      </c>
    </row>
    <row r="3233" spans="1:26" ht="24" customHeight="1" x14ac:dyDescent="0.2">
      <c r="A3233" s="9" t="s">
        <v>20410</v>
      </c>
      <c r="B3233" s="9" t="s">
        <v>13966</v>
      </c>
      <c r="C3233" s="9" t="s">
        <v>411</v>
      </c>
      <c r="D3233" s="6" t="s">
        <v>14083</v>
      </c>
      <c r="E3233" s="22">
        <v>45132</v>
      </c>
      <c r="F3233" s="22">
        <v>46958</v>
      </c>
      <c r="G3233" s="6" t="s">
        <v>14084</v>
      </c>
      <c r="H3233" s="6" t="s">
        <v>18</v>
      </c>
      <c r="I3233" s="6" t="s">
        <v>1691</v>
      </c>
      <c r="J3233" s="6" t="s">
        <v>14085</v>
      </c>
      <c r="K3233" s="9" t="s">
        <v>14086</v>
      </c>
      <c r="M3233" s="10" t="s">
        <v>22</v>
      </c>
      <c r="N3233" s="10" t="s">
        <v>22</v>
      </c>
      <c r="V3233" s="10" t="s">
        <v>22</v>
      </c>
      <c r="W3233" s="10" t="s">
        <v>22</v>
      </c>
    </row>
    <row r="3234" spans="1:26" ht="24" customHeight="1" x14ac:dyDescent="0.2">
      <c r="A3234" s="9" t="s">
        <v>20411</v>
      </c>
      <c r="B3234" s="9" t="s">
        <v>13966</v>
      </c>
      <c r="C3234" s="9" t="s">
        <v>13944</v>
      </c>
      <c r="D3234" s="6" t="s">
        <v>14087</v>
      </c>
      <c r="E3234" s="22">
        <v>45182</v>
      </c>
      <c r="F3234" s="22">
        <v>47008</v>
      </c>
      <c r="G3234" s="6" t="s">
        <v>14088</v>
      </c>
      <c r="H3234" s="6" t="s">
        <v>18</v>
      </c>
      <c r="I3234" s="6" t="s">
        <v>392</v>
      </c>
      <c r="J3234" s="6" t="s">
        <v>14089</v>
      </c>
      <c r="K3234" s="9" t="s">
        <v>14090</v>
      </c>
      <c r="L3234" s="10" t="s">
        <v>22</v>
      </c>
      <c r="M3234" s="10" t="s">
        <v>22</v>
      </c>
      <c r="N3234" s="10" t="s">
        <v>22</v>
      </c>
      <c r="O3234" s="10" t="s">
        <v>22</v>
      </c>
      <c r="P3234" s="10" t="s">
        <v>22</v>
      </c>
      <c r="Q3234" s="10" t="s">
        <v>22</v>
      </c>
      <c r="R3234" s="10" t="s">
        <v>22</v>
      </c>
      <c r="S3234" s="10" t="s">
        <v>22</v>
      </c>
      <c r="T3234" s="10" t="s">
        <v>22</v>
      </c>
      <c r="U3234" s="10" t="s">
        <v>22</v>
      </c>
      <c r="V3234" s="10" t="s">
        <v>22</v>
      </c>
      <c r="W3234" s="10" t="s">
        <v>22</v>
      </c>
      <c r="X3234" s="10" t="s">
        <v>22</v>
      </c>
      <c r="Y3234" s="10" t="s">
        <v>22</v>
      </c>
      <c r="Z3234" s="10" t="s">
        <v>22</v>
      </c>
    </row>
    <row r="3235" spans="1:26" ht="24" customHeight="1" x14ac:dyDescent="0.2">
      <c r="A3235" s="9" t="s">
        <v>20412</v>
      </c>
      <c r="B3235" s="9" t="s">
        <v>13966</v>
      </c>
      <c r="C3235" s="9" t="s">
        <v>13955</v>
      </c>
      <c r="D3235" s="6" t="s">
        <v>14091</v>
      </c>
      <c r="E3235" s="22">
        <v>45235</v>
      </c>
      <c r="F3235" s="22">
        <v>47061</v>
      </c>
      <c r="G3235" s="6" t="s">
        <v>14092</v>
      </c>
      <c r="H3235" s="6" t="s">
        <v>18</v>
      </c>
      <c r="I3235" s="6" t="s">
        <v>10786</v>
      </c>
      <c r="J3235" s="6" t="s">
        <v>14093</v>
      </c>
      <c r="K3235" s="9" t="s">
        <v>14094</v>
      </c>
      <c r="L3235" s="10" t="s">
        <v>22</v>
      </c>
      <c r="M3235" s="10" t="s">
        <v>22</v>
      </c>
      <c r="N3235" s="10" t="s">
        <v>22</v>
      </c>
      <c r="O3235" s="10" t="s">
        <v>22</v>
      </c>
      <c r="P3235" s="10" t="s">
        <v>22</v>
      </c>
      <c r="Q3235" s="10" t="s">
        <v>22</v>
      </c>
      <c r="S3235" s="10" t="s">
        <v>22</v>
      </c>
      <c r="T3235" s="10" t="s">
        <v>22</v>
      </c>
      <c r="U3235" s="10" t="s">
        <v>22</v>
      </c>
      <c r="V3235" s="10" t="s">
        <v>22</v>
      </c>
      <c r="W3235" s="10" t="s">
        <v>22</v>
      </c>
      <c r="X3235" s="10" t="s">
        <v>22</v>
      </c>
      <c r="Y3235" s="10" t="s">
        <v>22</v>
      </c>
      <c r="Z3235" s="10" t="s">
        <v>22</v>
      </c>
    </row>
    <row r="3236" spans="1:26" ht="24" customHeight="1" x14ac:dyDescent="0.2">
      <c r="A3236" s="9" t="s">
        <v>20413</v>
      </c>
      <c r="B3236" s="9" t="s">
        <v>13966</v>
      </c>
      <c r="C3236" s="9" t="s">
        <v>422</v>
      </c>
      <c r="D3236" s="6" t="s">
        <v>14095</v>
      </c>
      <c r="E3236" s="22">
        <v>45257</v>
      </c>
      <c r="F3236" s="22">
        <v>47083</v>
      </c>
      <c r="G3236" s="6" t="s">
        <v>14096</v>
      </c>
      <c r="H3236" s="6" t="s">
        <v>18</v>
      </c>
      <c r="I3236" s="6" t="s">
        <v>392</v>
      </c>
      <c r="J3236" s="6" t="s">
        <v>14097</v>
      </c>
      <c r="L3236" s="10" t="s">
        <v>22</v>
      </c>
      <c r="M3236" s="10" t="s">
        <v>22</v>
      </c>
      <c r="N3236" s="10" t="s">
        <v>22</v>
      </c>
      <c r="O3236" s="10" t="s">
        <v>22</v>
      </c>
      <c r="P3236" s="10" t="s">
        <v>22</v>
      </c>
      <c r="Q3236" s="10" t="s">
        <v>22</v>
      </c>
      <c r="R3236" s="10" t="s">
        <v>22</v>
      </c>
      <c r="S3236" s="10" t="s">
        <v>22</v>
      </c>
      <c r="T3236" s="10" t="s">
        <v>22</v>
      </c>
      <c r="U3236" s="10" t="s">
        <v>22</v>
      </c>
      <c r="V3236" s="10" t="s">
        <v>22</v>
      </c>
      <c r="W3236" s="10" t="s">
        <v>22</v>
      </c>
      <c r="X3236" s="10" t="s">
        <v>22</v>
      </c>
      <c r="Y3236" s="10" t="s">
        <v>22</v>
      </c>
      <c r="Z3236" s="10" t="s">
        <v>22</v>
      </c>
    </row>
    <row r="3237" spans="1:26" ht="24" customHeight="1" x14ac:dyDescent="0.2">
      <c r="A3237" s="9" t="s">
        <v>20414</v>
      </c>
      <c r="B3237" s="9" t="s">
        <v>13966</v>
      </c>
      <c r="C3237" s="9" t="s">
        <v>14098</v>
      </c>
      <c r="D3237" s="6" t="s">
        <v>14099</v>
      </c>
      <c r="E3237" s="22">
        <v>45353</v>
      </c>
      <c r="F3237" s="22">
        <v>47178</v>
      </c>
      <c r="G3237" s="6" t="s">
        <v>14100</v>
      </c>
      <c r="H3237" s="6" t="s">
        <v>18</v>
      </c>
      <c r="I3237" s="6" t="s">
        <v>392</v>
      </c>
      <c r="J3237" s="6" t="s">
        <v>14101</v>
      </c>
      <c r="L3237" s="10" t="s">
        <v>22</v>
      </c>
      <c r="M3237" s="10" t="s">
        <v>22</v>
      </c>
      <c r="N3237" s="10" t="s">
        <v>22</v>
      </c>
      <c r="O3237" s="10" t="s">
        <v>22</v>
      </c>
      <c r="P3237" s="10" t="s">
        <v>22</v>
      </c>
      <c r="Q3237" s="10" t="s">
        <v>22</v>
      </c>
      <c r="R3237" s="10" t="s">
        <v>22</v>
      </c>
      <c r="S3237" s="10" t="s">
        <v>22</v>
      </c>
      <c r="T3237" s="10" t="s">
        <v>22</v>
      </c>
      <c r="U3237" s="10" t="s">
        <v>22</v>
      </c>
      <c r="V3237" s="10" t="s">
        <v>22</v>
      </c>
      <c r="W3237" s="10" t="s">
        <v>22</v>
      </c>
      <c r="X3237" s="10" t="s">
        <v>22</v>
      </c>
      <c r="Y3237" s="10" t="s">
        <v>22</v>
      </c>
      <c r="Z3237" s="10" t="s">
        <v>22</v>
      </c>
    </row>
    <row r="3238" spans="1:26" ht="24" customHeight="1" x14ac:dyDescent="0.2">
      <c r="A3238" s="9" t="s">
        <v>20415</v>
      </c>
      <c r="B3238" s="9" t="s">
        <v>13966</v>
      </c>
      <c r="C3238" s="9" t="s">
        <v>458</v>
      </c>
      <c r="D3238" s="6" t="s">
        <v>14102</v>
      </c>
      <c r="E3238" s="22">
        <v>45466</v>
      </c>
      <c r="F3238" s="22">
        <v>47291</v>
      </c>
      <c r="G3238" s="6" t="s">
        <v>14103</v>
      </c>
      <c r="H3238" s="6" t="s">
        <v>18</v>
      </c>
      <c r="I3238" s="6" t="s">
        <v>1194</v>
      </c>
      <c r="J3238" s="6" t="s">
        <v>14104</v>
      </c>
      <c r="K3238" s="9" t="s">
        <v>14105</v>
      </c>
      <c r="L3238" s="10" t="s">
        <v>22</v>
      </c>
      <c r="M3238" s="10" t="s">
        <v>22</v>
      </c>
      <c r="N3238" s="10" t="s">
        <v>22</v>
      </c>
      <c r="O3238" s="10" t="s">
        <v>22</v>
      </c>
      <c r="P3238" s="10" t="s">
        <v>22</v>
      </c>
      <c r="Q3238" s="10" t="s">
        <v>22</v>
      </c>
      <c r="U3238" s="10" t="s">
        <v>22</v>
      </c>
      <c r="V3238" s="10" t="s">
        <v>22</v>
      </c>
      <c r="W3238" s="10" t="s">
        <v>22</v>
      </c>
      <c r="X3238" s="10" t="s">
        <v>22</v>
      </c>
      <c r="Y3238" s="10" t="s">
        <v>22</v>
      </c>
      <c r="Z3238" s="10" t="s">
        <v>22</v>
      </c>
    </row>
    <row r="3239" spans="1:26" ht="24" customHeight="1" x14ac:dyDescent="0.2">
      <c r="A3239" s="9" t="s">
        <v>21336</v>
      </c>
      <c r="B3239" s="9" t="s">
        <v>13966</v>
      </c>
      <c r="C3239" s="9" t="s">
        <v>14106</v>
      </c>
      <c r="D3239" s="6" t="s">
        <v>14107</v>
      </c>
      <c r="E3239" s="22">
        <v>45573</v>
      </c>
      <c r="F3239" s="22">
        <v>47398</v>
      </c>
      <c r="G3239" s="6" t="s">
        <v>14108</v>
      </c>
      <c r="H3239" s="6" t="s">
        <v>18</v>
      </c>
      <c r="I3239" s="6" t="s">
        <v>1194</v>
      </c>
      <c r="J3239" s="6" t="s">
        <v>14109</v>
      </c>
      <c r="K3239" s="9" t="s">
        <v>14110</v>
      </c>
      <c r="L3239" s="10" t="s">
        <v>22</v>
      </c>
      <c r="M3239" s="10" t="s">
        <v>22</v>
      </c>
      <c r="N3239" s="10" t="s">
        <v>22</v>
      </c>
      <c r="O3239" s="10" t="s">
        <v>22</v>
      </c>
      <c r="P3239" s="10" t="s">
        <v>22</v>
      </c>
      <c r="Q3239" s="10" t="s">
        <v>22</v>
      </c>
      <c r="S3239" s="10" t="s">
        <v>22</v>
      </c>
      <c r="W3239" s="10" t="s">
        <v>22</v>
      </c>
    </row>
    <row r="3240" spans="1:26" ht="24" customHeight="1" x14ac:dyDescent="0.2">
      <c r="A3240" s="9" t="s">
        <v>21337</v>
      </c>
      <c r="B3240" s="9" t="s">
        <v>13966</v>
      </c>
      <c r="C3240" s="9" t="s">
        <v>480</v>
      </c>
      <c r="D3240" s="6" t="s">
        <v>14111</v>
      </c>
      <c r="E3240" s="22">
        <v>45643</v>
      </c>
      <c r="F3240" s="22">
        <v>47468</v>
      </c>
      <c r="G3240" s="6" t="s">
        <v>14112</v>
      </c>
      <c r="H3240" s="6" t="s">
        <v>18</v>
      </c>
      <c r="I3240" s="6" t="s">
        <v>1145</v>
      </c>
      <c r="J3240" s="6" t="s">
        <v>14113</v>
      </c>
      <c r="K3240" s="9" t="s">
        <v>14114</v>
      </c>
      <c r="L3240" s="10" t="s">
        <v>22</v>
      </c>
      <c r="M3240" s="10" t="s">
        <v>22</v>
      </c>
      <c r="N3240" s="10" t="s">
        <v>22</v>
      </c>
      <c r="O3240" s="10" t="s">
        <v>22</v>
      </c>
      <c r="P3240" s="10" t="s">
        <v>22</v>
      </c>
      <c r="Q3240" s="10" t="s">
        <v>22</v>
      </c>
      <c r="R3240" s="10" t="s">
        <v>22</v>
      </c>
      <c r="S3240" s="10" t="s">
        <v>22</v>
      </c>
      <c r="T3240" s="10" t="s">
        <v>22</v>
      </c>
    </row>
    <row r="3241" spans="1:26" ht="24" customHeight="1" x14ac:dyDescent="0.2">
      <c r="A3241" s="9" t="s">
        <v>20416</v>
      </c>
      <c r="B3241" s="9" t="s">
        <v>13966</v>
      </c>
      <c r="C3241" s="9" t="s">
        <v>485</v>
      </c>
      <c r="D3241" s="6" t="s">
        <v>14115</v>
      </c>
      <c r="E3241" s="22">
        <v>43919</v>
      </c>
      <c r="F3241" s="22">
        <v>45744</v>
      </c>
      <c r="G3241" s="6" t="s">
        <v>14116</v>
      </c>
      <c r="H3241" s="6" t="s">
        <v>18</v>
      </c>
      <c r="I3241" s="6" t="s">
        <v>1145</v>
      </c>
      <c r="J3241" s="6" t="s">
        <v>14117</v>
      </c>
      <c r="K3241" s="9" t="s">
        <v>14118</v>
      </c>
      <c r="L3241" s="10" t="s">
        <v>22</v>
      </c>
      <c r="M3241" s="10" t="s">
        <v>22</v>
      </c>
      <c r="N3241" s="10" t="s">
        <v>22</v>
      </c>
      <c r="O3241" s="10" t="s">
        <v>22</v>
      </c>
      <c r="P3241" s="10" t="s">
        <v>22</v>
      </c>
      <c r="Q3241" s="10" t="s">
        <v>22</v>
      </c>
      <c r="R3241" s="10" t="s">
        <v>22</v>
      </c>
      <c r="S3241" s="10" t="s">
        <v>22</v>
      </c>
      <c r="T3241" s="10" t="s">
        <v>22</v>
      </c>
      <c r="U3241" s="10" t="s">
        <v>22</v>
      </c>
      <c r="V3241" s="10" t="s">
        <v>22</v>
      </c>
      <c r="W3241" s="10" t="s">
        <v>22</v>
      </c>
      <c r="X3241" s="10" t="s">
        <v>22</v>
      </c>
      <c r="Y3241" s="10" t="s">
        <v>22</v>
      </c>
      <c r="Z3241" s="10" t="s">
        <v>22</v>
      </c>
    </row>
    <row r="3242" spans="1:26" ht="24" customHeight="1" x14ac:dyDescent="0.2">
      <c r="A3242" s="9" t="s">
        <v>20417</v>
      </c>
      <c r="B3242" s="9" t="s">
        <v>13966</v>
      </c>
      <c r="C3242" s="9" t="s">
        <v>490</v>
      </c>
      <c r="D3242" s="6" t="s">
        <v>14119</v>
      </c>
      <c r="E3242" s="22">
        <v>43947</v>
      </c>
      <c r="F3242" s="22">
        <v>45772</v>
      </c>
      <c r="G3242" s="6" t="s">
        <v>14120</v>
      </c>
      <c r="H3242" s="6" t="s">
        <v>18</v>
      </c>
      <c r="I3242" s="6" t="s">
        <v>1145</v>
      </c>
      <c r="J3242" s="6" t="s">
        <v>14121</v>
      </c>
      <c r="K3242" s="9" t="s">
        <v>14122</v>
      </c>
      <c r="L3242" s="10" t="s">
        <v>22</v>
      </c>
      <c r="M3242" s="10" t="s">
        <v>22</v>
      </c>
      <c r="N3242" s="10" t="s">
        <v>22</v>
      </c>
      <c r="O3242" s="10" t="s">
        <v>22</v>
      </c>
      <c r="P3242" s="10" t="s">
        <v>22</v>
      </c>
      <c r="Q3242" s="10" t="s">
        <v>22</v>
      </c>
      <c r="R3242" s="10" t="s">
        <v>22</v>
      </c>
      <c r="S3242" s="10" t="s">
        <v>22</v>
      </c>
      <c r="T3242" s="10" t="s">
        <v>22</v>
      </c>
      <c r="U3242" s="10" t="s">
        <v>22</v>
      </c>
      <c r="V3242" s="10" t="s">
        <v>22</v>
      </c>
      <c r="W3242" s="10" t="s">
        <v>22</v>
      </c>
      <c r="X3242" s="10" t="s">
        <v>22</v>
      </c>
      <c r="Y3242" s="10" t="s">
        <v>22</v>
      </c>
      <c r="Z3242" s="10" t="s">
        <v>22</v>
      </c>
    </row>
    <row r="3243" spans="1:26" ht="24" customHeight="1" x14ac:dyDescent="0.2">
      <c r="A3243" s="9" t="s">
        <v>20418</v>
      </c>
      <c r="B3243" s="9" t="s">
        <v>13966</v>
      </c>
      <c r="C3243" s="9" t="s">
        <v>14123</v>
      </c>
      <c r="D3243" s="6" t="s">
        <v>14124</v>
      </c>
      <c r="E3243" s="22">
        <v>43964</v>
      </c>
      <c r="F3243" s="22">
        <v>45789</v>
      </c>
      <c r="G3243" s="6" t="s">
        <v>14125</v>
      </c>
      <c r="H3243" s="6" t="s">
        <v>18</v>
      </c>
      <c r="I3243" s="6" t="s">
        <v>392</v>
      </c>
      <c r="J3243" s="6" t="s">
        <v>14126</v>
      </c>
      <c r="K3243" s="9" t="s">
        <v>14127</v>
      </c>
      <c r="L3243" s="10" t="s">
        <v>22</v>
      </c>
      <c r="M3243" s="10" t="s">
        <v>22</v>
      </c>
      <c r="N3243" s="10" t="s">
        <v>22</v>
      </c>
      <c r="O3243" s="10" t="s">
        <v>22</v>
      </c>
      <c r="P3243" s="10" t="s">
        <v>22</v>
      </c>
      <c r="Q3243" s="10" t="s">
        <v>22</v>
      </c>
    </row>
    <row r="3244" spans="1:26" ht="24" customHeight="1" x14ac:dyDescent="0.2">
      <c r="A3244" s="9" t="s">
        <v>20419</v>
      </c>
      <c r="B3244" s="9" t="s">
        <v>13966</v>
      </c>
      <c r="C3244" s="9" t="s">
        <v>14128</v>
      </c>
      <c r="D3244" s="6" t="s">
        <v>14129</v>
      </c>
      <c r="E3244" s="22">
        <v>44825</v>
      </c>
      <c r="F3244" s="22">
        <v>46650</v>
      </c>
      <c r="G3244" s="6" t="s">
        <v>14130</v>
      </c>
      <c r="H3244" s="6" t="s">
        <v>18</v>
      </c>
      <c r="I3244" s="6" t="s">
        <v>392</v>
      </c>
      <c r="J3244" s="6" t="s">
        <v>14131</v>
      </c>
      <c r="K3244" s="9" t="s">
        <v>14132</v>
      </c>
      <c r="O3244" s="10" t="s">
        <v>22</v>
      </c>
      <c r="P3244" s="10" t="s">
        <v>22</v>
      </c>
      <c r="Q3244" s="10" t="s">
        <v>22</v>
      </c>
      <c r="X3244" s="10" t="s">
        <v>22</v>
      </c>
      <c r="Y3244" s="10" t="s">
        <v>22</v>
      </c>
      <c r="Z3244" s="10" t="s">
        <v>22</v>
      </c>
    </row>
    <row r="3245" spans="1:26" ht="24" customHeight="1" x14ac:dyDescent="0.2">
      <c r="A3245" s="9" t="s">
        <v>20420</v>
      </c>
      <c r="B3245" s="9" t="s">
        <v>13966</v>
      </c>
      <c r="C3245" s="9" t="s">
        <v>14128</v>
      </c>
      <c r="D3245" s="6" t="s">
        <v>14129</v>
      </c>
      <c r="E3245" s="22">
        <v>44825</v>
      </c>
      <c r="F3245" s="22">
        <v>46650</v>
      </c>
      <c r="G3245" s="6" t="s">
        <v>14133</v>
      </c>
      <c r="H3245" s="6" t="s">
        <v>18</v>
      </c>
      <c r="I3245" s="6" t="s">
        <v>1194</v>
      </c>
      <c r="J3245" s="6" t="s">
        <v>14134</v>
      </c>
      <c r="K3245" s="9" t="s">
        <v>14135</v>
      </c>
      <c r="O3245" s="10" t="s">
        <v>22</v>
      </c>
      <c r="P3245" s="10" t="s">
        <v>22</v>
      </c>
      <c r="Q3245" s="10" t="s">
        <v>22</v>
      </c>
      <c r="X3245" s="10" t="s">
        <v>22</v>
      </c>
      <c r="Y3245" s="10" t="s">
        <v>22</v>
      </c>
      <c r="Z3245" s="10" t="s">
        <v>22</v>
      </c>
    </row>
    <row r="3246" spans="1:26" ht="24" customHeight="1" x14ac:dyDescent="0.2">
      <c r="A3246" s="9" t="s">
        <v>20421</v>
      </c>
      <c r="B3246" s="9" t="s">
        <v>13966</v>
      </c>
      <c r="C3246" s="9" t="s">
        <v>14128</v>
      </c>
      <c r="D3246" s="6" t="s">
        <v>14129</v>
      </c>
      <c r="E3246" s="22">
        <v>44825</v>
      </c>
      <c r="F3246" s="22">
        <v>46650</v>
      </c>
      <c r="G3246" s="6" t="s">
        <v>14136</v>
      </c>
      <c r="H3246" s="6" t="s">
        <v>18</v>
      </c>
      <c r="I3246" s="6" t="s">
        <v>1194</v>
      </c>
      <c r="J3246" s="6" t="s">
        <v>14137</v>
      </c>
      <c r="K3246" s="9" t="s">
        <v>14138</v>
      </c>
      <c r="O3246" s="10" t="s">
        <v>22</v>
      </c>
      <c r="P3246" s="10" t="s">
        <v>22</v>
      </c>
      <c r="Q3246" s="10" t="s">
        <v>22</v>
      </c>
      <c r="X3246" s="10" t="s">
        <v>22</v>
      </c>
      <c r="Y3246" s="10" t="s">
        <v>22</v>
      </c>
      <c r="Z3246" s="10" t="s">
        <v>22</v>
      </c>
    </row>
    <row r="3247" spans="1:26" ht="24" customHeight="1" x14ac:dyDescent="0.2">
      <c r="A3247" s="9" t="s">
        <v>20422</v>
      </c>
      <c r="B3247" s="9" t="s">
        <v>13966</v>
      </c>
      <c r="C3247" s="9" t="s">
        <v>496</v>
      </c>
      <c r="D3247" s="6" t="s">
        <v>14139</v>
      </c>
      <c r="E3247" s="22">
        <v>44566</v>
      </c>
      <c r="F3247" s="22">
        <v>46391</v>
      </c>
      <c r="G3247" s="6" t="s">
        <v>14139</v>
      </c>
      <c r="H3247" s="6" t="s">
        <v>18</v>
      </c>
      <c r="I3247" s="6" t="s">
        <v>172</v>
      </c>
      <c r="J3247" s="6" t="s">
        <v>14140</v>
      </c>
      <c r="K3247" s="9" t="s">
        <v>14141</v>
      </c>
      <c r="L3247" s="10" t="s">
        <v>22</v>
      </c>
      <c r="M3247" s="10" t="s">
        <v>22</v>
      </c>
      <c r="N3247" s="10" t="s">
        <v>22</v>
      </c>
      <c r="O3247" s="10" t="s">
        <v>22</v>
      </c>
      <c r="P3247" s="10" t="s">
        <v>22</v>
      </c>
      <c r="Q3247" s="10" t="s">
        <v>22</v>
      </c>
      <c r="R3247" s="10" t="s">
        <v>22</v>
      </c>
      <c r="S3247" s="10" t="s">
        <v>22</v>
      </c>
      <c r="T3247" s="10" t="s">
        <v>22</v>
      </c>
      <c r="V3247" s="10" t="s">
        <v>22</v>
      </c>
      <c r="W3247" s="10" t="s">
        <v>22</v>
      </c>
      <c r="Y3247" s="10" t="s">
        <v>22</v>
      </c>
      <c r="Z3247" s="10" t="s">
        <v>22</v>
      </c>
    </row>
    <row r="3248" spans="1:26" ht="24" customHeight="1" x14ac:dyDescent="0.2">
      <c r="A3248" s="9" t="s">
        <v>21338</v>
      </c>
      <c r="B3248" s="9" t="s">
        <v>13966</v>
      </c>
      <c r="C3248" s="9" t="s">
        <v>501</v>
      </c>
      <c r="D3248" s="6" t="s">
        <v>14142</v>
      </c>
      <c r="E3248" s="22">
        <v>45682</v>
      </c>
      <c r="F3248" s="22">
        <v>47507</v>
      </c>
      <c r="G3248" s="6" t="s">
        <v>14143</v>
      </c>
      <c r="H3248" s="6" t="s">
        <v>18</v>
      </c>
      <c r="I3248" s="6" t="s">
        <v>172</v>
      </c>
      <c r="J3248" s="6" t="s">
        <v>14144</v>
      </c>
      <c r="K3248" s="9" t="s">
        <v>14145</v>
      </c>
      <c r="L3248" s="10" t="s">
        <v>22</v>
      </c>
      <c r="M3248" s="10" t="s">
        <v>22</v>
      </c>
      <c r="N3248" s="10" t="s">
        <v>22</v>
      </c>
      <c r="O3248" s="10" t="s">
        <v>22</v>
      </c>
      <c r="P3248" s="10" t="s">
        <v>22</v>
      </c>
      <c r="Q3248" s="10" t="s">
        <v>22</v>
      </c>
      <c r="R3248" s="10" t="s">
        <v>22</v>
      </c>
      <c r="S3248" s="10" t="s">
        <v>22</v>
      </c>
      <c r="T3248" s="10" t="s">
        <v>22</v>
      </c>
      <c r="U3248" s="10" t="s">
        <v>22</v>
      </c>
      <c r="V3248" s="10" t="s">
        <v>22</v>
      </c>
      <c r="W3248" s="10" t="s">
        <v>22</v>
      </c>
      <c r="X3248" s="10" t="s">
        <v>22</v>
      </c>
      <c r="Y3248" s="10" t="s">
        <v>22</v>
      </c>
      <c r="Z3248" s="10" t="s">
        <v>22</v>
      </c>
    </row>
    <row r="3249" spans="1:26" ht="24" customHeight="1" x14ac:dyDescent="0.2">
      <c r="A3249" s="9" t="s">
        <v>20423</v>
      </c>
      <c r="B3249" s="9" t="s">
        <v>13966</v>
      </c>
      <c r="C3249" s="9" t="s">
        <v>573</v>
      </c>
      <c r="D3249" s="6" t="s">
        <v>14146</v>
      </c>
      <c r="E3249" s="22">
        <v>44765</v>
      </c>
      <c r="F3249" s="22">
        <v>46590</v>
      </c>
      <c r="G3249" s="6" t="s">
        <v>14147</v>
      </c>
      <c r="H3249" s="6" t="s">
        <v>18</v>
      </c>
      <c r="I3249" s="6" t="s">
        <v>392</v>
      </c>
      <c r="J3249" s="6" t="s">
        <v>14148</v>
      </c>
      <c r="K3249" s="9" t="s">
        <v>14149</v>
      </c>
      <c r="L3249" s="10" t="s">
        <v>22</v>
      </c>
      <c r="M3249" s="10" t="s">
        <v>22</v>
      </c>
      <c r="N3249" s="10" t="s">
        <v>22</v>
      </c>
      <c r="O3249" s="10" t="s">
        <v>22</v>
      </c>
      <c r="P3249" s="10" t="s">
        <v>22</v>
      </c>
      <c r="Q3249" s="10" t="s">
        <v>22</v>
      </c>
      <c r="R3249" s="10" t="s">
        <v>22</v>
      </c>
      <c r="S3249" s="10" t="s">
        <v>22</v>
      </c>
      <c r="T3249" s="10" t="s">
        <v>22</v>
      </c>
      <c r="U3249" s="10" t="s">
        <v>22</v>
      </c>
      <c r="V3249" s="10" t="s">
        <v>22</v>
      </c>
      <c r="W3249" s="10" t="s">
        <v>22</v>
      </c>
      <c r="X3249" s="10" t="s">
        <v>22</v>
      </c>
      <c r="Y3249" s="10" t="s">
        <v>22</v>
      </c>
      <c r="Z3249" s="10" t="s">
        <v>22</v>
      </c>
    </row>
    <row r="3250" spans="1:26" ht="24" customHeight="1" x14ac:dyDescent="0.2">
      <c r="A3250" s="9" t="s">
        <v>20424</v>
      </c>
      <c r="B3250" s="9" t="s">
        <v>13966</v>
      </c>
      <c r="C3250" s="9" t="s">
        <v>578</v>
      </c>
      <c r="D3250" s="6" t="s">
        <v>14150</v>
      </c>
      <c r="E3250" s="22">
        <v>44773</v>
      </c>
      <c r="F3250" s="22">
        <v>46598</v>
      </c>
      <c r="G3250" s="6" t="s">
        <v>14151</v>
      </c>
      <c r="H3250" s="6" t="s">
        <v>18</v>
      </c>
      <c r="I3250" s="6" t="s">
        <v>1691</v>
      </c>
      <c r="J3250" s="6" t="s">
        <v>14152</v>
      </c>
      <c r="K3250" s="9" t="s">
        <v>14153</v>
      </c>
      <c r="L3250" s="10" t="s">
        <v>22</v>
      </c>
      <c r="M3250" s="10" t="s">
        <v>22</v>
      </c>
      <c r="N3250" s="10" t="s">
        <v>22</v>
      </c>
      <c r="O3250" s="10" t="s">
        <v>22</v>
      </c>
      <c r="P3250" s="10" t="s">
        <v>22</v>
      </c>
      <c r="Q3250" s="10" t="s">
        <v>22</v>
      </c>
      <c r="R3250" s="10" t="s">
        <v>22</v>
      </c>
      <c r="S3250" s="10" t="s">
        <v>22</v>
      </c>
      <c r="T3250" s="10" t="s">
        <v>22</v>
      </c>
      <c r="U3250" s="10" t="s">
        <v>22</v>
      </c>
      <c r="V3250" s="10" t="s">
        <v>22</v>
      </c>
      <c r="W3250" s="10" t="s">
        <v>22</v>
      </c>
      <c r="X3250" s="10" t="s">
        <v>22</v>
      </c>
      <c r="Y3250" s="10" t="s">
        <v>22</v>
      </c>
      <c r="Z3250" s="10" t="s">
        <v>22</v>
      </c>
    </row>
    <row r="3251" spans="1:26" ht="24" customHeight="1" x14ac:dyDescent="0.2">
      <c r="A3251" s="9" t="s">
        <v>20425</v>
      </c>
      <c r="B3251" s="9" t="s">
        <v>13966</v>
      </c>
      <c r="C3251" s="9" t="s">
        <v>14154</v>
      </c>
      <c r="D3251" s="6" t="s">
        <v>14155</v>
      </c>
      <c r="E3251" s="22">
        <v>44823</v>
      </c>
      <c r="F3251" s="22">
        <v>46648</v>
      </c>
      <c r="G3251" s="6" t="s">
        <v>14156</v>
      </c>
      <c r="H3251" s="6" t="s">
        <v>18</v>
      </c>
      <c r="I3251" s="6" t="s">
        <v>392</v>
      </c>
      <c r="J3251" s="6" t="s">
        <v>14157</v>
      </c>
      <c r="L3251" s="10" t="s">
        <v>22</v>
      </c>
      <c r="N3251" s="10" t="s">
        <v>22</v>
      </c>
      <c r="O3251" s="10" t="s">
        <v>22</v>
      </c>
      <c r="Q3251" s="10" t="s">
        <v>22</v>
      </c>
      <c r="U3251" s="10" t="s">
        <v>22</v>
      </c>
      <c r="W3251" s="10" t="s">
        <v>22</v>
      </c>
      <c r="X3251" s="10" t="s">
        <v>22</v>
      </c>
      <c r="Z3251" s="10" t="s">
        <v>22</v>
      </c>
    </row>
    <row r="3252" spans="1:26" ht="24" customHeight="1" x14ac:dyDescent="0.2">
      <c r="A3252" s="9" t="s">
        <v>20426</v>
      </c>
      <c r="B3252" s="9" t="s">
        <v>13966</v>
      </c>
      <c r="C3252" s="9" t="s">
        <v>14158</v>
      </c>
      <c r="D3252" s="6" t="s">
        <v>14159</v>
      </c>
      <c r="E3252" s="22">
        <v>44837</v>
      </c>
      <c r="F3252" s="22">
        <v>46662</v>
      </c>
      <c r="G3252" s="6" t="s">
        <v>14160</v>
      </c>
      <c r="H3252" s="6" t="s">
        <v>18</v>
      </c>
      <c r="I3252" s="6" t="s">
        <v>1691</v>
      </c>
      <c r="J3252" s="6" t="s">
        <v>14161</v>
      </c>
      <c r="K3252" s="9" t="s">
        <v>14162</v>
      </c>
      <c r="L3252" s="10" t="s">
        <v>22</v>
      </c>
      <c r="N3252" s="10" t="s">
        <v>22</v>
      </c>
      <c r="Q3252" s="10" t="s">
        <v>22</v>
      </c>
      <c r="U3252" s="10" t="s">
        <v>22</v>
      </c>
      <c r="W3252" s="10" t="s">
        <v>22</v>
      </c>
      <c r="Z3252" s="10" t="s">
        <v>22</v>
      </c>
    </row>
    <row r="3253" spans="1:26" ht="24" customHeight="1" x14ac:dyDescent="0.2">
      <c r="A3253" s="9" t="s">
        <v>20427</v>
      </c>
      <c r="B3253" s="9" t="s">
        <v>13966</v>
      </c>
      <c r="C3253" s="9" t="s">
        <v>14158</v>
      </c>
      <c r="D3253" s="6" t="s">
        <v>14159</v>
      </c>
      <c r="E3253" s="22">
        <v>44837</v>
      </c>
      <c r="F3253" s="22">
        <v>46662</v>
      </c>
      <c r="G3253" s="6" t="s">
        <v>14163</v>
      </c>
      <c r="H3253" s="6" t="s">
        <v>18</v>
      </c>
      <c r="I3253" s="6" t="s">
        <v>392</v>
      </c>
      <c r="J3253" s="6" t="s">
        <v>14164</v>
      </c>
      <c r="K3253" s="9" t="s">
        <v>14165</v>
      </c>
      <c r="L3253" s="10" t="s">
        <v>22</v>
      </c>
      <c r="N3253" s="10" t="s">
        <v>22</v>
      </c>
      <c r="Q3253" s="10" t="s">
        <v>22</v>
      </c>
      <c r="U3253" s="10" t="s">
        <v>22</v>
      </c>
      <c r="W3253" s="10" t="s">
        <v>22</v>
      </c>
      <c r="Z3253" s="10" t="s">
        <v>22</v>
      </c>
    </row>
    <row r="3254" spans="1:26" ht="24" customHeight="1" x14ac:dyDescent="0.2">
      <c r="A3254" s="9" t="s">
        <v>20428</v>
      </c>
      <c r="B3254" s="9" t="s">
        <v>13966</v>
      </c>
      <c r="C3254" s="9" t="s">
        <v>14158</v>
      </c>
      <c r="D3254" s="6" t="s">
        <v>14159</v>
      </c>
      <c r="E3254" s="22">
        <v>44837</v>
      </c>
      <c r="F3254" s="22">
        <v>46662</v>
      </c>
      <c r="G3254" s="6" t="s">
        <v>14166</v>
      </c>
      <c r="H3254" s="6" t="s">
        <v>18</v>
      </c>
      <c r="I3254" s="6" t="s">
        <v>19</v>
      </c>
      <c r="J3254" s="6" t="s">
        <v>14167</v>
      </c>
      <c r="K3254" s="9" t="s">
        <v>14168</v>
      </c>
      <c r="L3254" s="10" t="s">
        <v>22</v>
      </c>
      <c r="N3254" s="10" t="s">
        <v>22</v>
      </c>
      <c r="Q3254" s="10" t="s">
        <v>22</v>
      </c>
      <c r="U3254" s="10" t="s">
        <v>22</v>
      </c>
      <c r="W3254" s="10" t="s">
        <v>22</v>
      </c>
      <c r="Z3254" s="10" t="s">
        <v>22</v>
      </c>
    </row>
    <row r="3255" spans="1:26" ht="24" customHeight="1" x14ac:dyDescent="0.2">
      <c r="A3255" s="9" t="s">
        <v>20429</v>
      </c>
      <c r="B3255" s="9" t="s">
        <v>13966</v>
      </c>
      <c r="C3255" s="9" t="s">
        <v>14158</v>
      </c>
      <c r="D3255" s="6" t="s">
        <v>14159</v>
      </c>
      <c r="E3255" s="22">
        <v>44837</v>
      </c>
      <c r="F3255" s="22">
        <v>46662</v>
      </c>
      <c r="G3255" s="6" t="s">
        <v>14169</v>
      </c>
      <c r="H3255" s="6" t="s">
        <v>18</v>
      </c>
      <c r="I3255" s="6" t="s">
        <v>19</v>
      </c>
      <c r="J3255" s="6" t="s">
        <v>14170</v>
      </c>
      <c r="K3255" s="9" t="s">
        <v>14171</v>
      </c>
      <c r="L3255" s="10" t="s">
        <v>22</v>
      </c>
      <c r="N3255" s="10" t="s">
        <v>22</v>
      </c>
      <c r="Q3255" s="10" t="s">
        <v>22</v>
      </c>
      <c r="U3255" s="10" t="s">
        <v>22</v>
      </c>
      <c r="W3255" s="10" t="s">
        <v>22</v>
      </c>
      <c r="Z3255" s="10" t="s">
        <v>22</v>
      </c>
    </row>
    <row r="3256" spans="1:26" ht="24" customHeight="1" x14ac:dyDescent="0.2">
      <c r="A3256" s="9" t="s">
        <v>20430</v>
      </c>
      <c r="B3256" s="9" t="s">
        <v>13966</v>
      </c>
      <c r="C3256" s="9" t="s">
        <v>14172</v>
      </c>
      <c r="D3256" s="6" t="s">
        <v>7121</v>
      </c>
      <c r="E3256" s="22">
        <v>44846</v>
      </c>
      <c r="F3256" s="22">
        <v>46671</v>
      </c>
      <c r="G3256" s="6" t="s">
        <v>7122</v>
      </c>
      <c r="H3256" s="6" t="s">
        <v>18</v>
      </c>
      <c r="I3256" s="6" t="s">
        <v>10786</v>
      </c>
      <c r="J3256" s="6" t="s">
        <v>14173</v>
      </c>
      <c r="K3256" s="9" t="s">
        <v>14174</v>
      </c>
      <c r="L3256" s="10" t="s">
        <v>22</v>
      </c>
      <c r="M3256" s="10" t="s">
        <v>22</v>
      </c>
      <c r="N3256" s="10" t="s">
        <v>22</v>
      </c>
      <c r="O3256" s="10" t="s">
        <v>22</v>
      </c>
      <c r="P3256" s="10" t="s">
        <v>22</v>
      </c>
      <c r="Q3256" s="10" t="s">
        <v>22</v>
      </c>
      <c r="U3256" s="10" t="s">
        <v>22</v>
      </c>
      <c r="V3256" s="10" t="s">
        <v>22</v>
      </c>
      <c r="W3256" s="10" t="s">
        <v>22</v>
      </c>
      <c r="X3256" s="10" t="s">
        <v>22</v>
      </c>
      <c r="Y3256" s="10" t="s">
        <v>22</v>
      </c>
      <c r="Z3256" s="10" t="s">
        <v>22</v>
      </c>
    </row>
    <row r="3257" spans="1:26" ht="24" customHeight="1" x14ac:dyDescent="0.2">
      <c r="A3257" s="9" t="s">
        <v>20431</v>
      </c>
      <c r="B3257" s="9" t="s">
        <v>13966</v>
      </c>
      <c r="C3257" s="9" t="s">
        <v>594</v>
      </c>
      <c r="D3257" s="6" t="s">
        <v>14175</v>
      </c>
      <c r="E3257" s="22">
        <v>44866</v>
      </c>
      <c r="F3257" s="22">
        <v>46691</v>
      </c>
      <c r="G3257" s="6" t="s">
        <v>14176</v>
      </c>
      <c r="H3257" s="6" t="s">
        <v>18</v>
      </c>
      <c r="I3257" s="6" t="s">
        <v>67</v>
      </c>
      <c r="J3257" s="6" t="s">
        <v>14177</v>
      </c>
      <c r="K3257" s="9" t="s">
        <v>14178</v>
      </c>
      <c r="M3257" s="10" t="s">
        <v>22</v>
      </c>
      <c r="N3257" s="10" t="s">
        <v>22</v>
      </c>
      <c r="V3257" s="10" t="s">
        <v>22</v>
      </c>
      <c r="W3257" s="10" t="s">
        <v>22</v>
      </c>
    </row>
    <row r="3258" spans="1:26" ht="24" customHeight="1" x14ac:dyDescent="0.2">
      <c r="A3258" s="9" t="s">
        <v>20432</v>
      </c>
      <c r="B3258" s="9" t="s">
        <v>13966</v>
      </c>
      <c r="C3258" s="9" t="s">
        <v>14179</v>
      </c>
      <c r="D3258" s="6" t="s">
        <v>14180</v>
      </c>
      <c r="E3258" s="22">
        <v>44866</v>
      </c>
      <c r="F3258" s="22">
        <v>46691</v>
      </c>
      <c r="G3258" s="6" t="s">
        <v>14181</v>
      </c>
      <c r="H3258" s="6" t="s">
        <v>18</v>
      </c>
      <c r="I3258" s="6" t="s">
        <v>1691</v>
      </c>
      <c r="J3258" s="6" t="s">
        <v>14182</v>
      </c>
      <c r="K3258" s="9" t="s">
        <v>14183</v>
      </c>
      <c r="L3258" s="10" t="s">
        <v>22</v>
      </c>
      <c r="M3258" s="10" t="s">
        <v>22</v>
      </c>
      <c r="N3258" s="10" t="s">
        <v>22</v>
      </c>
      <c r="O3258" s="10" t="s">
        <v>22</v>
      </c>
      <c r="P3258" s="10" t="s">
        <v>22</v>
      </c>
      <c r="Q3258" s="10" t="s">
        <v>22</v>
      </c>
      <c r="R3258" s="10" t="s">
        <v>22</v>
      </c>
      <c r="S3258" s="10" t="s">
        <v>22</v>
      </c>
      <c r="T3258" s="10" t="s">
        <v>22</v>
      </c>
      <c r="U3258" s="10" t="s">
        <v>22</v>
      </c>
      <c r="V3258" s="10" t="s">
        <v>22</v>
      </c>
      <c r="W3258" s="10" t="s">
        <v>22</v>
      </c>
      <c r="X3258" s="10" t="s">
        <v>22</v>
      </c>
      <c r="Y3258" s="10" t="s">
        <v>22</v>
      </c>
      <c r="Z3258" s="10" t="s">
        <v>22</v>
      </c>
    </row>
    <row r="3259" spans="1:26" ht="24" customHeight="1" x14ac:dyDescent="0.2">
      <c r="A3259" s="9" t="s">
        <v>20433</v>
      </c>
      <c r="B3259" s="9" t="s">
        <v>13966</v>
      </c>
      <c r="C3259" s="9" t="s">
        <v>600</v>
      </c>
      <c r="D3259" s="6" t="s">
        <v>14184</v>
      </c>
      <c r="E3259" s="22">
        <v>44906</v>
      </c>
      <c r="F3259" s="22">
        <v>46731</v>
      </c>
      <c r="G3259" s="6" t="s">
        <v>14185</v>
      </c>
      <c r="H3259" s="6" t="s">
        <v>18</v>
      </c>
      <c r="I3259" s="6" t="s">
        <v>172</v>
      </c>
      <c r="J3259" s="6" t="s">
        <v>14186</v>
      </c>
      <c r="K3259" s="9" t="s">
        <v>14187</v>
      </c>
      <c r="L3259" s="10" t="s">
        <v>22</v>
      </c>
      <c r="M3259" s="10" t="s">
        <v>22</v>
      </c>
      <c r="N3259" s="10" t="s">
        <v>22</v>
      </c>
      <c r="O3259" s="10" t="s">
        <v>22</v>
      </c>
      <c r="P3259" s="10" t="s">
        <v>22</v>
      </c>
      <c r="Q3259" s="10" t="s">
        <v>22</v>
      </c>
      <c r="U3259" s="10" t="s">
        <v>22</v>
      </c>
      <c r="V3259" s="10" t="s">
        <v>22</v>
      </c>
      <c r="W3259" s="10" t="s">
        <v>22</v>
      </c>
      <c r="X3259" s="10" t="s">
        <v>22</v>
      </c>
      <c r="Y3259" s="10" t="s">
        <v>22</v>
      </c>
      <c r="Z3259" s="10" t="s">
        <v>22</v>
      </c>
    </row>
    <row r="3260" spans="1:26" ht="24" customHeight="1" x14ac:dyDescent="0.2">
      <c r="A3260" s="9" t="s">
        <v>20434</v>
      </c>
      <c r="B3260" s="9" t="s">
        <v>13966</v>
      </c>
      <c r="C3260" s="9" t="s">
        <v>14188</v>
      </c>
      <c r="D3260" s="6" t="s">
        <v>14189</v>
      </c>
      <c r="E3260" s="22">
        <v>44920</v>
      </c>
      <c r="F3260" s="22">
        <v>46745</v>
      </c>
      <c r="G3260" s="6" t="s">
        <v>14189</v>
      </c>
      <c r="H3260" s="6" t="s">
        <v>18</v>
      </c>
      <c r="I3260" s="6" t="s">
        <v>5029</v>
      </c>
      <c r="J3260" s="6" t="s">
        <v>14190</v>
      </c>
      <c r="K3260" s="9" t="s">
        <v>14191</v>
      </c>
      <c r="L3260" s="10" t="s">
        <v>22</v>
      </c>
      <c r="M3260" s="10" t="s">
        <v>22</v>
      </c>
      <c r="N3260" s="10" t="s">
        <v>22</v>
      </c>
      <c r="O3260" s="10" t="s">
        <v>22</v>
      </c>
      <c r="P3260" s="10" t="s">
        <v>22</v>
      </c>
      <c r="Q3260" s="10" t="s">
        <v>22</v>
      </c>
      <c r="U3260" s="10" t="s">
        <v>22</v>
      </c>
      <c r="V3260" s="10" t="s">
        <v>22</v>
      </c>
      <c r="W3260" s="10" t="s">
        <v>22</v>
      </c>
      <c r="X3260" s="10" t="s">
        <v>22</v>
      </c>
      <c r="Y3260" s="10" t="s">
        <v>22</v>
      </c>
      <c r="Z3260" s="10" t="s">
        <v>22</v>
      </c>
    </row>
    <row r="3261" spans="1:26" ht="24" customHeight="1" x14ac:dyDescent="0.2">
      <c r="A3261" s="9" t="s">
        <v>20435</v>
      </c>
      <c r="B3261" s="9" t="s">
        <v>13966</v>
      </c>
      <c r="C3261" s="9" t="s">
        <v>616</v>
      </c>
      <c r="D3261" s="6" t="s">
        <v>14192</v>
      </c>
      <c r="E3261" s="22">
        <v>44923</v>
      </c>
      <c r="F3261" s="22">
        <v>46748</v>
      </c>
      <c r="G3261" s="6" t="s">
        <v>14193</v>
      </c>
      <c r="H3261" s="6" t="s">
        <v>18</v>
      </c>
      <c r="I3261" s="6" t="s">
        <v>392</v>
      </c>
      <c r="J3261" s="6" t="s">
        <v>14194</v>
      </c>
      <c r="K3261" s="9" t="s">
        <v>14195</v>
      </c>
      <c r="L3261" s="10" t="s">
        <v>22</v>
      </c>
      <c r="M3261" s="10" t="s">
        <v>22</v>
      </c>
      <c r="N3261" s="10" t="s">
        <v>22</v>
      </c>
      <c r="O3261" s="10" t="s">
        <v>22</v>
      </c>
      <c r="P3261" s="10" t="s">
        <v>22</v>
      </c>
      <c r="Q3261" s="10" t="s">
        <v>22</v>
      </c>
      <c r="R3261" s="10" t="s">
        <v>22</v>
      </c>
      <c r="S3261" s="10" t="s">
        <v>22</v>
      </c>
      <c r="T3261" s="10" t="s">
        <v>22</v>
      </c>
    </row>
    <row r="3262" spans="1:26" ht="24" customHeight="1" x14ac:dyDescent="0.2">
      <c r="A3262" s="9" t="s">
        <v>20436</v>
      </c>
      <c r="B3262" s="9" t="s">
        <v>13966</v>
      </c>
      <c r="C3262" s="9" t="s">
        <v>14196</v>
      </c>
      <c r="D3262" s="6" t="s">
        <v>14197</v>
      </c>
      <c r="E3262" s="22">
        <v>44947</v>
      </c>
      <c r="F3262" s="22">
        <v>46772</v>
      </c>
      <c r="G3262" s="6" t="s">
        <v>14198</v>
      </c>
      <c r="H3262" s="6" t="s">
        <v>18</v>
      </c>
      <c r="I3262" s="6" t="s">
        <v>1691</v>
      </c>
      <c r="J3262" s="6" t="s">
        <v>14199</v>
      </c>
      <c r="K3262" s="9" t="s">
        <v>14200</v>
      </c>
      <c r="P3262" s="10" t="s">
        <v>22</v>
      </c>
      <c r="S3262" s="10" t="s">
        <v>22</v>
      </c>
      <c r="U3262" s="10" t="s">
        <v>22</v>
      </c>
      <c r="V3262" s="10" t="s">
        <v>22</v>
      </c>
      <c r="W3262" s="10" t="s">
        <v>22</v>
      </c>
      <c r="X3262" s="10" t="s">
        <v>22</v>
      </c>
      <c r="Y3262" s="10" t="s">
        <v>22</v>
      </c>
      <c r="Z3262" s="10" t="s">
        <v>22</v>
      </c>
    </row>
    <row r="3263" spans="1:26" ht="24" customHeight="1" x14ac:dyDescent="0.2">
      <c r="A3263" s="9" t="s">
        <v>20437</v>
      </c>
      <c r="B3263" s="9" t="s">
        <v>13966</v>
      </c>
      <c r="C3263" s="9" t="s">
        <v>14201</v>
      </c>
      <c r="D3263" s="6" t="s">
        <v>14202</v>
      </c>
      <c r="E3263" s="22">
        <v>45044</v>
      </c>
      <c r="F3263" s="22">
        <v>46870</v>
      </c>
      <c r="G3263" s="6" t="s">
        <v>14203</v>
      </c>
      <c r="H3263" s="6" t="s">
        <v>18</v>
      </c>
      <c r="I3263" s="6" t="s">
        <v>392</v>
      </c>
      <c r="J3263" s="6" t="s">
        <v>14204</v>
      </c>
      <c r="L3263" s="10" t="s">
        <v>22</v>
      </c>
      <c r="M3263" s="10" t="s">
        <v>22</v>
      </c>
      <c r="N3263" s="10" t="s">
        <v>22</v>
      </c>
      <c r="O3263" s="10" t="s">
        <v>22</v>
      </c>
      <c r="P3263" s="10" t="s">
        <v>22</v>
      </c>
      <c r="Q3263" s="10" t="s">
        <v>22</v>
      </c>
      <c r="R3263" s="10" t="s">
        <v>22</v>
      </c>
      <c r="S3263" s="10" t="s">
        <v>22</v>
      </c>
      <c r="T3263" s="10" t="s">
        <v>22</v>
      </c>
      <c r="U3263" s="10" t="s">
        <v>22</v>
      </c>
      <c r="V3263" s="10" t="s">
        <v>22</v>
      </c>
      <c r="W3263" s="10" t="s">
        <v>22</v>
      </c>
      <c r="X3263" s="10" t="s">
        <v>22</v>
      </c>
      <c r="Y3263" s="10" t="s">
        <v>22</v>
      </c>
      <c r="Z3263" s="10" t="s">
        <v>22</v>
      </c>
    </row>
    <row r="3264" spans="1:26" ht="24" customHeight="1" x14ac:dyDescent="0.2">
      <c r="A3264" s="9" t="s">
        <v>20438</v>
      </c>
      <c r="B3264" s="9" t="s">
        <v>13966</v>
      </c>
      <c r="C3264" s="9" t="s">
        <v>663</v>
      </c>
      <c r="D3264" s="6" t="s">
        <v>14205</v>
      </c>
      <c r="E3264" s="22">
        <v>45187</v>
      </c>
      <c r="F3264" s="22">
        <v>47013</v>
      </c>
      <c r="G3264" s="6" t="s">
        <v>14206</v>
      </c>
      <c r="H3264" s="6" t="s">
        <v>18</v>
      </c>
      <c r="I3264" s="6" t="s">
        <v>1194</v>
      </c>
      <c r="J3264" s="6" t="s">
        <v>14207</v>
      </c>
      <c r="K3264" s="9" t="s">
        <v>14208</v>
      </c>
      <c r="P3264" s="10" t="s">
        <v>22</v>
      </c>
      <c r="Q3264" s="10" t="s">
        <v>22</v>
      </c>
    </row>
    <row r="3265" spans="1:26" ht="24" customHeight="1" x14ac:dyDescent="0.2">
      <c r="A3265" s="9" t="s">
        <v>20439</v>
      </c>
      <c r="B3265" s="9" t="s">
        <v>13966</v>
      </c>
      <c r="C3265" s="9" t="s">
        <v>14209</v>
      </c>
      <c r="D3265" s="6" t="s">
        <v>14210</v>
      </c>
      <c r="E3265" s="22">
        <v>45219</v>
      </c>
      <c r="F3265" s="22">
        <v>47045</v>
      </c>
      <c r="G3265" s="6" t="s">
        <v>14211</v>
      </c>
      <c r="H3265" s="6" t="s">
        <v>18</v>
      </c>
      <c r="I3265" s="6" t="s">
        <v>1691</v>
      </c>
      <c r="J3265" s="6" t="s">
        <v>14212</v>
      </c>
      <c r="L3265" s="10" t="s">
        <v>22</v>
      </c>
      <c r="M3265" s="10" t="s">
        <v>22</v>
      </c>
      <c r="N3265" s="10" t="s">
        <v>22</v>
      </c>
      <c r="O3265" s="10" t="s">
        <v>22</v>
      </c>
      <c r="P3265" s="10" t="s">
        <v>22</v>
      </c>
      <c r="Q3265" s="10" t="s">
        <v>22</v>
      </c>
      <c r="R3265" s="10" t="s">
        <v>22</v>
      </c>
      <c r="S3265" s="10" t="s">
        <v>22</v>
      </c>
      <c r="T3265" s="10" t="s">
        <v>22</v>
      </c>
      <c r="U3265" s="10" t="s">
        <v>22</v>
      </c>
      <c r="V3265" s="10" t="s">
        <v>22</v>
      </c>
      <c r="W3265" s="10" t="s">
        <v>22</v>
      </c>
      <c r="X3265" s="10" t="s">
        <v>22</v>
      </c>
      <c r="Y3265" s="10" t="s">
        <v>22</v>
      </c>
      <c r="Z3265" s="10" t="s">
        <v>22</v>
      </c>
    </row>
    <row r="3266" spans="1:26" ht="24" customHeight="1" x14ac:dyDescent="0.2">
      <c r="A3266" s="9" t="s">
        <v>20440</v>
      </c>
      <c r="B3266" s="9" t="s">
        <v>13966</v>
      </c>
      <c r="C3266" s="9" t="s">
        <v>14213</v>
      </c>
      <c r="D3266" s="6" t="s">
        <v>14214</v>
      </c>
      <c r="E3266" s="22">
        <v>45275</v>
      </c>
      <c r="F3266" s="22">
        <v>47101</v>
      </c>
      <c r="G3266" s="6" t="s">
        <v>14215</v>
      </c>
      <c r="H3266" s="6" t="s">
        <v>18</v>
      </c>
      <c r="I3266" s="6" t="s">
        <v>1691</v>
      </c>
      <c r="J3266" s="6" t="s">
        <v>14216</v>
      </c>
      <c r="L3266" s="10" t="s">
        <v>22</v>
      </c>
      <c r="M3266" s="10" t="s">
        <v>22</v>
      </c>
      <c r="N3266" s="10" t="s">
        <v>22</v>
      </c>
      <c r="U3266" s="10" t="s">
        <v>22</v>
      </c>
      <c r="V3266" s="10" t="s">
        <v>22</v>
      </c>
      <c r="W3266" s="10" t="s">
        <v>22</v>
      </c>
    </row>
    <row r="3267" spans="1:26" ht="24" customHeight="1" x14ac:dyDescent="0.2">
      <c r="A3267" s="9" t="s">
        <v>20441</v>
      </c>
      <c r="B3267" s="9" t="s">
        <v>21374</v>
      </c>
      <c r="C3267" s="9" t="s">
        <v>14217</v>
      </c>
      <c r="D3267" s="6" t="s">
        <v>17127</v>
      </c>
      <c r="E3267" s="22">
        <v>45318</v>
      </c>
      <c r="F3267" s="22">
        <v>47144</v>
      </c>
      <c r="G3267" s="6" t="s">
        <v>17128</v>
      </c>
      <c r="H3267" s="6" t="s">
        <v>18</v>
      </c>
      <c r="I3267" s="6" t="s">
        <v>1691</v>
      </c>
      <c r="J3267" s="6" t="s">
        <v>17129</v>
      </c>
      <c r="K3267" s="9" t="s">
        <v>14218</v>
      </c>
      <c r="L3267" s="10" t="s">
        <v>22</v>
      </c>
      <c r="M3267" s="10" t="s">
        <v>22</v>
      </c>
      <c r="N3267" s="10" t="s">
        <v>22</v>
      </c>
      <c r="O3267" s="10" t="s">
        <v>22</v>
      </c>
      <c r="P3267" s="10" t="s">
        <v>22</v>
      </c>
      <c r="Q3267" s="10" t="s">
        <v>22</v>
      </c>
      <c r="R3267" s="10" t="s">
        <v>22</v>
      </c>
      <c r="S3267" s="10" t="s">
        <v>22</v>
      </c>
      <c r="T3267" s="10" t="s">
        <v>22</v>
      </c>
      <c r="U3267" s="10" t="s">
        <v>22</v>
      </c>
      <c r="V3267" s="10" t="s">
        <v>22</v>
      </c>
      <c r="W3267" s="10" t="s">
        <v>22</v>
      </c>
      <c r="X3267" s="10" t="s">
        <v>22</v>
      </c>
      <c r="Y3267" s="10" t="s">
        <v>22</v>
      </c>
      <c r="Z3267" s="10" t="s">
        <v>22</v>
      </c>
    </row>
    <row r="3268" spans="1:26" ht="24" customHeight="1" x14ac:dyDescent="0.2">
      <c r="A3268" s="9" t="s">
        <v>20442</v>
      </c>
      <c r="B3268" s="9" t="s">
        <v>13966</v>
      </c>
      <c r="C3268" s="9" t="s">
        <v>14219</v>
      </c>
      <c r="D3268" s="6" t="s">
        <v>14220</v>
      </c>
      <c r="E3268" s="22">
        <v>45332</v>
      </c>
      <c r="F3268" s="22">
        <v>47158</v>
      </c>
      <c r="G3268" s="6" t="s">
        <v>14221</v>
      </c>
      <c r="H3268" s="6" t="s">
        <v>18</v>
      </c>
      <c r="I3268" s="6" t="s">
        <v>1145</v>
      </c>
      <c r="J3268" s="6" t="s">
        <v>14222</v>
      </c>
      <c r="K3268" s="9" t="s">
        <v>14223</v>
      </c>
      <c r="L3268" s="10" t="s">
        <v>22</v>
      </c>
      <c r="M3268" s="10" t="s">
        <v>22</v>
      </c>
      <c r="N3268" s="10" t="s">
        <v>22</v>
      </c>
      <c r="O3268" s="10" t="s">
        <v>22</v>
      </c>
      <c r="P3268" s="10" t="s">
        <v>22</v>
      </c>
      <c r="Q3268" s="10" t="s">
        <v>22</v>
      </c>
      <c r="R3268" s="10" t="s">
        <v>22</v>
      </c>
      <c r="S3268" s="10" t="s">
        <v>22</v>
      </c>
      <c r="T3268" s="10" t="s">
        <v>22</v>
      </c>
      <c r="U3268" s="10" t="s">
        <v>22</v>
      </c>
      <c r="V3268" s="10" t="s">
        <v>22</v>
      </c>
      <c r="W3268" s="10" t="s">
        <v>22</v>
      </c>
      <c r="X3268" s="10" t="s">
        <v>22</v>
      </c>
      <c r="Y3268" s="10" t="s">
        <v>22</v>
      </c>
      <c r="Z3268" s="10" t="s">
        <v>22</v>
      </c>
    </row>
    <row r="3269" spans="1:26" ht="24" customHeight="1" x14ac:dyDescent="0.2">
      <c r="A3269" s="9" t="s">
        <v>20443</v>
      </c>
      <c r="B3269" s="9" t="s">
        <v>13966</v>
      </c>
      <c r="C3269" s="9" t="s">
        <v>14224</v>
      </c>
      <c r="D3269" s="6" t="s">
        <v>14225</v>
      </c>
      <c r="E3269" s="22">
        <v>45383</v>
      </c>
      <c r="F3269" s="22">
        <v>47208</v>
      </c>
      <c r="G3269" s="6" t="s">
        <v>14226</v>
      </c>
      <c r="H3269" s="6" t="s">
        <v>18</v>
      </c>
      <c r="I3269" s="6" t="s">
        <v>1691</v>
      </c>
      <c r="J3269" s="6" t="s">
        <v>14227</v>
      </c>
      <c r="K3269" s="9" t="s">
        <v>17130</v>
      </c>
      <c r="L3269" s="10" t="s">
        <v>22</v>
      </c>
      <c r="M3269" s="10" t="s">
        <v>22</v>
      </c>
      <c r="N3269" s="10" t="s">
        <v>22</v>
      </c>
      <c r="O3269" s="10" t="s">
        <v>22</v>
      </c>
      <c r="P3269" s="10" t="s">
        <v>22</v>
      </c>
      <c r="Q3269" s="10" t="s">
        <v>22</v>
      </c>
      <c r="R3269" s="10" t="s">
        <v>22</v>
      </c>
      <c r="S3269" s="10" t="s">
        <v>22</v>
      </c>
      <c r="T3269" s="10" t="s">
        <v>22</v>
      </c>
      <c r="U3269" s="10" t="s">
        <v>22</v>
      </c>
      <c r="V3269" s="10" t="s">
        <v>22</v>
      </c>
      <c r="W3269" s="10" t="s">
        <v>22</v>
      </c>
      <c r="X3269" s="10" t="s">
        <v>22</v>
      </c>
      <c r="Y3269" s="10" t="s">
        <v>22</v>
      </c>
      <c r="Z3269" s="10" t="s">
        <v>22</v>
      </c>
    </row>
    <row r="3270" spans="1:26" ht="24" customHeight="1" x14ac:dyDescent="0.2">
      <c r="A3270" s="9" t="s">
        <v>20444</v>
      </c>
      <c r="B3270" s="9" t="s">
        <v>13966</v>
      </c>
      <c r="C3270" s="9" t="s">
        <v>14229</v>
      </c>
      <c r="D3270" s="6" t="s">
        <v>14230</v>
      </c>
      <c r="E3270" s="22">
        <v>45439</v>
      </c>
      <c r="F3270" s="22">
        <v>47264</v>
      </c>
      <c r="G3270" s="6" t="s">
        <v>14231</v>
      </c>
      <c r="H3270" s="6" t="s">
        <v>18</v>
      </c>
      <c r="I3270" s="6" t="s">
        <v>10786</v>
      </c>
      <c r="J3270" s="6" t="s">
        <v>14232</v>
      </c>
      <c r="K3270" s="9" t="s">
        <v>14233</v>
      </c>
      <c r="L3270" s="10" t="s">
        <v>22</v>
      </c>
      <c r="M3270" s="10" t="s">
        <v>22</v>
      </c>
      <c r="N3270" s="10" t="s">
        <v>22</v>
      </c>
      <c r="O3270" s="10" t="s">
        <v>22</v>
      </c>
      <c r="P3270" s="10" t="s">
        <v>22</v>
      </c>
      <c r="Q3270" s="10" t="s">
        <v>22</v>
      </c>
      <c r="U3270" s="10" t="s">
        <v>22</v>
      </c>
      <c r="V3270" s="10" t="s">
        <v>22</v>
      </c>
      <c r="W3270" s="10" t="s">
        <v>22</v>
      </c>
      <c r="X3270" s="10" t="s">
        <v>22</v>
      </c>
      <c r="Y3270" s="10" t="s">
        <v>22</v>
      </c>
      <c r="Z3270" s="10" t="s">
        <v>22</v>
      </c>
    </row>
    <row r="3271" spans="1:26" ht="24" customHeight="1" x14ac:dyDescent="0.2">
      <c r="A3271" s="9" t="s">
        <v>20445</v>
      </c>
      <c r="B3271" s="9" t="s">
        <v>13966</v>
      </c>
      <c r="C3271" s="9" t="s">
        <v>688</v>
      </c>
      <c r="D3271" s="6" t="s">
        <v>14234</v>
      </c>
      <c r="E3271" s="22">
        <v>45476</v>
      </c>
      <c r="F3271" s="22">
        <v>47301</v>
      </c>
      <c r="G3271" s="6" t="s">
        <v>14235</v>
      </c>
      <c r="H3271" s="6" t="s">
        <v>18</v>
      </c>
      <c r="I3271" s="6" t="s">
        <v>1145</v>
      </c>
      <c r="J3271" s="6" t="s">
        <v>14236</v>
      </c>
      <c r="K3271" s="9" t="s">
        <v>14237</v>
      </c>
      <c r="L3271" s="10" t="s">
        <v>22</v>
      </c>
      <c r="M3271" s="10" t="s">
        <v>22</v>
      </c>
      <c r="N3271" s="10" t="s">
        <v>22</v>
      </c>
      <c r="O3271" s="10" t="s">
        <v>22</v>
      </c>
      <c r="P3271" s="10" t="s">
        <v>22</v>
      </c>
      <c r="Q3271" s="10" t="s">
        <v>22</v>
      </c>
      <c r="U3271" s="10" t="s">
        <v>22</v>
      </c>
      <c r="V3271" s="10" t="s">
        <v>22</v>
      </c>
      <c r="W3271" s="10" t="s">
        <v>22</v>
      </c>
      <c r="X3271" s="10" t="s">
        <v>22</v>
      </c>
      <c r="Y3271" s="10" t="s">
        <v>22</v>
      </c>
      <c r="Z3271" s="10" t="s">
        <v>22</v>
      </c>
    </row>
    <row r="3272" spans="1:26" ht="24" customHeight="1" x14ac:dyDescent="0.2">
      <c r="A3272" s="9" t="s">
        <v>20445</v>
      </c>
      <c r="B3272" s="9" t="s">
        <v>13966</v>
      </c>
      <c r="C3272" s="9" t="s">
        <v>688</v>
      </c>
      <c r="D3272" s="6" t="s">
        <v>14234</v>
      </c>
      <c r="E3272" s="22">
        <v>45476</v>
      </c>
      <c r="F3272" s="22">
        <v>47301</v>
      </c>
      <c r="G3272" s="6" t="s">
        <v>14235</v>
      </c>
      <c r="H3272" s="6" t="s">
        <v>18</v>
      </c>
      <c r="I3272" s="6" t="s">
        <v>1145</v>
      </c>
      <c r="J3272" s="6" t="s">
        <v>14238</v>
      </c>
      <c r="K3272" s="9" t="s">
        <v>14239</v>
      </c>
      <c r="L3272" s="10" t="s">
        <v>22</v>
      </c>
      <c r="M3272" s="10" t="s">
        <v>22</v>
      </c>
      <c r="N3272" s="10" t="s">
        <v>22</v>
      </c>
      <c r="O3272" s="10" t="s">
        <v>22</v>
      </c>
      <c r="P3272" s="10" t="s">
        <v>22</v>
      </c>
      <c r="Q3272" s="10" t="s">
        <v>22</v>
      </c>
      <c r="U3272" s="10" t="s">
        <v>22</v>
      </c>
      <c r="V3272" s="10" t="s">
        <v>22</v>
      </c>
      <c r="W3272" s="10" t="s">
        <v>22</v>
      </c>
      <c r="X3272" s="10" t="s">
        <v>22</v>
      </c>
      <c r="Y3272" s="10" t="s">
        <v>22</v>
      </c>
      <c r="Z3272" s="10" t="s">
        <v>22</v>
      </c>
    </row>
    <row r="3273" spans="1:26" ht="24" customHeight="1" x14ac:dyDescent="0.2">
      <c r="A3273" s="9" t="s">
        <v>20446</v>
      </c>
      <c r="B3273" s="9" t="s">
        <v>13966</v>
      </c>
      <c r="C3273" s="9" t="s">
        <v>693</v>
      </c>
      <c r="D3273" s="6" t="s">
        <v>14240</v>
      </c>
      <c r="E3273" s="22">
        <v>45496</v>
      </c>
      <c r="F3273" s="22">
        <v>47321</v>
      </c>
      <c r="G3273" s="6" t="s">
        <v>14241</v>
      </c>
      <c r="H3273" s="6" t="s">
        <v>18</v>
      </c>
      <c r="I3273" s="6" t="s">
        <v>392</v>
      </c>
      <c r="J3273" s="6" t="s">
        <v>14242</v>
      </c>
      <c r="K3273" s="9" t="s">
        <v>14243</v>
      </c>
      <c r="L3273" s="10" t="s">
        <v>22</v>
      </c>
      <c r="M3273" s="10" t="s">
        <v>22</v>
      </c>
      <c r="N3273" s="10" t="s">
        <v>22</v>
      </c>
      <c r="O3273" s="10" t="s">
        <v>22</v>
      </c>
      <c r="P3273" s="10" t="s">
        <v>22</v>
      </c>
      <c r="Q3273" s="10" t="s">
        <v>22</v>
      </c>
      <c r="R3273" s="10" t="s">
        <v>22</v>
      </c>
      <c r="S3273" s="10" t="s">
        <v>22</v>
      </c>
      <c r="T3273" s="10" t="s">
        <v>22</v>
      </c>
      <c r="U3273" s="10" t="s">
        <v>22</v>
      </c>
      <c r="V3273" s="10" t="s">
        <v>22</v>
      </c>
      <c r="W3273" s="10" t="s">
        <v>22</v>
      </c>
      <c r="X3273" s="10" t="s">
        <v>22</v>
      </c>
      <c r="Y3273" s="10" t="s">
        <v>22</v>
      </c>
      <c r="Z3273" s="10" t="s">
        <v>22</v>
      </c>
    </row>
    <row r="3274" spans="1:26" ht="24" customHeight="1" x14ac:dyDescent="0.2">
      <c r="A3274" s="9" t="s">
        <v>20447</v>
      </c>
      <c r="B3274" s="9" t="s">
        <v>13966</v>
      </c>
      <c r="C3274" s="9" t="s">
        <v>14244</v>
      </c>
      <c r="D3274" s="6" t="s">
        <v>14245</v>
      </c>
      <c r="E3274" s="22">
        <v>45496</v>
      </c>
      <c r="F3274" s="22">
        <v>47321</v>
      </c>
      <c r="G3274" s="6" t="s">
        <v>14246</v>
      </c>
      <c r="H3274" s="6" t="s">
        <v>18</v>
      </c>
      <c r="I3274" s="6" t="s">
        <v>392</v>
      </c>
      <c r="J3274" s="6" t="s">
        <v>14247</v>
      </c>
      <c r="K3274" s="9" t="s">
        <v>14248</v>
      </c>
      <c r="L3274" s="10" t="s">
        <v>22</v>
      </c>
      <c r="M3274" s="10" t="s">
        <v>22</v>
      </c>
      <c r="N3274" s="10" t="s">
        <v>22</v>
      </c>
      <c r="O3274" s="10" t="s">
        <v>22</v>
      </c>
      <c r="P3274" s="10" t="s">
        <v>22</v>
      </c>
      <c r="Q3274" s="10" t="s">
        <v>22</v>
      </c>
      <c r="U3274" s="10" t="s">
        <v>22</v>
      </c>
      <c r="V3274" s="10" t="s">
        <v>22</v>
      </c>
      <c r="W3274" s="10" t="s">
        <v>22</v>
      </c>
      <c r="X3274" s="10" t="s">
        <v>22</v>
      </c>
      <c r="Y3274" s="10" t="s">
        <v>22</v>
      </c>
      <c r="Z3274" s="10" t="s">
        <v>22</v>
      </c>
    </row>
    <row r="3275" spans="1:26" ht="24" customHeight="1" x14ac:dyDescent="0.2">
      <c r="A3275" s="9" t="s">
        <v>21339</v>
      </c>
      <c r="B3275" s="9" t="s">
        <v>13966</v>
      </c>
      <c r="C3275" s="9" t="s">
        <v>14249</v>
      </c>
      <c r="D3275" s="6" t="s">
        <v>14250</v>
      </c>
      <c r="E3275" s="22">
        <v>45605</v>
      </c>
      <c r="F3275" s="22">
        <v>47430</v>
      </c>
      <c r="G3275" s="6" t="s">
        <v>14251</v>
      </c>
      <c r="H3275" s="6" t="s">
        <v>18</v>
      </c>
      <c r="I3275" s="6" t="s">
        <v>1145</v>
      </c>
      <c r="J3275" s="6" t="s">
        <v>14252</v>
      </c>
      <c r="K3275" s="9" t="s">
        <v>14253</v>
      </c>
      <c r="L3275" s="10" t="s">
        <v>22</v>
      </c>
      <c r="M3275" s="10" t="s">
        <v>22</v>
      </c>
      <c r="N3275" s="10" t="s">
        <v>22</v>
      </c>
      <c r="O3275" s="10" t="s">
        <v>22</v>
      </c>
      <c r="P3275" s="10" t="s">
        <v>22</v>
      </c>
      <c r="Q3275" s="10" t="s">
        <v>22</v>
      </c>
    </row>
    <row r="3276" spans="1:26" ht="24" customHeight="1" x14ac:dyDescent="0.2">
      <c r="A3276" s="9" t="s">
        <v>20448</v>
      </c>
      <c r="B3276" s="9" t="s">
        <v>13966</v>
      </c>
      <c r="C3276" s="9" t="s">
        <v>14254</v>
      </c>
      <c r="D3276" s="6" t="s">
        <v>14255</v>
      </c>
      <c r="E3276" s="22">
        <v>43885</v>
      </c>
      <c r="F3276" s="22">
        <v>45711</v>
      </c>
      <c r="G3276" s="6" t="s">
        <v>14256</v>
      </c>
      <c r="H3276" s="6" t="s">
        <v>18</v>
      </c>
      <c r="I3276" s="6" t="s">
        <v>10786</v>
      </c>
      <c r="J3276" s="6" t="s">
        <v>14257</v>
      </c>
      <c r="K3276" s="9" t="s">
        <v>14258</v>
      </c>
      <c r="L3276" s="10" t="s">
        <v>22</v>
      </c>
      <c r="M3276" s="10" t="s">
        <v>22</v>
      </c>
      <c r="N3276" s="10" t="s">
        <v>22</v>
      </c>
      <c r="O3276" s="10" t="s">
        <v>22</v>
      </c>
      <c r="P3276" s="10" t="s">
        <v>22</v>
      </c>
      <c r="Q3276" s="10" t="s">
        <v>22</v>
      </c>
      <c r="U3276" s="10" t="s">
        <v>22</v>
      </c>
      <c r="V3276" s="10" t="s">
        <v>22</v>
      </c>
      <c r="W3276" s="10" t="s">
        <v>22</v>
      </c>
      <c r="X3276" s="10" t="s">
        <v>22</v>
      </c>
      <c r="Y3276" s="10" t="s">
        <v>22</v>
      </c>
      <c r="Z3276" s="10" t="s">
        <v>22</v>
      </c>
    </row>
    <row r="3277" spans="1:26" ht="24" customHeight="1" x14ac:dyDescent="0.2">
      <c r="A3277" s="9" t="s">
        <v>20449</v>
      </c>
      <c r="B3277" s="9" t="s">
        <v>13966</v>
      </c>
      <c r="C3277" s="9" t="s">
        <v>724</v>
      </c>
      <c r="D3277" s="6" t="s">
        <v>14259</v>
      </c>
      <c r="E3277" s="22">
        <v>43982</v>
      </c>
      <c r="F3277" s="22">
        <v>45807</v>
      </c>
      <c r="G3277" s="6" t="s">
        <v>14260</v>
      </c>
      <c r="H3277" s="6" t="s">
        <v>18</v>
      </c>
      <c r="I3277" s="6" t="s">
        <v>1145</v>
      </c>
      <c r="J3277" s="6" t="s">
        <v>14261</v>
      </c>
      <c r="K3277" s="9" t="s">
        <v>14262</v>
      </c>
      <c r="L3277" s="10" t="s">
        <v>22</v>
      </c>
      <c r="M3277" s="10" t="s">
        <v>22</v>
      </c>
      <c r="N3277" s="10" t="s">
        <v>22</v>
      </c>
      <c r="O3277" s="10" t="s">
        <v>22</v>
      </c>
      <c r="P3277" s="10" t="s">
        <v>22</v>
      </c>
      <c r="Q3277" s="10" t="s">
        <v>22</v>
      </c>
      <c r="R3277" s="10" t="s">
        <v>22</v>
      </c>
      <c r="S3277" s="10" t="s">
        <v>22</v>
      </c>
      <c r="T3277" s="10" t="s">
        <v>22</v>
      </c>
      <c r="U3277" s="10" t="s">
        <v>22</v>
      </c>
      <c r="V3277" s="10" t="s">
        <v>22</v>
      </c>
      <c r="W3277" s="10" t="s">
        <v>22</v>
      </c>
      <c r="X3277" s="10" t="s">
        <v>22</v>
      </c>
      <c r="Y3277" s="10" t="s">
        <v>22</v>
      </c>
      <c r="Z3277" s="10" t="s">
        <v>22</v>
      </c>
    </row>
    <row r="3278" spans="1:26" ht="24" customHeight="1" x14ac:dyDescent="0.2">
      <c r="A3278" s="9" t="s">
        <v>20450</v>
      </c>
      <c r="B3278" s="9" t="s">
        <v>13966</v>
      </c>
      <c r="C3278" s="9" t="s">
        <v>730</v>
      </c>
      <c r="D3278" s="6" t="s">
        <v>14263</v>
      </c>
      <c r="E3278" s="22">
        <v>43979</v>
      </c>
      <c r="F3278" s="22">
        <v>45804</v>
      </c>
      <c r="G3278" s="6" t="s">
        <v>14264</v>
      </c>
      <c r="H3278" s="6" t="s">
        <v>18</v>
      </c>
      <c r="I3278" s="6" t="s">
        <v>392</v>
      </c>
      <c r="J3278" s="6" t="s">
        <v>14265</v>
      </c>
      <c r="K3278" s="9" t="s">
        <v>14266</v>
      </c>
      <c r="L3278" s="10" t="s">
        <v>22</v>
      </c>
      <c r="M3278" s="10" t="s">
        <v>22</v>
      </c>
      <c r="N3278" s="10" t="s">
        <v>22</v>
      </c>
      <c r="O3278" s="10" t="s">
        <v>22</v>
      </c>
      <c r="P3278" s="10" t="s">
        <v>22</v>
      </c>
      <c r="Q3278" s="10" t="s">
        <v>22</v>
      </c>
      <c r="U3278" s="10" t="s">
        <v>22</v>
      </c>
      <c r="V3278" s="10" t="s">
        <v>22</v>
      </c>
      <c r="W3278" s="10" t="s">
        <v>22</v>
      </c>
      <c r="X3278" s="10" t="s">
        <v>22</v>
      </c>
      <c r="Y3278" s="10" t="s">
        <v>22</v>
      </c>
      <c r="Z3278" s="10" t="s">
        <v>22</v>
      </c>
    </row>
    <row r="3279" spans="1:26" ht="24" customHeight="1" x14ac:dyDescent="0.2">
      <c r="A3279" s="9" t="s">
        <v>20451</v>
      </c>
      <c r="B3279" s="9" t="s">
        <v>13966</v>
      </c>
      <c r="C3279" s="9" t="s">
        <v>14267</v>
      </c>
      <c r="D3279" s="6" t="s">
        <v>14268</v>
      </c>
      <c r="E3279" s="22">
        <v>43993</v>
      </c>
      <c r="F3279" s="22">
        <v>45818</v>
      </c>
      <c r="G3279" s="6" t="s">
        <v>14269</v>
      </c>
      <c r="H3279" s="6" t="s">
        <v>18</v>
      </c>
      <c r="I3279" s="6" t="s">
        <v>1145</v>
      </c>
      <c r="J3279" s="6" t="s">
        <v>14270</v>
      </c>
      <c r="K3279" s="9" t="s">
        <v>14271</v>
      </c>
      <c r="L3279" s="10" t="s">
        <v>22</v>
      </c>
      <c r="M3279" s="10" t="s">
        <v>22</v>
      </c>
      <c r="N3279" s="10" t="s">
        <v>22</v>
      </c>
      <c r="O3279" s="10" t="s">
        <v>22</v>
      </c>
      <c r="P3279" s="10" t="s">
        <v>22</v>
      </c>
      <c r="Q3279" s="10" t="s">
        <v>22</v>
      </c>
      <c r="U3279" s="10" t="s">
        <v>22</v>
      </c>
      <c r="V3279" s="10" t="s">
        <v>22</v>
      </c>
      <c r="W3279" s="10" t="s">
        <v>22</v>
      </c>
      <c r="X3279" s="10" t="s">
        <v>22</v>
      </c>
      <c r="Y3279" s="10" t="s">
        <v>22</v>
      </c>
      <c r="Z3279" s="10" t="s">
        <v>22</v>
      </c>
    </row>
    <row r="3280" spans="1:26" ht="24" customHeight="1" x14ac:dyDescent="0.2">
      <c r="A3280" s="9" t="s">
        <v>20452</v>
      </c>
      <c r="B3280" s="9" t="s">
        <v>13966</v>
      </c>
      <c r="C3280" s="9" t="s">
        <v>735</v>
      </c>
      <c r="D3280" s="6" t="s">
        <v>14272</v>
      </c>
      <c r="E3280" s="22">
        <v>44035</v>
      </c>
      <c r="F3280" s="22">
        <v>45860</v>
      </c>
      <c r="G3280" s="6" t="s">
        <v>14273</v>
      </c>
      <c r="H3280" s="6" t="s">
        <v>18</v>
      </c>
      <c r="I3280" s="6" t="s">
        <v>1145</v>
      </c>
      <c r="J3280" s="6" t="s">
        <v>14274</v>
      </c>
      <c r="L3280" s="10" t="s">
        <v>22</v>
      </c>
      <c r="M3280" s="10" t="s">
        <v>22</v>
      </c>
      <c r="N3280" s="10" t="s">
        <v>22</v>
      </c>
      <c r="O3280" s="10" t="s">
        <v>22</v>
      </c>
      <c r="P3280" s="10" t="s">
        <v>22</v>
      </c>
      <c r="Q3280" s="10" t="s">
        <v>22</v>
      </c>
      <c r="R3280" s="10" t="s">
        <v>22</v>
      </c>
      <c r="S3280" s="10" t="s">
        <v>22</v>
      </c>
      <c r="T3280" s="10" t="s">
        <v>22</v>
      </c>
      <c r="U3280" s="10" t="s">
        <v>22</v>
      </c>
      <c r="V3280" s="10" t="s">
        <v>22</v>
      </c>
      <c r="W3280" s="10" t="s">
        <v>22</v>
      </c>
      <c r="X3280" s="10" t="s">
        <v>22</v>
      </c>
      <c r="Y3280" s="10" t="s">
        <v>22</v>
      </c>
      <c r="Z3280" s="10" t="s">
        <v>22</v>
      </c>
    </row>
    <row r="3281" spans="1:26" ht="24" customHeight="1" x14ac:dyDescent="0.2">
      <c r="A3281" s="9" t="s">
        <v>20453</v>
      </c>
      <c r="B3281" s="9" t="s">
        <v>13966</v>
      </c>
      <c r="C3281" s="9" t="s">
        <v>741</v>
      </c>
      <c r="D3281" s="6" t="s">
        <v>14275</v>
      </c>
      <c r="E3281" s="22">
        <v>44095</v>
      </c>
      <c r="F3281" s="22">
        <v>45920</v>
      </c>
      <c r="G3281" s="6" t="s">
        <v>14276</v>
      </c>
      <c r="H3281" s="6" t="s">
        <v>18</v>
      </c>
      <c r="I3281" s="6" t="s">
        <v>10786</v>
      </c>
      <c r="J3281" s="6" t="s">
        <v>14277</v>
      </c>
      <c r="K3281" s="9" t="s">
        <v>14278</v>
      </c>
      <c r="L3281" s="10" t="s">
        <v>22</v>
      </c>
      <c r="M3281" s="10" t="s">
        <v>22</v>
      </c>
      <c r="N3281" s="10" t="s">
        <v>22</v>
      </c>
      <c r="O3281" s="10" t="s">
        <v>22</v>
      </c>
      <c r="P3281" s="10" t="s">
        <v>22</v>
      </c>
      <c r="Q3281" s="10" t="s">
        <v>22</v>
      </c>
      <c r="U3281" s="10" t="s">
        <v>22</v>
      </c>
      <c r="V3281" s="10" t="s">
        <v>22</v>
      </c>
      <c r="W3281" s="10" t="s">
        <v>22</v>
      </c>
      <c r="X3281" s="10" t="s">
        <v>22</v>
      </c>
      <c r="Y3281" s="10" t="s">
        <v>22</v>
      </c>
      <c r="Z3281" s="10" t="s">
        <v>22</v>
      </c>
    </row>
    <row r="3282" spans="1:26" ht="24" customHeight="1" x14ac:dyDescent="0.2">
      <c r="A3282" s="9" t="s">
        <v>20454</v>
      </c>
      <c r="B3282" s="9" t="s">
        <v>13966</v>
      </c>
      <c r="C3282" s="9" t="s">
        <v>746</v>
      </c>
      <c r="D3282" s="6" t="s">
        <v>14279</v>
      </c>
      <c r="E3282" s="22">
        <v>44125</v>
      </c>
      <c r="F3282" s="22">
        <v>45950</v>
      </c>
      <c r="G3282" s="6" t="s">
        <v>14280</v>
      </c>
      <c r="H3282" s="6" t="s">
        <v>18</v>
      </c>
      <c r="I3282" s="6" t="s">
        <v>392</v>
      </c>
      <c r="J3282" s="6" t="s">
        <v>14281</v>
      </c>
      <c r="K3282" s="9" t="s">
        <v>14282</v>
      </c>
      <c r="L3282" s="10" t="s">
        <v>22</v>
      </c>
      <c r="M3282" s="10" t="s">
        <v>22</v>
      </c>
      <c r="N3282" s="10" t="s">
        <v>22</v>
      </c>
      <c r="O3282" s="10" t="s">
        <v>22</v>
      </c>
      <c r="P3282" s="10" t="s">
        <v>22</v>
      </c>
      <c r="Q3282" s="10" t="s">
        <v>22</v>
      </c>
      <c r="U3282" s="10" t="s">
        <v>22</v>
      </c>
      <c r="V3282" s="10" t="s">
        <v>22</v>
      </c>
      <c r="W3282" s="10" t="s">
        <v>22</v>
      </c>
      <c r="X3282" s="10" t="s">
        <v>22</v>
      </c>
      <c r="Y3282" s="10" t="s">
        <v>22</v>
      </c>
      <c r="Z3282" s="10" t="s">
        <v>22</v>
      </c>
    </row>
    <row r="3283" spans="1:26" ht="24" customHeight="1" x14ac:dyDescent="0.2">
      <c r="A3283" s="9" t="s">
        <v>20455</v>
      </c>
      <c r="B3283" s="9" t="s">
        <v>13966</v>
      </c>
      <c r="C3283" s="9" t="s">
        <v>14283</v>
      </c>
      <c r="D3283" s="6" t="s">
        <v>14284</v>
      </c>
      <c r="E3283" s="22">
        <v>44153</v>
      </c>
      <c r="F3283" s="22">
        <v>45978</v>
      </c>
      <c r="G3283" s="6" t="s">
        <v>14285</v>
      </c>
      <c r="H3283" s="6" t="s">
        <v>18</v>
      </c>
      <c r="I3283" s="6" t="s">
        <v>392</v>
      </c>
      <c r="J3283" s="6" t="s">
        <v>14286</v>
      </c>
      <c r="K3283" s="9" t="s">
        <v>14287</v>
      </c>
      <c r="L3283" s="10" t="s">
        <v>22</v>
      </c>
      <c r="M3283" s="10" t="s">
        <v>22</v>
      </c>
      <c r="N3283" s="10" t="s">
        <v>22</v>
      </c>
      <c r="O3283" s="10" t="s">
        <v>22</v>
      </c>
      <c r="P3283" s="10" t="s">
        <v>22</v>
      </c>
      <c r="Q3283" s="10" t="s">
        <v>22</v>
      </c>
      <c r="R3283" s="10" t="s">
        <v>22</v>
      </c>
      <c r="S3283" s="10" t="s">
        <v>22</v>
      </c>
      <c r="T3283" s="10" t="s">
        <v>22</v>
      </c>
      <c r="U3283" s="10" t="s">
        <v>22</v>
      </c>
      <c r="V3283" s="10" t="s">
        <v>22</v>
      </c>
      <c r="W3283" s="10" t="s">
        <v>22</v>
      </c>
      <c r="X3283" s="10" t="s">
        <v>22</v>
      </c>
      <c r="Y3283" s="10" t="s">
        <v>22</v>
      </c>
      <c r="Z3283" s="10" t="s">
        <v>22</v>
      </c>
    </row>
    <row r="3284" spans="1:26" ht="24" customHeight="1" x14ac:dyDescent="0.2">
      <c r="A3284" s="9" t="s">
        <v>20456</v>
      </c>
      <c r="B3284" s="9" t="s">
        <v>13966</v>
      </c>
      <c r="C3284" s="9" t="s">
        <v>761</v>
      </c>
      <c r="D3284" s="6" t="s">
        <v>14288</v>
      </c>
      <c r="E3284" s="22">
        <v>44173</v>
      </c>
      <c r="F3284" s="22">
        <v>45998</v>
      </c>
      <c r="G3284" s="6" t="s">
        <v>14289</v>
      </c>
      <c r="H3284" s="6" t="s">
        <v>18</v>
      </c>
      <c r="I3284" s="6" t="s">
        <v>1691</v>
      </c>
      <c r="J3284" s="6" t="s">
        <v>14290</v>
      </c>
      <c r="L3284" s="10" t="s">
        <v>22</v>
      </c>
      <c r="M3284" s="10" t="s">
        <v>22</v>
      </c>
      <c r="N3284" s="10" t="s">
        <v>22</v>
      </c>
      <c r="O3284" s="10" t="s">
        <v>22</v>
      </c>
      <c r="P3284" s="10" t="s">
        <v>22</v>
      </c>
      <c r="Q3284" s="10" t="s">
        <v>22</v>
      </c>
      <c r="U3284" s="10" t="s">
        <v>22</v>
      </c>
      <c r="V3284" s="10" t="s">
        <v>22</v>
      </c>
      <c r="W3284" s="10" t="s">
        <v>22</v>
      </c>
      <c r="X3284" s="10" t="s">
        <v>22</v>
      </c>
      <c r="Y3284" s="10" t="s">
        <v>22</v>
      </c>
      <c r="Z3284" s="10" t="s">
        <v>22</v>
      </c>
    </row>
    <row r="3285" spans="1:26" ht="24" customHeight="1" x14ac:dyDescent="0.2">
      <c r="A3285" s="9" t="s">
        <v>20457</v>
      </c>
      <c r="B3285" s="9" t="s">
        <v>13966</v>
      </c>
      <c r="C3285" s="9" t="s">
        <v>778</v>
      </c>
      <c r="D3285" s="6" t="s">
        <v>14291</v>
      </c>
      <c r="E3285" s="22">
        <v>44259</v>
      </c>
      <c r="F3285" s="22">
        <v>46084</v>
      </c>
      <c r="G3285" s="6" t="s">
        <v>14292</v>
      </c>
      <c r="H3285" s="6" t="s">
        <v>18</v>
      </c>
      <c r="I3285" s="6" t="s">
        <v>1145</v>
      </c>
      <c r="J3285" s="6" t="s">
        <v>14293</v>
      </c>
      <c r="K3285" s="9" t="s">
        <v>14294</v>
      </c>
      <c r="L3285" s="10" t="s">
        <v>22</v>
      </c>
      <c r="M3285" s="10" t="s">
        <v>22</v>
      </c>
      <c r="N3285" s="10" t="s">
        <v>22</v>
      </c>
      <c r="O3285" s="10" t="s">
        <v>22</v>
      </c>
      <c r="P3285" s="10" t="s">
        <v>22</v>
      </c>
      <c r="Q3285" s="10" t="s">
        <v>22</v>
      </c>
      <c r="R3285" s="10" t="s">
        <v>22</v>
      </c>
      <c r="S3285" s="10" t="s">
        <v>22</v>
      </c>
      <c r="T3285" s="10" t="s">
        <v>22</v>
      </c>
      <c r="U3285" s="10" t="s">
        <v>22</v>
      </c>
      <c r="V3285" s="10" t="s">
        <v>22</v>
      </c>
      <c r="W3285" s="10" t="s">
        <v>22</v>
      </c>
      <c r="X3285" s="10" t="s">
        <v>22</v>
      </c>
      <c r="Y3285" s="10" t="s">
        <v>22</v>
      </c>
      <c r="Z3285" s="10" t="s">
        <v>22</v>
      </c>
    </row>
    <row r="3286" spans="1:26" ht="24" customHeight="1" x14ac:dyDescent="0.2">
      <c r="A3286" s="9" t="s">
        <v>20458</v>
      </c>
      <c r="B3286" s="9" t="s">
        <v>13966</v>
      </c>
      <c r="C3286" s="9" t="s">
        <v>14295</v>
      </c>
      <c r="D3286" s="6" t="s">
        <v>14296</v>
      </c>
      <c r="E3286" s="22">
        <v>44262</v>
      </c>
      <c r="F3286" s="22">
        <v>46087</v>
      </c>
      <c r="G3286" s="6" t="s">
        <v>14297</v>
      </c>
      <c r="H3286" s="6" t="s">
        <v>18</v>
      </c>
      <c r="I3286" s="6" t="s">
        <v>1145</v>
      </c>
      <c r="J3286" s="6" t="s">
        <v>14298</v>
      </c>
      <c r="K3286" s="9" t="s">
        <v>14299</v>
      </c>
      <c r="L3286" s="10" t="s">
        <v>22</v>
      </c>
      <c r="M3286" s="10" t="s">
        <v>22</v>
      </c>
      <c r="N3286" s="10" t="s">
        <v>22</v>
      </c>
      <c r="O3286" s="10" t="s">
        <v>22</v>
      </c>
      <c r="P3286" s="10" t="s">
        <v>22</v>
      </c>
      <c r="Q3286" s="10" t="s">
        <v>22</v>
      </c>
      <c r="U3286" s="10" t="s">
        <v>22</v>
      </c>
      <c r="V3286" s="10" t="s">
        <v>22</v>
      </c>
      <c r="W3286" s="10" t="s">
        <v>22</v>
      </c>
      <c r="X3286" s="10" t="s">
        <v>22</v>
      </c>
      <c r="Y3286" s="10" t="s">
        <v>22</v>
      </c>
      <c r="Z3286" s="10" t="s">
        <v>22</v>
      </c>
    </row>
    <row r="3287" spans="1:26" ht="24" customHeight="1" x14ac:dyDescent="0.2">
      <c r="A3287" s="9" t="s">
        <v>20459</v>
      </c>
      <c r="B3287" s="9" t="s">
        <v>13966</v>
      </c>
      <c r="C3287" s="9" t="s">
        <v>783</v>
      </c>
      <c r="D3287" s="6" t="s">
        <v>14300</v>
      </c>
      <c r="E3287" s="22">
        <v>44285</v>
      </c>
      <c r="F3287" s="22">
        <v>46110</v>
      </c>
      <c r="G3287" s="6" t="s">
        <v>14301</v>
      </c>
      <c r="H3287" s="6" t="s">
        <v>18</v>
      </c>
      <c r="I3287" s="6" t="s">
        <v>1145</v>
      </c>
      <c r="J3287" s="6" t="s">
        <v>17131</v>
      </c>
      <c r="K3287" s="9" t="s">
        <v>14302</v>
      </c>
      <c r="L3287" s="10" t="s">
        <v>22</v>
      </c>
      <c r="M3287" s="10" t="s">
        <v>22</v>
      </c>
      <c r="N3287" s="10" t="s">
        <v>22</v>
      </c>
      <c r="O3287" s="10" t="s">
        <v>22</v>
      </c>
      <c r="P3287" s="10" t="s">
        <v>22</v>
      </c>
      <c r="Q3287" s="10" t="s">
        <v>22</v>
      </c>
      <c r="R3287" s="10" t="s">
        <v>22</v>
      </c>
      <c r="S3287" s="10" t="s">
        <v>22</v>
      </c>
      <c r="T3287" s="10" t="s">
        <v>22</v>
      </c>
      <c r="U3287" s="10" t="s">
        <v>22</v>
      </c>
      <c r="V3287" s="10" t="s">
        <v>22</v>
      </c>
      <c r="W3287" s="10" t="s">
        <v>22</v>
      </c>
      <c r="X3287" s="10" t="s">
        <v>22</v>
      </c>
      <c r="Y3287" s="10" t="s">
        <v>22</v>
      </c>
      <c r="Z3287" s="10" t="s">
        <v>22</v>
      </c>
    </row>
    <row r="3288" spans="1:26" ht="24" customHeight="1" x14ac:dyDescent="0.2">
      <c r="A3288" s="9" t="s">
        <v>20460</v>
      </c>
      <c r="B3288" s="9" t="s">
        <v>13966</v>
      </c>
      <c r="C3288" s="9" t="s">
        <v>14303</v>
      </c>
      <c r="D3288" s="6" t="s">
        <v>14304</v>
      </c>
      <c r="E3288" s="22">
        <v>44292</v>
      </c>
      <c r="F3288" s="22">
        <v>46117</v>
      </c>
      <c r="G3288" s="6" t="s">
        <v>14305</v>
      </c>
      <c r="H3288" s="6" t="s">
        <v>18</v>
      </c>
      <c r="I3288" s="6" t="s">
        <v>392</v>
      </c>
      <c r="J3288" s="6" t="s">
        <v>14306</v>
      </c>
      <c r="K3288" s="9" t="s">
        <v>14307</v>
      </c>
      <c r="L3288" s="10" t="s">
        <v>22</v>
      </c>
      <c r="M3288" s="10" t="s">
        <v>22</v>
      </c>
      <c r="N3288" s="10" t="s">
        <v>22</v>
      </c>
      <c r="P3288" s="10" t="s">
        <v>22</v>
      </c>
      <c r="Q3288" s="10" t="s">
        <v>22</v>
      </c>
      <c r="S3288" s="10" t="s">
        <v>22</v>
      </c>
      <c r="T3288" s="10" t="s">
        <v>22</v>
      </c>
      <c r="U3288" s="10" t="s">
        <v>22</v>
      </c>
      <c r="V3288" s="10" t="s">
        <v>22</v>
      </c>
      <c r="W3288" s="10" t="s">
        <v>22</v>
      </c>
      <c r="X3288" s="10" t="s">
        <v>22</v>
      </c>
      <c r="Y3288" s="10" t="s">
        <v>22</v>
      </c>
      <c r="Z3288" s="10" t="s">
        <v>22</v>
      </c>
    </row>
    <row r="3289" spans="1:26" ht="24" customHeight="1" x14ac:dyDescent="0.2">
      <c r="A3289" s="9" t="s">
        <v>20461</v>
      </c>
      <c r="B3289" s="9" t="s">
        <v>13966</v>
      </c>
      <c r="C3289" s="9" t="s">
        <v>14308</v>
      </c>
      <c r="D3289" s="6" t="s">
        <v>14309</v>
      </c>
      <c r="E3289" s="22">
        <v>44332</v>
      </c>
      <c r="F3289" s="22">
        <v>46157</v>
      </c>
      <c r="G3289" s="6" t="s">
        <v>14310</v>
      </c>
      <c r="H3289" s="6" t="s">
        <v>18</v>
      </c>
      <c r="I3289" s="6" t="s">
        <v>1145</v>
      </c>
      <c r="J3289" s="6" t="s">
        <v>14311</v>
      </c>
      <c r="K3289" s="9" t="s">
        <v>14312</v>
      </c>
      <c r="L3289" s="10" t="s">
        <v>22</v>
      </c>
      <c r="M3289" s="10" t="s">
        <v>22</v>
      </c>
      <c r="N3289" s="10" t="s">
        <v>22</v>
      </c>
      <c r="O3289" s="10" t="s">
        <v>22</v>
      </c>
      <c r="P3289" s="10" t="s">
        <v>22</v>
      </c>
      <c r="Q3289" s="10" t="s">
        <v>22</v>
      </c>
      <c r="R3289" s="10" t="s">
        <v>22</v>
      </c>
      <c r="S3289" s="10" t="s">
        <v>22</v>
      </c>
      <c r="T3289" s="10" t="s">
        <v>22</v>
      </c>
      <c r="U3289" s="10" t="s">
        <v>22</v>
      </c>
      <c r="V3289" s="10" t="s">
        <v>22</v>
      </c>
      <c r="W3289" s="10" t="s">
        <v>22</v>
      </c>
      <c r="X3289" s="10" t="s">
        <v>22</v>
      </c>
      <c r="Y3289" s="10" t="s">
        <v>22</v>
      </c>
      <c r="Z3289" s="10" t="s">
        <v>22</v>
      </c>
    </row>
    <row r="3290" spans="1:26" ht="24" customHeight="1" x14ac:dyDescent="0.2">
      <c r="A3290" s="9" t="s">
        <v>20462</v>
      </c>
      <c r="B3290" s="9" t="s">
        <v>13966</v>
      </c>
      <c r="C3290" s="9" t="s">
        <v>14313</v>
      </c>
      <c r="D3290" s="6" t="s">
        <v>14314</v>
      </c>
      <c r="E3290" s="22">
        <v>44341</v>
      </c>
      <c r="F3290" s="22">
        <v>46166</v>
      </c>
      <c r="G3290" s="6" t="s">
        <v>14315</v>
      </c>
      <c r="H3290" s="6" t="s">
        <v>18</v>
      </c>
      <c r="I3290" s="6" t="s">
        <v>1145</v>
      </c>
      <c r="J3290" s="6" t="s">
        <v>14316</v>
      </c>
      <c r="K3290" s="9" t="s">
        <v>14317</v>
      </c>
      <c r="L3290" s="10" t="s">
        <v>22</v>
      </c>
      <c r="M3290" s="10" t="s">
        <v>22</v>
      </c>
      <c r="N3290" s="10" t="s">
        <v>22</v>
      </c>
      <c r="O3290" s="10" t="s">
        <v>22</v>
      </c>
      <c r="P3290" s="10" t="s">
        <v>22</v>
      </c>
      <c r="Q3290" s="10" t="s">
        <v>22</v>
      </c>
      <c r="R3290" s="10" t="s">
        <v>22</v>
      </c>
      <c r="S3290" s="10" t="s">
        <v>22</v>
      </c>
      <c r="T3290" s="10" t="s">
        <v>22</v>
      </c>
      <c r="U3290" s="10" t="s">
        <v>22</v>
      </c>
      <c r="V3290" s="10" t="s">
        <v>22</v>
      </c>
      <c r="W3290" s="10" t="s">
        <v>22</v>
      </c>
      <c r="X3290" s="10" t="s">
        <v>22</v>
      </c>
      <c r="Y3290" s="10" t="s">
        <v>22</v>
      </c>
      <c r="Z3290" s="10" t="s">
        <v>22</v>
      </c>
    </row>
    <row r="3291" spans="1:26" ht="24" customHeight="1" x14ac:dyDescent="0.2">
      <c r="A3291" s="9" t="s">
        <v>20463</v>
      </c>
      <c r="B3291" s="9" t="s">
        <v>13966</v>
      </c>
      <c r="C3291" s="9" t="s">
        <v>802</v>
      </c>
      <c r="D3291" s="6" t="s">
        <v>14318</v>
      </c>
      <c r="E3291" s="22">
        <v>44378</v>
      </c>
      <c r="F3291" s="22">
        <v>46203</v>
      </c>
      <c r="G3291" s="6" t="s">
        <v>14319</v>
      </c>
      <c r="H3291" s="6" t="s">
        <v>18</v>
      </c>
      <c r="I3291" s="6" t="s">
        <v>392</v>
      </c>
      <c r="J3291" s="6" t="s">
        <v>14320</v>
      </c>
      <c r="K3291" s="9" t="s">
        <v>14321</v>
      </c>
      <c r="L3291" s="10" t="s">
        <v>22</v>
      </c>
      <c r="M3291" s="10" t="s">
        <v>22</v>
      </c>
      <c r="N3291" s="10" t="s">
        <v>22</v>
      </c>
      <c r="O3291" s="10" t="s">
        <v>22</v>
      </c>
      <c r="P3291" s="10" t="s">
        <v>22</v>
      </c>
      <c r="Q3291" s="10" t="s">
        <v>22</v>
      </c>
      <c r="R3291" s="10" t="s">
        <v>22</v>
      </c>
      <c r="S3291" s="10" t="s">
        <v>22</v>
      </c>
      <c r="T3291" s="10" t="s">
        <v>22</v>
      </c>
      <c r="U3291" s="10" t="s">
        <v>22</v>
      </c>
      <c r="V3291" s="10" t="s">
        <v>22</v>
      </c>
      <c r="W3291" s="10" t="s">
        <v>22</v>
      </c>
      <c r="X3291" s="10" t="s">
        <v>22</v>
      </c>
      <c r="Y3291" s="10" t="s">
        <v>22</v>
      </c>
      <c r="Z3291" s="10" t="s">
        <v>22</v>
      </c>
    </row>
    <row r="3292" spans="1:26" ht="24" customHeight="1" x14ac:dyDescent="0.2">
      <c r="A3292" s="9" t="s">
        <v>20464</v>
      </c>
      <c r="B3292" s="9" t="s">
        <v>13966</v>
      </c>
      <c r="C3292" s="9" t="s">
        <v>14322</v>
      </c>
      <c r="D3292" s="6" t="s">
        <v>14323</v>
      </c>
      <c r="E3292" s="22">
        <v>44416</v>
      </c>
      <c r="F3292" s="22">
        <v>46241</v>
      </c>
      <c r="G3292" s="6" t="s">
        <v>14324</v>
      </c>
      <c r="H3292" s="6" t="s">
        <v>18</v>
      </c>
      <c r="I3292" s="6" t="s">
        <v>1194</v>
      </c>
      <c r="J3292" s="6" t="s">
        <v>14325</v>
      </c>
      <c r="K3292" s="9" t="s">
        <v>14326</v>
      </c>
      <c r="L3292" s="10" t="s">
        <v>22</v>
      </c>
      <c r="M3292" s="10" t="s">
        <v>22</v>
      </c>
      <c r="N3292" s="10" t="s">
        <v>22</v>
      </c>
      <c r="R3292" s="10" t="s">
        <v>22</v>
      </c>
      <c r="S3292" s="10" t="s">
        <v>22</v>
      </c>
      <c r="T3292" s="10" t="s">
        <v>22</v>
      </c>
      <c r="U3292" s="10" t="s">
        <v>22</v>
      </c>
      <c r="V3292" s="10" t="s">
        <v>22</v>
      </c>
      <c r="W3292" s="10" t="s">
        <v>22</v>
      </c>
    </row>
    <row r="3293" spans="1:26" ht="24" customHeight="1" x14ac:dyDescent="0.2">
      <c r="A3293" s="9" t="s">
        <v>20465</v>
      </c>
      <c r="B3293" s="9" t="s">
        <v>13966</v>
      </c>
      <c r="C3293" s="9" t="s">
        <v>812</v>
      </c>
      <c r="D3293" s="6" t="s">
        <v>14327</v>
      </c>
      <c r="E3293" s="22">
        <v>44434</v>
      </c>
      <c r="F3293" s="22">
        <v>46259</v>
      </c>
      <c r="G3293" s="6" t="s">
        <v>14328</v>
      </c>
      <c r="H3293" s="6" t="s">
        <v>18</v>
      </c>
      <c r="I3293" s="6" t="s">
        <v>1145</v>
      </c>
      <c r="J3293" s="6" t="s">
        <v>14329</v>
      </c>
      <c r="K3293" s="9" t="s">
        <v>14330</v>
      </c>
      <c r="L3293" s="10" t="s">
        <v>22</v>
      </c>
      <c r="M3293" s="10" t="s">
        <v>22</v>
      </c>
      <c r="N3293" s="10" t="s">
        <v>22</v>
      </c>
      <c r="O3293" s="10" t="s">
        <v>22</v>
      </c>
      <c r="P3293" s="10" t="s">
        <v>22</v>
      </c>
      <c r="Q3293" s="10" t="s">
        <v>22</v>
      </c>
      <c r="U3293" s="10" t="s">
        <v>22</v>
      </c>
      <c r="V3293" s="10" t="s">
        <v>22</v>
      </c>
      <c r="W3293" s="10" t="s">
        <v>22</v>
      </c>
      <c r="X3293" s="10" t="s">
        <v>22</v>
      </c>
      <c r="Y3293" s="10" t="s">
        <v>22</v>
      </c>
      <c r="Z3293" s="10" t="s">
        <v>22</v>
      </c>
    </row>
    <row r="3294" spans="1:26" ht="24" customHeight="1" x14ac:dyDescent="0.2">
      <c r="A3294" s="9" t="s">
        <v>20466</v>
      </c>
      <c r="B3294" s="9" t="s">
        <v>13966</v>
      </c>
      <c r="C3294" s="9" t="s">
        <v>816</v>
      </c>
      <c r="D3294" s="6" t="s">
        <v>14331</v>
      </c>
      <c r="E3294" s="22">
        <v>44465</v>
      </c>
      <c r="F3294" s="22">
        <v>46290</v>
      </c>
      <c r="G3294" s="6" t="s">
        <v>14332</v>
      </c>
      <c r="H3294" s="6" t="s">
        <v>18</v>
      </c>
      <c r="I3294" s="6" t="s">
        <v>1145</v>
      </c>
      <c r="J3294" s="6" t="s">
        <v>14333</v>
      </c>
      <c r="K3294" s="9" t="s">
        <v>14334</v>
      </c>
      <c r="L3294" s="10" t="s">
        <v>22</v>
      </c>
      <c r="M3294" s="10" t="s">
        <v>22</v>
      </c>
      <c r="N3294" s="10" t="s">
        <v>22</v>
      </c>
      <c r="O3294" s="10" t="s">
        <v>22</v>
      </c>
      <c r="P3294" s="10" t="s">
        <v>22</v>
      </c>
      <c r="Q3294" s="10" t="s">
        <v>22</v>
      </c>
      <c r="U3294" s="10" t="s">
        <v>22</v>
      </c>
      <c r="V3294" s="10" t="s">
        <v>22</v>
      </c>
      <c r="W3294" s="10" t="s">
        <v>22</v>
      </c>
      <c r="X3294" s="10" t="s">
        <v>22</v>
      </c>
      <c r="Y3294" s="10" t="s">
        <v>22</v>
      </c>
      <c r="Z3294" s="10" t="s">
        <v>22</v>
      </c>
    </row>
    <row r="3295" spans="1:26" ht="24" customHeight="1" x14ac:dyDescent="0.2">
      <c r="A3295" s="9" t="s">
        <v>20467</v>
      </c>
      <c r="B3295" s="9" t="s">
        <v>13966</v>
      </c>
      <c r="C3295" s="9" t="s">
        <v>14335</v>
      </c>
      <c r="D3295" s="6" t="s">
        <v>14336</v>
      </c>
      <c r="E3295" s="22">
        <v>44496</v>
      </c>
      <c r="F3295" s="22">
        <v>46321</v>
      </c>
      <c r="G3295" s="6" t="s">
        <v>14337</v>
      </c>
      <c r="H3295" s="6" t="s">
        <v>18</v>
      </c>
      <c r="I3295" s="6" t="s">
        <v>392</v>
      </c>
      <c r="J3295" s="6" t="s">
        <v>14338</v>
      </c>
      <c r="K3295" s="9" t="s">
        <v>14339</v>
      </c>
      <c r="L3295" s="10" t="s">
        <v>22</v>
      </c>
      <c r="M3295" s="10" t="s">
        <v>22</v>
      </c>
      <c r="N3295" s="10" t="s">
        <v>22</v>
      </c>
      <c r="O3295" s="10" t="s">
        <v>22</v>
      </c>
      <c r="P3295" s="10" t="s">
        <v>22</v>
      </c>
      <c r="Q3295" s="10" t="s">
        <v>22</v>
      </c>
      <c r="R3295" s="10" t="s">
        <v>22</v>
      </c>
      <c r="S3295" s="10" t="s">
        <v>22</v>
      </c>
      <c r="T3295" s="10" t="s">
        <v>22</v>
      </c>
      <c r="U3295" s="10" t="s">
        <v>22</v>
      </c>
      <c r="V3295" s="10" t="s">
        <v>22</v>
      </c>
      <c r="W3295" s="10" t="s">
        <v>22</v>
      </c>
      <c r="X3295" s="10" t="s">
        <v>22</v>
      </c>
      <c r="Y3295" s="10" t="s">
        <v>22</v>
      </c>
      <c r="Z3295" s="10" t="s">
        <v>22</v>
      </c>
    </row>
    <row r="3296" spans="1:26" ht="24" customHeight="1" x14ac:dyDescent="0.2">
      <c r="A3296" s="9" t="s">
        <v>20468</v>
      </c>
      <c r="B3296" s="9" t="s">
        <v>13966</v>
      </c>
      <c r="C3296" s="9" t="s">
        <v>14340</v>
      </c>
      <c r="D3296" s="6" t="s">
        <v>14341</v>
      </c>
      <c r="E3296" s="22">
        <v>44572</v>
      </c>
      <c r="F3296" s="22">
        <v>46397</v>
      </c>
      <c r="G3296" s="6" t="s">
        <v>14342</v>
      </c>
      <c r="H3296" s="6" t="s">
        <v>18</v>
      </c>
      <c r="I3296" s="6" t="s">
        <v>1145</v>
      </c>
      <c r="J3296" s="6" t="s">
        <v>14343</v>
      </c>
      <c r="K3296" s="9" t="s">
        <v>14344</v>
      </c>
      <c r="L3296" s="10" t="s">
        <v>22</v>
      </c>
      <c r="M3296" s="10" t="s">
        <v>22</v>
      </c>
      <c r="N3296" s="10" t="s">
        <v>22</v>
      </c>
      <c r="O3296" s="10" t="s">
        <v>22</v>
      </c>
      <c r="P3296" s="10" t="s">
        <v>22</v>
      </c>
      <c r="Q3296" s="10" t="s">
        <v>22</v>
      </c>
      <c r="R3296" s="10" t="s">
        <v>22</v>
      </c>
      <c r="S3296" s="10" t="s">
        <v>22</v>
      </c>
      <c r="T3296" s="10" t="s">
        <v>22</v>
      </c>
      <c r="U3296" s="10" t="s">
        <v>22</v>
      </c>
      <c r="V3296" s="10" t="s">
        <v>22</v>
      </c>
      <c r="W3296" s="10" t="s">
        <v>22</v>
      </c>
      <c r="X3296" s="10" t="s">
        <v>22</v>
      </c>
      <c r="Y3296" s="10" t="s">
        <v>22</v>
      </c>
      <c r="Z3296" s="10" t="s">
        <v>22</v>
      </c>
    </row>
    <row r="3297" spans="1:26" ht="24" customHeight="1" x14ac:dyDescent="0.2">
      <c r="A3297" s="9" t="s">
        <v>20469</v>
      </c>
      <c r="B3297" s="9" t="s">
        <v>13966</v>
      </c>
      <c r="C3297" s="9" t="s">
        <v>14345</v>
      </c>
      <c r="D3297" s="6" t="s">
        <v>14346</v>
      </c>
      <c r="E3297" s="22">
        <v>44579</v>
      </c>
      <c r="F3297" s="22">
        <v>46404</v>
      </c>
      <c r="G3297" s="6" t="s">
        <v>14347</v>
      </c>
      <c r="H3297" s="6" t="s">
        <v>18</v>
      </c>
      <c r="I3297" s="6" t="s">
        <v>1145</v>
      </c>
      <c r="J3297" s="6" t="s">
        <v>14348</v>
      </c>
      <c r="K3297" s="9" t="s">
        <v>14349</v>
      </c>
      <c r="L3297" s="10" t="s">
        <v>22</v>
      </c>
      <c r="M3297" s="10" t="s">
        <v>22</v>
      </c>
      <c r="N3297" s="10" t="s">
        <v>22</v>
      </c>
      <c r="O3297" s="10" t="s">
        <v>22</v>
      </c>
      <c r="P3297" s="10" t="s">
        <v>22</v>
      </c>
      <c r="Q3297" s="10" t="s">
        <v>22</v>
      </c>
      <c r="R3297" s="10" t="s">
        <v>22</v>
      </c>
      <c r="S3297" s="10" t="s">
        <v>22</v>
      </c>
      <c r="T3297" s="10" t="s">
        <v>22</v>
      </c>
      <c r="U3297" s="10" t="s">
        <v>22</v>
      </c>
      <c r="V3297" s="10" t="s">
        <v>22</v>
      </c>
      <c r="W3297" s="10" t="s">
        <v>22</v>
      </c>
      <c r="X3297" s="10" t="s">
        <v>22</v>
      </c>
      <c r="Y3297" s="10" t="s">
        <v>22</v>
      </c>
      <c r="Z3297" s="10" t="s">
        <v>22</v>
      </c>
    </row>
    <row r="3298" spans="1:26" ht="24" customHeight="1" x14ac:dyDescent="0.2">
      <c r="A3298" s="9" t="s">
        <v>20470</v>
      </c>
      <c r="B3298" s="9" t="s">
        <v>13966</v>
      </c>
      <c r="C3298" s="9" t="s">
        <v>14345</v>
      </c>
      <c r="D3298" s="6" t="s">
        <v>14346</v>
      </c>
      <c r="E3298" s="22">
        <v>44579</v>
      </c>
      <c r="F3298" s="22">
        <v>46404</v>
      </c>
      <c r="G3298" s="6" t="s">
        <v>14350</v>
      </c>
      <c r="H3298" s="6" t="s">
        <v>363</v>
      </c>
      <c r="I3298" s="6" t="s">
        <v>10567</v>
      </c>
      <c r="J3298" s="6" t="s">
        <v>14351</v>
      </c>
      <c r="K3298" s="9" t="s">
        <v>14352</v>
      </c>
      <c r="L3298" s="10" t="s">
        <v>22</v>
      </c>
      <c r="M3298" s="10" t="s">
        <v>22</v>
      </c>
      <c r="N3298" s="10" t="s">
        <v>22</v>
      </c>
      <c r="O3298" s="10" t="s">
        <v>22</v>
      </c>
      <c r="P3298" s="10" t="s">
        <v>22</v>
      </c>
      <c r="Q3298" s="10" t="s">
        <v>22</v>
      </c>
      <c r="R3298" s="10" t="s">
        <v>22</v>
      </c>
      <c r="S3298" s="10" t="s">
        <v>22</v>
      </c>
      <c r="T3298" s="10" t="s">
        <v>22</v>
      </c>
      <c r="U3298" s="10" t="s">
        <v>22</v>
      </c>
      <c r="V3298" s="10" t="s">
        <v>22</v>
      </c>
      <c r="W3298" s="10" t="s">
        <v>22</v>
      </c>
      <c r="X3298" s="10" t="s">
        <v>22</v>
      </c>
      <c r="Y3298" s="10" t="s">
        <v>22</v>
      </c>
      <c r="Z3298" s="10" t="s">
        <v>22</v>
      </c>
    </row>
    <row r="3299" spans="1:26" ht="24" customHeight="1" x14ac:dyDescent="0.2">
      <c r="A3299" s="9" t="s">
        <v>20471</v>
      </c>
      <c r="B3299" s="9" t="s">
        <v>13966</v>
      </c>
      <c r="C3299" s="9" t="s">
        <v>14353</v>
      </c>
      <c r="D3299" s="6" t="s">
        <v>14354</v>
      </c>
      <c r="E3299" s="22">
        <v>44572</v>
      </c>
      <c r="F3299" s="22">
        <v>46397</v>
      </c>
      <c r="G3299" s="6" t="s">
        <v>14355</v>
      </c>
      <c r="H3299" s="6" t="s">
        <v>18</v>
      </c>
      <c r="I3299" s="6" t="s">
        <v>1145</v>
      </c>
      <c r="J3299" s="6" t="s">
        <v>14356</v>
      </c>
      <c r="K3299" s="9" t="s">
        <v>14357</v>
      </c>
      <c r="L3299" s="10" t="s">
        <v>22</v>
      </c>
      <c r="M3299" s="10" t="s">
        <v>22</v>
      </c>
      <c r="N3299" s="10" t="s">
        <v>22</v>
      </c>
      <c r="O3299" s="10" t="s">
        <v>22</v>
      </c>
      <c r="P3299" s="10" t="s">
        <v>22</v>
      </c>
      <c r="Q3299" s="10" t="s">
        <v>22</v>
      </c>
      <c r="R3299" s="10" t="s">
        <v>22</v>
      </c>
      <c r="S3299" s="10" t="s">
        <v>22</v>
      </c>
      <c r="T3299" s="10" t="s">
        <v>22</v>
      </c>
      <c r="U3299" s="10" t="s">
        <v>22</v>
      </c>
      <c r="V3299" s="10" t="s">
        <v>22</v>
      </c>
      <c r="W3299" s="10" t="s">
        <v>22</v>
      </c>
      <c r="X3299" s="10" t="s">
        <v>22</v>
      </c>
      <c r="Y3299" s="10" t="s">
        <v>22</v>
      </c>
      <c r="Z3299" s="10" t="s">
        <v>22</v>
      </c>
    </row>
    <row r="3300" spans="1:26" ht="24" customHeight="1" x14ac:dyDescent="0.2">
      <c r="A3300" s="9" t="s">
        <v>20472</v>
      </c>
      <c r="B3300" s="9" t="s">
        <v>13966</v>
      </c>
      <c r="C3300" s="9" t="s">
        <v>14358</v>
      </c>
      <c r="D3300" s="6" t="s">
        <v>14359</v>
      </c>
      <c r="E3300" s="22">
        <v>44579</v>
      </c>
      <c r="F3300" s="22">
        <v>46404</v>
      </c>
      <c r="G3300" s="6" t="s">
        <v>14360</v>
      </c>
      <c r="H3300" s="6" t="s">
        <v>18</v>
      </c>
      <c r="I3300" s="6" t="s">
        <v>1145</v>
      </c>
      <c r="J3300" s="6" t="s">
        <v>14361</v>
      </c>
      <c r="K3300" s="9" t="s">
        <v>14362</v>
      </c>
      <c r="L3300" s="10" t="s">
        <v>22</v>
      </c>
      <c r="M3300" s="10" t="s">
        <v>22</v>
      </c>
      <c r="N3300" s="10" t="s">
        <v>22</v>
      </c>
      <c r="O3300" s="10" t="s">
        <v>22</v>
      </c>
      <c r="P3300" s="10" t="s">
        <v>22</v>
      </c>
      <c r="Q3300" s="10" t="s">
        <v>22</v>
      </c>
      <c r="R3300" s="10" t="s">
        <v>22</v>
      </c>
      <c r="S3300" s="10" t="s">
        <v>22</v>
      </c>
      <c r="T3300" s="10" t="s">
        <v>22</v>
      </c>
      <c r="U3300" s="10" t="s">
        <v>22</v>
      </c>
      <c r="V3300" s="10" t="s">
        <v>22</v>
      </c>
      <c r="W3300" s="10" t="s">
        <v>22</v>
      </c>
      <c r="X3300" s="10" t="s">
        <v>22</v>
      </c>
      <c r="Y3300" s="10" t="s">
        <v>22</v>
      </c>
      <c r="Z3300" s="10" t="s">
        <v>22</v>
      </c>
    </row>
    <row r="3301" spans="1:26" ht="24" customHeight="1" x14ac:dyDescent="0.2">
      <c r="A3301" s="9" t="s">
        <v>20473</v>
      </c>
      <c r="B3301" s="9" t="s">
        <v>13966</v>
      </c>
      <c r="C3301" s="9" t="s">
        <v>14363</v>
      </c>
      <c r="D3301" s="6" t="s">
        <v>14364</v>
      </c>
      <c r="E3301" s="22">
        <v>44572</v>
      </c>
      <c r="F3301" s="22">
        <v>46397</v>
      </c>
      <c r="G3301" s="6" t="s">
        <v>14365</v>
      </c>
      <c r="H3301" s="6" t="s">
        <v>18</v>
      </c>
      <c r="I3301" s="6" t="s">
        <v>1145</v>
      </c>
      <c r="J3301" s="6" t="s">
        <v>14366</v>
      </c>
      <c r="K3301" s="9" t="s">
        <v>14367</v>
      </c>
      <c r="L3301" s="10" t="s">
        <v>22</v>
      </c>
      <c r="M3301" s="10" t="s">
        <v>22</v>
      </c>
      <c r="N3301" s="10" t="s">
        <v>22</v>
      </c>
      <c r="O3301" s="10" t="s">
        <v>22</v>
      </c>
      <c r="P3301" s="10" t="s">
        <v>22</v>
      </c>
      <c r="Q3301" s="10" t="s">
        <v>22</v>
      </c>
      <c r="R3301" s="10" t="s">
        <v>22</v>
      </c>
      <c r="S3301" s="10" t="s">
        <v>22</v>
      </c>
      <c r="T3301" s="10" t="s">
        <v>22</v>
      </c>
      <c r="U3301" s="10" t="s">
        <v>22</v>
      </c>
      <c r="V3301" s="10" t="s">
        <v>22</v>
      </c>
      <c r="W3301" s="10" t="s">
        <v>22</v>
      </c>
      <c r="X3301" s="10" t="s">
        <v>22</v>
      </c>
      <c r="Y3301" s="10" t="s">
        <v>22</v>
      </c>
      <c r="Z3301" s="10" t="s">
        <v>22</v>
      </c>
    </row>
    <row r="3302" spans="1:26" ht="24" customHeight="1" x14ac:dyDescent="0.2">
      <c r="A3302" s="9" t="s">
        <v>20474</v>
      </c>
      <c r="B3302" s="9" t="s">
        <v>13966</v>
      </c>
      <c r="C3302" s="9" t="s">
        <v>14368</v>
      </c>
      <c r="D3302" s="6" t="s">
        <v>14369</v>
      </c>
      <c r="E3302" s="22">
        <v>44586</v>
      </c>
      <c r="F3302" s="22">
        <v>46411</v>
      </c>
      <c r="G3302" s="6" t="s">
        <v>14370</v>
      </c>
      <c r="H3302" s="6" t="s">
        <v>18</v>
      </c>
      <c r="I3302" s="6" t="s">
        <v>1145</v>
      </c>
      <c r="J3302" s="6" t="s">
        <v>14371</v>
      </c>
      <c r="K3302" s="9" t="s">
        <v>14372</v>
      </c>
      <c r="L3302" s="10" t="s">
        <v>22</v>
      </c>
      <c r="M3302" s="10" t="s">
        <v>22</v>
      </c>
      <c r="N3302" s="10" t="s">
        <v>22</v>
      </c>
      <c r="O3302" s="10" t="s">
        <v>22</v>
      </c>
      <c r="P3302" s="10" t="s">
        <v>22</v>
      </c>
      <c r="Q3302" s="10" t="s">
        <v>22</v>
      </c>
      <c r="R3302" s="10" t="s">
        <v>22</v>
      </c>
      <c r="S3302" s="10" t="s">
        <v>22</v>
      </c>
      <c r="T3302" s="10" t="s">
        <v>22</v>
      </c>
      <c r="U3302" s="10" t="s">
        <v>22</v>
      </c>
      <c r="V3302" s="10" t="s">
        <v>22</v>
      </c>
      <c r="W3302" s="10" t="s">
        <v>22</v>
      </c>
      <c r="X3302" s="10" t="s">
        <v>22</v>
      </c>
      <c r="Y3302" s="10" t="s">
        <v>22</v>
      </c>
      <c r="Z3302" s="10" t="s">
        <v>22</v>
      </c>
    </row>
    <row r="3303" spans="1:26" ht="24" customHeight="1" x14ac:dyDescent="0.2">
      <c r="A3303" s="9" t="s">
        <v>20475</v>
      </c>
      <c r="B3303" s="9" t="s">
        <v>13966</v>
      </c>
      <c r="C3303" s="9" t="s">
        <v>827</v>
      </c>
      <c r="D3303" s="6" t="s">
        <v>14373</v>
      </c>
      <c r="E3303" s="22">
        <v>44591</v>
      </c>
      <c r="F3303" s="22">
        <v>46416</v>
      </c>
      <c r="G3303" s="6" t="s">
        <v>14374</v>
      </c>
      <c r="H3303" s="6" t="s">
        <v>18</v>
      </c>
      <c r="I3303" s="6" t="s">
        <v>392</v>
      </c>
      <c r="J3303" s="6" t="s">
        <v>14375</v>
      </c>
      <c r="K3303" s="9" t="s">
        <v>14376</v>
      </c>
      <c r="L3303" s="10" t="s">
        <v>22</v>
      </c>
      <c r="M3303" s="10" t="s">
        <v>22</v>
      </c>
      <c r="N3303" s="10" t="s">
        <v>22</v>
      </c>
      <c r="O3303" s="10" t="s">
        <v>22</v>
      </c>
      <c r="P3303" s="10" t="s">
        <v>22</v>
      </c>
      <c r="Q3303" s="10" t="s">
        <v>22</v>
      </c>
      <c r="R3303" s="10" t="s">
        <v>22</v>
      </c>
      <c r="S3303" s="10" t="s">
        <v>22</v>
      </c>
      <c r="T3303" s="10" t="s">
        <v>22</v>
      </c>
      <c r="U3303" s="10" t="s">
        <v>22</v>
      </c>
      <c r="V3303" s="10" t="s">
        <v>22</v>
      </c>
      <c r="W3303" s="10" t="s">
        <v>22</v>
      </c>
      <c r="X3303" s="10" t="s">
        <v>22</v>
      </c>
      <c r="Y3303" s="10" t="s">
        <v>22</v>
      </c>
      <c r="Z3303" s="10" t="s">
        <v>22</v>
      </c>
    </row>
    <row r="3304" spans="1:26" ht="24" customHeight="1" x14ac:dyDescent="0.2">
      <c r="A3304" s="9" t="s">
        <v>20476</v>
      </c>
      <c r="B3304" s="9" t="s">
        <v>13966</v>
      </c>
      <c r="C3304" s="9" t="s">
        <v>14377</v>
      </c>
      <c r="D3304" s="6" t="s">
        <v>14378</v>
      </c>
      <c r="E3304" s="22">
        <v>44601</v>
      </c>
      <c r="F3304" s="22">
        <v>46426</v>
      </c>
      <c r="G3304" s="6" t="s">
        <v>14379</v>
      </c>
      <c r="H3304" s="6" t="s">
        <v>18</v>
      </c>
      <c r="I3304" s="6" t="s">
        <v>1145</v>
      </c>
      <c r="J3304" s="6" t="s">
        <v>14380</v>
      </c>
      <c r="K3304" s="9" t="s">
        <v>14381</v>
      </c>
      <c r="L3304" s="10" t="s">
        <v>22</v>
      </c>
      <c r="M3304" s="10" t="s">
        <v>22</v>
      </c>
      <c r="N3304" s="10" t="s">
        <v>22</v>
      </c>
      <c r="O3304" s="10" t="s">
        <v>22</v>
      </c>
      <c r="P3304" s="10" t="s">
        <v>22</v>
      </c>
      <c r="Q3304" s="10" t="s">
        <v>22</v>
      </c>
      <c r="R3304" s="10" t="s">
        <v>22</v>
      </c>
      <c r="S3304" s="10" t="s">
        <v>22</v>
      </c>
      <c r="T3304" s="10" t="s">
        <v>22</v>
      </c>
      <c r="U3304" s="10" t="s">
        <v>22</v>
      </c>
      <c r="V3304" s="10" t="s">
        <v>22</v>
      </c>
      <c r="W3304" s="10" t="s">
        <v>22</v>
      </c>
      <c r="X3304" s="10" t="s">
        <v>22</v>
      </c>
      <c r="Y3304" s="10" t="s">
        <v>22</v>
      </c>
      <c r="Z3304" s="10" t="s">
        <v>22</v>
      </c>
    </row>
    <row r="3305" spans="1:26" ht="24" customHeight="1" x14ac:dyDescent="0.2">
      <c r="A3305" s="9" t="s">
        <v>20477</v>
      </c>
      <c r="B3305" s="9" t="s">
        <v>13966</v>
      </c>
      <c r="C3305" s="9" t="s">
        <v>838</v>
      </c>
      <c r="D3305" s="6" t="s">
        <v>14382</v>
      </c>
      <c r="E3305" s="22">
        <v>44615</v>
      </c>
      <c r="F3305" s="22">
        <v>46440</v>
      </c>
      <c r="G3305" s="6" t="s">
        <v>14383</v>
      </c>
      <c r="H3305" s="6" t="s">
        <v>18</v>
      </c>
      <c r="I3305" s="6" t="s">
        <v>1145</v>
      </c>
      <c r="J3305" s="6" t="s">
        <v>14384</v>
      </c>
      <c r="K3305" s="9" t="s">
        <v>14385</v>
      </c>
      <c r="L3305" s="10" t="s">
        <v>22</v>
      </c>
      <c r="M3305" s="10" t="s">
        <v>22</v>
      </c>
      <c r="N3305" s="10" t="s">
        <v>22</v>
      </c>
      <c r="O3305" s="10" t="s">
        <v>22</v>
      </c>
      <c r="P3305" s="10" t="s">
        <v>22</v>
      </c>
      <c r="Q3305" s="10" t="s">
        <v>22</v>
      </c>
      <c r="U3305" s="10" t="s">
        <v>22</v>
      </c>
      <c r="V3305" s="10" t="s">
        <v>22</v>
      </c>
      <c r="W3305" s="10" t="s">
        <v>22</v>
      </c>
      <c r="X3305" s="10" t="s">
        <v>22</v>
      </c>
      <c r="Y3305" s="10" t="s">
        <v>22</v>
      </c>
      <c r="Z3305" s="10" t="s">
        <v>22</v>
      </c>
    </row>
    <row r="3306" spans="1:26" ht="24" customHeight="1" x14ac:dyDescent="0.2">
      <c r="A3306" s="9" t="s">
        <v>20478</v>
      </c>
      <c r="B3306" s="9" t="s">
        <v>13966</v>
      </c>
      <c r="C3306" s="9" t="s">
        <v>845</v>
      </c>
      <c r="D3306" s="6" t="s">
        <v>14386</v>
      </c>
      <c r="E3306" s="22">
        <v>44664</v>
      </c>
      <c r="F3306" s="22">
        <v>46489</v>
      </c>
      <c r="G3306" s="6" t="s">
        <v>14387</v>
      </c>
      <c r="H3306" s="6" t="s">
        <v>18</v>
      </c>
      <c r="I3306" s="6" t="s">
        <v>1145</v>
      </c>
      <c r="J3306" s="6" t="s">
        <v>14388</v>
      </c>
      <c r="K3306" s="9" t="s">
        <v>14389</v>
      </c>
      <c r="O3306" s="10" t="s">
        <v>22</v>
      </c>
      <c r="P3306" s="10" t="s">
        <v>22</v>
      </c>
      <c r="Q3306" s="10" t="s">
        <v>22</v>
      </c>
    </row>
    <row r="3307" spans="1:26" ht="24" customHeight="1" x14ac:dyDescent="0.2">
      <c r="A3307" s="9" t="s">
        <v>20479</v>
      </c>
      <c r="B3307" s="9" t="s">
        <v>13966</v>
      </c>
      <c r="C3307" s="9" t="s">
        <v>854</v>
      </c>
      <c r="D3307" s="6" t="s">
        <v>14390</v>
      </c>
      <c r="E3307" s="22">
        <v>44664</v>
      </c>
      <c r="F3307" s="22">
        <v>46489</v>
      </c>
      <c r="G3307" s="6" t="s">
        <v>14391</v>
      </c>
      <c r="H3307" s="6" t="s">
        <v>18</v>
      </c>
      <c r="I3307" s="6" t="s">
        <v>1145</v>
      </c>
      <c r="J3307" s="6" t="s">
        <v>14392</v>
      </c>
      <c r="K3307" s="9" t="s">
        <v>14393</v>
      </c>
      <c r="L3307" s="10" t="s">
        <v>22</v>
      </c>
      <c r="M3307" s="10" t="s">
        <v>22</v>
      </c>
      <c r="N3307" s="10" t="s">
        <v>22</v>
      </c>
      <c r="O3307" s="10" t="s">
        <v>22</v>
      </c>
      <c r="P3307" s="10" t="s">
        <v>22</v>
      </c>
      <c r="Q3307" s="10" t="s">
        <v>22</v>
      </c>
      <c r="R3307" s="10" t="s">
        <v>22</v>
      </c>
      <c r="S3307" s="10" t="s">
        <v>22</v>
      </c>
      <c r="T3307" s="10" t="s">
        <v>22</v>
      </c>
      <c r="U3307" s="10" t="s">
        <v>22</v>
      </c>
      <c r="V3307" s="10" t="s">
        <v>22</v>
      </c>
      <c r="W3307" s="10" t="s">
        <v>22</v>
      </c>
      <c r="X3307" s="10" t="s">
        <v>22</v>
      </c>
      <c r="Y3307" s="10" t="s">
        <v>22</v>
      </c>
      <c r="Z3307" s="10" t="s">
        <v>22</v>
      </c>
    </row>
    <row r="3308" spans="1:26" ht="24" customHeight="1" x14ac:dyDescent="0.2">
      <c r="A3308" s="9" t="s">
        <v>20480</v>
      </c>
      <c r="B3308" s="9" t="s">
        <v>13966</v>
      </c>
      <c r="C3308" s="9" t="s">
        <v>14394</v>
      </c>
      <c r="D3308" s="6" t="s">
        <v>14395</v>
      </c>
      <c r="E3308" s="22">
        <v>44661</v>
      </c>
      <c r="F3308" s="22">
        <v>46486</v>
      </c>
      <c r="G3308" s="6" t="s">
        <v>14396</v>
      </c>
      <c r="H3308" s="6" t="s">
        <v>18</v>
      </c>
      <c r="I3308" s="6" t="s">
        <v>1145</v>
      </c>
      <c r="J3308" s="6" t="s">
        <v>14397</v>
      </c>
      <c r="K3308" s="9" t="s">
        <v>14398</v>
      </c>
      <c r="L3308" s="10" t="s">
        <v>22</v>
      </c>
      <c r="M3308" s="10" t="s">
        <v>22</v>
      </c>
      <c r="N3308" s="10" t="s">
        <v>22</v>
      </c>
      <c r="O3308" s="10" t="s">
        <v>22</v>
      </c>
      <c r="P3308" s="10" t="s">
        <v>22</v>
      </c>
      <c r="Q3308" s="10" t="s">
        <v>22</v>
      </c>
      <c r="U3308" s="10" t="s">
        <v>22</v>
      </c>
      <c r="V3308" s="10" t="s">
        <v>22</v>
      </c>
      <c r="W3308" s="10" t="s">
        <v>22</v>
      </c>
      <c r="X3308" s="10" t="s">
        <v>22</v>
      </c>
      <c r="Y3308" s="10" t="s">
        <v>22</v>
      </c>
      <c r="Z3308" s="10" t="s">
        <v>22</v>
      </c>
    </row>
    <row r="3309" spans="1:26" ht="24" customHeight="1" x14ac:dyDescent="0.2">
      <c r="A3309" s="9" t="s">
        <v>20481</v>
      </c>
      <c r="B3309" s="9" t="s">
        <v>13966</v>
      </c>
      <c r="C3309" s="9" t="s">
        <v>860</v>
      </c>
      <c r="D3309" s="6" t="s">
        <v>14399</v>
      </c>
      <c r="E3309" s="22">
        <v>44661</v>
      </c>
      <c r="F3309" s="22">
        <v>46486</v>
      </c>
      <c r="G3309" s="6" t="s">
        <v>14400</v>
      </c>
      <c r="H3309" s="6" t="s">
        <v>18</v>
      </c>
      <c r="I3309" s="6" t="s">
        <v>1145</v>
      </c>
      <c r="J3309" s="6" t="s">
        <v>14401</v>
      </c>
      <c r="L3309" s="10" t="s">
        <v>22</v>
      </c>
      <c r="M3309" s="10" t="s">
        <v>22</v>
      </c>
      <c r="N3309" s="10" t="s">
        <v>22</v>
      </c>
      <c r="O3309" s="10" t="s">
        <v>22</v>
      </c>
      <c r="P3309" s="10" t="s">
        <v>22</v>
      </c>
      <c r="Q3309" s="10" t="s">
        <v>22</v>
      </c>
      <c r="R3309" s="10" t="s">
        <v>22</v>
      </c>
      <c r="S3309" s="10" t="s">
        <v>22</v>
      </c>
      <c r="T3309" s="10" t="s">
        <v>22</v>
      </c>
      <c r="U3309" s="10" t="s">
        <v>22</v>
      </c>
      <c r="V3309" s="10" t="s">
        <v>22</v>
      </c>
      <c r="W3309" s="10" t="s">
        <v>22</v>
      </c>
      <c r="X3309" s="10" t="s">
        <v>22</v>
      </c>
      <c r="Y3309" s="10" t="s">
        <v>22</v>
      </c>
      <c r="Z3309" s="10" t="s">
        <v>22</v>
      </c>
    </row>
    <row r="3310" spans="1:26" ht="24" customHeight="1" x14ac:dyDescent="0.2">
      <c r="A3310" s="9" t="s">
        <v>20482</v>
      </c>
      <c r="B3310" s="9" t="s">
        <v>13966</v>
      </c>
      <c r="C3310" s="9" t="s">
        <v>870</v>
      </c>
      <c r="D3310" s="6" t="s">
        <v>14402</v>
      </c>
      <c r="E3310" s="22">
        <v>44650</v>
      </c>
      <c r="F3310" s="22">
        <v>46475</v>
      </c>
      <c r="G3310" s="6" t="s">
        <v>14403</v>
      </c>
      <c r="H3310" s="6" t="s">
        <v>18</v>
      </c>
      <c r="I3310" s="6" t="s">
        <v>1145</v>
      </c>
      <c r="J3310" s="6" t="s">
        <v>14404</v>
      </c>
      <c r="K3310" s="9" t="s">
        <v>14405</v>
      </c>
      <c r="L3310" s="10" t="s">
        <v>22</v>
      </c>
      <c r="M3310" s="10" t="s">
        <v>22</v>
      </c>
      <c r="N3310" s="10" t="s">
        <v>22</v>
      </c>
      <c r="O3310" s="10" t="s">
        <v>22</v>
      </c>
      <c r="P3310" s="10" t="s">
        <v>22</v>
      </c>
      <c r="Q3310" s="10" t="s">
        <v>22</v>
      </c>
      <c r="R3310" s="10" t="s">
        <v>22</v>
      </c>
      <c r="S3310" s="10" t="s">
        <v>22</v>
      </c>
      <c r="T3310" s="10" t="s">
        <v>22</v>
      </c>
    </row>
    <row r="3311" spans="1:26" ht="24" customHeight="1" x14ac:dyDescent="0.2">
      <c r="A3311" s="9" t="s">
        <v>20483</v>
      </c>
      <c r="B3311" s="9" t="s">
        <v>13966</v>
      </c>
      <c r="C3311" s="9" t="s">
        <v>14406</v>
      </c>
      <c r="D3311" s="6" t="s">
        <v>14407</v>
      </c>
      <c r="E3311" s="22">
        <v>44649</v>
      </c>
      <c r="F3311" s="22">
        <v>46474</v>
      </c>
      <c r="G3311" s="6" t="s">
        <v>14408</v>
      </c>
      <c r="H3311" s="6" t="s">
        <v>18</v>
      </c>
      <c r="I3311" s="6" t="s">
        <v>1145</v>
      </c>
      <c r="J3311" s="6" t="s">
        <v>14409</v>
      </c>
      <c r="K3311" s="9" t="s">
        <v>14410</v>
      </c>
      <c r="L3311" s="10" t="s">
        <v>22</v>
      </c>
      <c r="M3311" s="10" t="s">
        <v>22</v>
      </c>
      <c r="N3311" s="10" t="s">
        <v>22</v>
      </c>
      <c r="O3311" s="10" t="s">
        <v>22</v>
      </c>
      <c r="P3311" s="10" t="s">
        <v>22</v>
      </c>
      <c r="Q3311" s="10" t="s">
        <v>22</v>
      </c>
      <c r="R3311" s="10" t="s">
        <v>22</v>
      </c>
      <c r="S3311" s="10" t="s">
        <v>22</v>
      </c>
      <c r="T3311" s="10" t="s">
        <v>22</v>
      </c>
      <c r="U3311" s="10" t="s">
        <v>22</v>
      </c>
      <c r="V3311" s="10" t="s">
        <v>22</v>
      </c>
      <c r="W3311" s="10" t="s">
        <v>22</v>
      </c>
      <c r="X3311" s="10" t="s">
        <v>22</v>
      </c>
      <c r="Y3311" s="10" t="s">
        <v>22</v>
      </c>
      <c r="Z3311" s="10" t="s">
        <v>22</v>
      </c>
    </row>
    <row r="3312" spans="1:26" ht="24" customHeight="1" x14ac:dyDescent="0.2">
      <c r="A3312" s="9" t="s">
        <v>20484</v>
      </c>
      <c r="B3312" s="9" t="s">
        <v>13966</v>
      </c>
      <c r="C3312" s="9" t="s">
        <v>892</v>
      </c>
      <c r="D3312" s="6" t="s">
        <v>14411</v>
      </c>
      <c r="E3312" s="22">
        <v>44649</v>
      </c>
      <c r="F3312" s="22">
        <v>46474</v>
      </c>
      <c r="G3312" s="6" t="s">
        <v>14412</v>
      </c>
      <c r="H3312" s="6" t="s">
        <v>18</v>
      </c>
      <c r="I3312" s="6" t="s">
        <v>1145</v>
      </c>
      <c r="J3312" s="6" t="s">
        <v>14413</v>
      </c>
      <c r="K3312" s="9" t="s">
        <v>14414</v>
      </c>
      <c r="L3312" s="10" t="s">
        <v>22</v>
      </c>
      <c r="M3312" s="10" t="s">
        <v>22</v>
      </c>
      <c r="N3312" s="10" t="s">
        <v>22</v>
      </c>
      <c r="O3312" s="10" t="s">
        <v>22</v>
      </c>
      <c r="P3312" s="10" t="s">
        <v>22</v>
      </c>
      <c r="Q3312" s="10" t="s">
        <v>22</v>
      </c>
      <c r="R3312" s="10" t="s">
        <v>22</v>
      </c>
      <c r="S3312" s="10" t="s">
        <v>22</v>
      </c>
      <c r="T3312" s="10" t="s">
        <v>22</v>
      </c>
      <c r="U3312" s="10" t="s">
        <v>22</v>
      </c>
      <c r="V3312" s="10" t="s">
        <v>22</v>
      </c>
      <c r="W3312" s="10" t="s">
        <v>22</v>
      </c>
      <c r="X3312" s="10" t="s">
        <v>22</v>
      </c>
      <c r="Y3312" s="10" t="s">
        <v>22</v>
      </c>
      <c r="Z3312" s="10" t="s">
        <v>22</v>
      </c>
    </row>
    <row r="3313" spans="1:26" ht="24" customHeight="1" x14ac:dyDescent="0.2">
      <c r="A3313" s="9" t="s">
        <v>20485</v>
      </c>
      <c r="B3313" s="9" t="s">
        <v>13966</v>
      </c>
      <c r="C3313" s="9" t="s">
        <v>896</v>
      </c>
      <c r="D3313" s="6" t="s">
        <v>14415</v>
      </c>
      <c r="E3313" s="22">
        <v>44660</v>
      </c>
      <c r="F3313" s="22">
        <v>46485</v>
      </c>
      <c r="G3313" s="6" t="s">
        <v>14416</v>
      </c>
      <c r="H3313" s="6" t="s">
        <v>18</v>
      </c>
      <c r="I3313" s="6" t="s">
        <v>1145</v>
      </c>
      <c r="J3313" s="6" t="s">
        <v>14417</v>
      </c>
      <c r="K3313" s="9" t="s">
        <v>14418</v>
      </c>
      <c r="L3313" s="10" t="s">
        <v>22</v>
      </c>
      <c r="M3313" s="10" t="s">
        <v>22</v>
      </c>
      <c r="N3313" s="10" t="s">
        <v>22</v>
      </c>
      <c r="O3313" s="10" t="s">
        <v>22</v>
      </c>
      <c r="P3313" s="10" t="s">
        <v>22</v>
      </c>
      <c r="Q3313" s="10" t="s">
        <v>22</v>
      </c>
      <c r="U3313" s="10" t="s">
        <v>22</v>
      </c>
      <c r="V3313" s="10" t="s">
        <v>22</v>
      </c>
      <c r="W3313" s="10" t="s">
        <v>22</v>
      </c>
      <c r="X3313" s="10" t="s">
        <v>22</v>
      </c>
      <c r="Y3313" s="10" t="s">
        <v>22</v>
      </c>
      <c r="Z3313" s="10" t="s">
        <v>22</v>
      </c>
    </row>
    <row r="3314" spans="1:26" ht="24" customHeight="1" x14ac:dyDescent="0.2">
      <c r="A3314" s="9" t="s">
        <v>20486</v>
      </c>
      <c r="B3314" s="9" t="s">
        <v>13966</v>
      </c>
      <c r="C3314" s="9" t="s">
        <v>901</v>
      </c>
      <c r="D3314" s="6" t="s">
        <v>14419</v>
      </c>
      <c r="E3314" s="22">
        <v>44653</v>
      </c>
      <c r="F3314" s="22">
        <v>46478</v>
      </c>
      <c r="G3314" s="6" t="s">
        <v>14420</v>
      </c>
      <c r="H3314" s="6" t="s">
        <v>18</v>
      </c>
      <c r="I3314" s="6" t="s">
        <v>1145</v>
      </c>
      <c r="J3314" s="6" t="s">
        <v>14421</v>
      </c>
      <c r="K3314" s="9" t="s">
        <v>14422</v>
      </c>
      <c r="M3314" s="10" t="s">
        <v>22</v>
      </c>
      <c r="N3314" s="10" t="s">
        <v>22</v>
      </c>
      <c r="O3314" s="10" t="s">
        <v>22</v>
      </c>
      <c r="P3314" s="10" t="s">
        <v>22</v>
      </c>
      <c r="Q3314" s="10" t="s">
        <v>22</v>
      </c>
      <c r="S3314" s="10" t="s">
        <v>22</v>
      </c>
      <c r="T3314" s="10" t="s">
        <v>22</v>
      </c>
      <c r="V3314" s="10" t="s">
        <v>22</v>
      </c>
      <c r="W3314" s="10" t="s">
        <v>22</v>
      </c>
      <c r="Y3314" s="10" t="s">
        <v>22</v>
      </c>
      <c r="Z3314" s="10" t="s">
        <v>22</v>
      </c>
    </row>
    <row r="3315" spans="1:26" ht="24" customHeight="1" x14ac:dyDescent="0.2">
      <c r="A3315" s="9" t="s">
        <v>20487</v>
      </c>
      <c r="B3315" s="9" t="s">
        <v>13966</v>
      </c>
      <c r="C3315" s="9" t="s">
        <v>935</v>
      </c>
      <c r="D3315" s="6" t="s">
        <v>14423</v>
      </c>
      <c r="E3315" s="22">
        <v>44759</v>
      </c>
      <c r="F3315" s="22">
        <v>46584</v>
      </c>
      <c r="G3315" s="6" t="s">
        <v>14424</v>
      </c>
      <c r="H3315" s="6" t="s">
        <v>18</v>
      </c>
      <c r="I3315" s="6" t="s">
        <v>1145</v>
      </c>
      <c r="J3315" s="6" t="s">
        <v>14425</v>
      </c>
      <c r="L3315" s="10" t="s">
        <v>22</v>
      </c>
      <c r="M3315" s="10" t="s">
        <v>22</v>
      </c>
      <c r="N3315" s="10" t="s">
        <v>22</v>
      </c>
      <c r="O3315" s="10" t="s">
        <v>22</v>
      </c>
      <c r="P3315" s="10" t="s">
        <v>22</v>
      </c>
      <c r="Q3315" s="10" t="s">
        <v>22</v>
      </c>
      <c r="R3315" s="10" t="s">
        <v>22</v>
      </c>
      <c r="S3315" s="10" t="s">
        <v>22</v>
      </c>
      <c r="T3315" s="10" t="s">
        <v>22</v>
      </c>
      <c r="U3315" s="10" t="s">
        <v>22</v>
      </c>
      <c r="V3315" s="10" t="s">
        <v>22</v>
      </c>
      <c r="W3315" s="10" t="s">
        <v>22</v>
      </c>
      <c r="X3315" s="10" t="s">
        <v>22</v>
      </c>
      <c r="Y3315" s="10" t="s">
        <v>22</v>
      </c>
      <c r="Z3315" s="10" t="s">
        <v>22</v>
      </c>
    </row>
    <row r="3316" spans="1:26" ht="24" customHeight="1" x14ac:dyDescent="0.2">
      <c r="A3316" s="9" t="s">
        <v>20488</v>
      </c>
      <c r="B3316" s="9" t="s">
        <v>13966</v>
      </c>
      <c r="C3316" s="9" t="s">
        <v>941</v>
      </c>
      <c r="D3316" s="6" t="s">
        <v>14426</v>
      </c>
      <c r="E3316" s="22">
        <v>44671</v>
      </c>
      <c r="F3316" s="22">
        <v>46496</v>
      </c>
      <c r="G3316" s="6" t="s">
        <v>14427</v>
      </c>
      <c r="H3316" s="6" t="s">
        <v>18</v>
      </c>
      <c r="I3316" s="6" t="s">
        <v>1145</v>
      </c>
      <c r="J3316" s="6" t="s">
        <v>14428</v>
      </c>
      <c r="K3316" s="9" t="s">
        <v>14429</v>
      </c>
      <c r="L3316" s="10" t="s">
        <v>22</v>
      </c>
      <c r="M3316" s="10" t="s">
        <v>22</v>
      </c>
      <c r="N3316" s="10" t="s">
        <v>22</v>
      </c>
      <c r="O3316" s="10" t="s">
        <v>22</v>
      </c>
      <c r="U3316" s="10" t="s">
        <v>22</v>
      </c>
      <c r="V3316" s="10" t="s">
        <v>22</v>
      </c>
      <c r="W3316" s="10" t="s">
        <v>22</v>
      </c>
      <c r="X3316" s="10" t="s">
        <v>22</v>
      </c>
    </row>
    <row r="3317" spans="1:26" ht="24" customHeight="1" x14ac:dyDescent="0.2">
      <c r="A3317" s="9" t="s">
        <v>20489</v>
      </c>
      <c r="B3317" s="9" t="s">
        <v>13966</v>
      </c>
      <c r="C3317" s="9" t="s">
        <v>946</v>
      </c>
      <c r="D3317" s="6" t="s">
        <v>14430</v>
      </c>
      <c r="E3317" s="22">
        <v>44684</v>
      </c>
      <c r="F3317" s="22">
        <v>46509</v>
      </c>
      <c r="G3317" s="6" t="s">
        <v>14431</v>
      </c>
      <c r="H3317" s="6" t="s">
        <v>18</v>
      </c>
      <c r="I3317" s="6" t="s">
        <v>1145</v>
      </c>
      <c r="J3317" s="6" t="s">
        <v>14432</v>
      </c>
      <c r="L3317" s="10" t="s">
        <v>22</v>
      </c>
      <c r="M3317" s="10" t="s">
        <v>22</v>
      </c>
      <c r="N3317" s="10" t="s">
        <v>22</v>
      </c>
      <c r="O3317" s="10" t="s">
        <v>22</v>
      </c>
      <c r="P3317" s="10" t="s">
        <v>22</v>
      </c>
      <c r="Q3317" s="10" t="s">
        <v>22</v>
      </c>
      <c r="U3317" s="10" t="s">
        <v>22</v>
      </c>
      <c r="V3317" s="10" t="s">
        <v>22</v>
      </c>
      <c r="W3317" s="10" t="s">
        <v>22</v>
      </c>
      <c r="X3317" s="10" t="s">
        <v>22</v>
      </c>
      <c r="Y3317" s="10" t="s">
        <v>22</v>
      </c>
      <c r="Z3317" s="10" t="s">
        <v>22</v>
      </c>
    </row>
    <row r="3318" spans="1:26" ht="24" customHeight="1" x14ac:dyDescent="0.2">
      <c r="A3318" s="9" t="s">
        <v>20490</v>
      </c>
      <c r="B3318" s="9" t="s">
        <v>13966</v>
      </c>
      <c r="C3318" s="9" t="s">
        <v>951</v>
      </c>
      <c r="D3318" s="6" t="s">
        <v>14433</v>
      </c>
      <c r="E3318" s="22">
        <v>44695</v>
      </c>
      <c r="F3318" s="22">
        <v>46520</v>
      </c>
      <c r="G3318" s="6" t="s">
        <v>14434</v>
      </c>
      <c r="H3318" s="6" t="s">
        <v>18</v>
      </c>
      <c r="I3318" s="6" t="s">
        <v>1145</v>
      </c>
      <c r="J3318" s="6" t="s">
        <v>14435</v>
      </c>
      <c r="K3318" s="9" t="s">
        <v>14436</v>
      </c>
      <c r="L3318" s="10" t="s">
        <v>22</v>
      </c>
      <c r="M3318" s="10" t="s">
        <v>22</v>
      </c>
      <c r="N3318" s="10" t="s">
        <v>22</v>
      </c>
      <c r="O3318" s="10" t="s">
        <v>22</v>
      </c>
      <c r="P3318" s="10" t="s">
        <v>22</v>
      </c>
      <c r="Q3318" s="10" t="s">
        <v>22</v>
      </c>
      <c r="R3318" s="10" t="s">
        <v>22</v>
      </c>
      <c r="S3318" s="10" t="s">
        <v>22</v>
      </c>
      <c r="T3318" s="10" t="s">
        <v>22</v>
      </c>
      <c r="U3318" s="10" t="s">
        <v>22</v>
      </c>
      <c r="V3318" s="10" t="s">
        <v>22</v>
      </c>
      <c r="W3318" s="10" t="s">
        <v>22</v>
      </c>
      <c r="X3318" s="10" t="s">
        <v>22</v>
      </c>
      <c r="Y3318" s="10" t="s">
        <v>22</v>
      </c>
      <c r="Z3318" s="10" t="s">
        <v>22</v>
      </c>
    </row>
    <row r="3319" spans="1:26" ht="24" customHeight="1" x14ac:dyDescent="0.2">
      <c r="A3319" s="9" t="s">
        <v>20491</v>
      </c>
      <c r="B3319" s="9" t="s">
        <v>13966</v>
      </c>
      <c r="C3319" s="9" t="s">
        <v>971</v>
      </c>
      <c r="D3319" s="6" t="s">
        <v>14437</v>
      </c>
      <c r="E3319" s="22">
        <v>44732</v>
      </c>
      <c r="F3319" s="22">
        <v>46557</v>
      </c>
      <c r="G3319" s="6" t="s">
        <v>14438</v>
      </c>
      <c r="H3319" s="6" t="s">
        <v>18</v>
      </c>
      <c r="I3319" s="6" t="s">
        <v>1145</v>
      </c>
      <c r="J3319" s="6" t="s">
        <v>14439</v>
      </c>
      <c r="K3319" s="9" t="s">
        <v>14440</v>
      </c>
      <c r="L3319" s="10" t="s">
        <v>22</v>
      </c>
      <c r="M3319" s="10" t="s">
        <v>22</v>
      </c>
      <c r="N3319" s="10" t="s">
        <v>22</v>
      </c>
      <c r="O3319" s="10" t="s">
        <v>22</v>
      </c>
      <c r="P3319" s="10" t="s">
        <v>22</v>
      </c>
      <c r="Q3319" s="10" t="s">
        <v>22</v>
      </c>
      <c r="R3319" s="10" t="s">
        <v>22</v>
      </c>
      <c r="S3319" s="10" t="s">
        <v>22</v>
      </c>
      <c r="T3319" s="10" t="s">
        <v>22</v>
      </c>
      <c r="U3319" s="10" t="s">
        <v>22</v>
      </c>
      <c r="V3319" s="10" t="s">
        <v>22</v>
      </c>
      <c r="W3319" s="10" t="s">
        <v>22</v>
      </c>
      <c r="X3319" s="10" t="s">
        <v>22</v>
      </c>
      <c r="Y3319" s="10" t="s">
        <v>22</v>
      </c>
      <c r="Z3319" s="10" t="s">
        <v>22</v>
      </c>
    </row>
    <row r="3320" spans="1:26" ht="24" customHeight="1" x14ac:dyDescent="0.2">
      <c r="A3320" s="9" t="s">
        <v>20492</v>
      </c>
      <c r="B3320" s="9" t="s">
        <v>13966</v>
      </c>
      <c r="C3320" s="9" t="s">
        <v>14441</v>
      </c>
      <c r="D3320" s="6" t="s">
        <v>14442</v>
      </c>
      <c r="E3320" s="22">
        <v>44754</v>
      </c>
      <c r="F3320" s="22">
        <v>46579</v>
      </c>
      <c r="G3320" s="6" t="s">
        <v>14443</v>
      </c>
      <c r="H3320" s="6" t="s">
        <v>18</v>
      </c>
      <c r="I3320" s="6" t="s">
        <v>1145</v>
      </c>
      <c r="J3320" s="6" t="s">
        <v>14444</v>
      </c>
      <c r="K3320" s="9" t="s">
        <v>14445</v>
      </c>
      <c r="L3320" s="10" t="s">
        <v>22</v>
      </c>
      <c r="M3320" s="10" t="s">
        <v>22</v>
      </c>
      <c r="N3320" s="10" t="s">
        <v>22</v>
      </c>
      <c r="O3320" s="10" t="s">
        <v>22</v>
      </c>
      <c r="P3320" s="10" t="s">
        <v>22</v>
      </c>
      <c r="Q3320" s="10" t="s">
        <v>22</v>
      </c>
      <c r="U3320" s="10" t="s">
        <v>22</v>
      </c>
      <c r="V3320" s="10" t="s">
        <v>22</v>
      </c>
      <c r="W3320" s="10" t="s">
        <v>22</v>
      </c>
      <c r="X3320" s="10" t="s">
        <v>22</v>
      </c>
      <c r="Y3320" s="10" t="s">
        <v>22</v>
      </c>
      <c r="Z3320" s="10" t="s">
        <v>22</v>
      </c>
    </row>
    <row r="3321" spans="1:26" ht="24" customHeight="1" x14ac:dyDescent="0.2">
      <c r="A3321" s="9" t="s">
        <v>20493</v>
      </c>
      <c r="B3321" s="9" t="s">
        <v>13966</v>
      </c>
      <c r="C3321" s="9" t="s">
        <v>981</v>
      </c>
      <c r="D3321" s="6" t="s">
        <v>14446</v>
      </c>
      <c r="E3321" s="22">
        <v>44723</v>
      </c>
      <c r="F3321" s="22">
        <v>46548</v>
      </c>
      <c r="G3321" s="6" t="s">
        <v>14447</v>
      </c>
      <c r="H3321" s="6" t="s">
        <v>18</v>
      </c>
      <c r="I3321" s="6" t="s">
        <v>392</v>
      </c>
      <c r="J3321" s="6" t="s">
        <v>14448</v>
      </c>
      <c r="K3321" s="9" t="s">
        <v>14449</v>
      </c>
      <c r="L3321" s="10" t="s">
        <v>22</v>
      </c>
      <c r="M3321" s="10" t="s">
        <v>22</v>
      </c>
      <c r="N3321" s="10" t="s">
        <v>22</v>
      </c>
      <c r="O3321" s="10" t="s">
        <v>22</v>
      </c>
      <c r="P3321" s="10" t="s">
        <v>22</v>
      </c>
      <c r="Q3321" s="10" t="s">
        <v>22</v>
      </c>
      <c r="R3321" s="10" t="s">
        <v>22</v>
      </c>
      <c r="S3321" s="10" t="s">
        <v>22</v>
      </c>
      <c r="T3321" s="10" t="s">
        <v>22</v>
      </c>
      <c r="U3321" s="10" t="s">
        <v>22</v>
      </c>
      <c r="V3321" s="10" t="s">
        <v>22</v>
      </c>
      <c r="W3321" s="10" t="s">
        <v>22</v>
      </c>
      <c r="X3321" s="10" t="s">
        <v>22</v>
      </c>
      <c r="Y3321" s="10" t="s">
        <v>22</v>
      </c>
      <c r="Z3321" s="10" t="s">
        <v>22</v>
      </c>
    </row>
    <row r="3322" spans="1:26" ht="24" customHeight="1" x14ac:dyDescent="0.2">
      <c r="A3322" s="9" t="s">
        <v>20494</v>
      </c>
      <c r="B3322" s="9" t="s">
        <v>13966</v>
      </c>
      <c r="C3322" s="9" t="s">
        <v>14450</v>
      </c>
      <c r="D3322" s="6" t="s">
        <v>14451</v>
      </c>
      <c r="E3322" s="22">
        <v>44751</v>
      </c>
      <c r="F3322" s="22">
        <v>46576</v>
      </c>
      <c r="G3322" s="6" t="s">
        <v>14452</v>
      </c>
      <c r="H3322" s="6" t="s">
        <v>18</v>
      </c>
      <c r="I3322" s="6" t="s">
        <v>1145</v>
      </c>
      <c r="J3322" s="6" t="s">
        <v>14453</v>
      </c>
      <c r="K3322" s="9" t="s">
        <v>14454</v>
      </c>
      <c r="L3322" s="10" t="s">
        <v>22</v>
      </c>
      <c r="M3322" s="10" t="s">
        <v>22</v>
      </c>
      <c r="N3322" s="10" t="s">
        <v>22</v>
      </c>
      <c r="O3322" s="10" t="s">
        <v>22</v>
      </c>
      <c r="P3322" s="10" t="s">
        <v>22</v>
      </c>
      <c r="Q3322" s="10" t="s">
        <v>22</v>
      </c>
      <c r="U3322" s="10" t="s">
        <v>22</v>
      </c>
      <c r="V3322" s="10" t="s">
        <v>22</v>
      </c>
      <c r="W3322" s="10" t="s">
        <v>22</v>
      </c>
      <c r="X3322" s="10" t="s">
        <v>22</v>
      </c>
      <c r="Y3322" s="10" t="s">
        <v>22</v>
      </c>
      <c r="Z3322" s="10" t="s">
        <v>22</v>
      </c>
    </row>
    <row r="3323" spans="1:26" ht="24" customHeight="1" x14ac:dyDescent="0.2">
      <c r="A3323" s="9" t="s">
        <v>20495</v>
      </c>
      <c r="B3323" s="9" t="s">
        <v>13966</v>
      </c>
      <c r="C3323" s="9" t="s">
        <v>14455</v>
      </c>
      <c r="D3323" s="6" t="s">
        <v>14456</v>
      </c>
      <c r="E3323" s="22">
        <v>44803</v>
      </c>
      <c r="F3323" s="22">
        <v>46628</v>
      </c>
      <c r="G3323" s="6" t="s">
        <v>14457</v>
      </c>
      <c r="H3323" s="6" t="s">
        <v>18</v>
      </c>
      <c r="I3323" s="6" t="s">
        <v>1145</v>
      </c>
      <c r="J3323" s="6" t="s">
        <v>14458</v>
      </c>
      <c r="K3323" s="9" t="s">
        <v>14459</v>
      </c>
      <c r="L3323" s="10" t="s">
        <v>22</v>
      </c>
      <c r="M3323" s="10" t="s">
        <v>22</v>
      </c>
      <c r="N3323" s="10" t="s">
        <v>22</v>
      </c>
      <c r="O3323" s="10" t="s">
        <v>22</v>
      </c>
      <c r="P3323" s="10" t="s">
        <v>22</v>
      </c>
      <c r="Q3323" s="10" t="s">
        <v>22</v>
      </c>
      <c r="R3323" s="10" t="s">
        <v>22</v>
      </c>
      <c r="S3323" s="10" t="s">
        <v>22</v>
      </c>
      <c r="T3323" s="10" t="s">
        <v>22</v>
      </c>
      <c r="U3323" s="10" t="s">
        <v>22</v>
      </c>
      <c r="V3323" s="10" t="s">
        <v>22</v>
      </c>
      <c r="W3323" s="10" t="s">
        <v>22</v>
      </c>
      <c r="X3323" s="10" t="s">
        <v>22</v>
      </c>
      <c r="Y3323" s="10" t="s">
        <v>22</v>
      </c>
      <c r="Z3323" s="10" t="s">
        <v>22</v>
      </c>
    </row>
    <row r="3324" spans="1:26" ht="24" customHeight="1" x14ac:dyDescent="0.2">
      <c r="A3324" s="9" t="s">
        <v>20496</v>
      </c>
      <c r="B3324" s="9" t="s">
        <v>13966</v>
      </c>
      <c r="C3324" s="9" t="s">
        <v>1002</v>
      </c>
      <c r="D3324" s="6" t="s">
        <v>14460</v>
      </c>
      <c r="E3324" s="22">
        <v>44732</v>
      </c>
      <c r="F3324" s="22">
        <v>46557</v>
      </c>
      <c r="G3324" s="6" t="s">
        <v>14461</v>
      </c>
      <c r="H3324" s="6" t="s">
        <v>18</v>
      </c>
      <c r="I3324" s="6" t="s">
        <v>1145</v>
      </c>
      <c r="J3324" s="6" t="s">
        <v>14462</v>
      </c>
      <c r="K3324" s="9" t="s">
        <v>17132</v>
      </c>
      <c r="L3324" s="10" t="s">
        <v>22</v>
      </c>
      <c r="M3324" s="10" t="s">
        <v>22</v>
      </c>
      <c r="N3324" s="10" t="s">
        <v>22</v>
      </c>
      <c r="O3324" s="10" t="s">
        <v>22</v>
      </c>
      <c r="P3324" s="10" t="s">
        <v>22</v>
      </c>
      <c r="Q3324" s="10" t="s">
        <v>22</v>
      </c>
      <c r="U3324" s="10" t="s">
        <v>22</v>
      </c>
      <c r="V3324" s="10" t="s">
        <v>22</v>
      </c>
      <c r="W3324" s="10" t="s">
        <v>22</v>
      </c>
      <c r="X3324" s="10" t="s">
        <v>22</v>
      </c>
      <c r="Y3324" s="10" t="s">
        <v>22</v>
      </c>
      <c r="Z3324" s="10" t="s">
        <v>22</v>
      </c>
    </row>
    <row r="3325" spans="1:26" ht="24" customHeight="1" x14ac:dyDescent="0.2">
      <c r="A3325" s="9" t="s">
        <v>20497</v>
      </c>
      <c r="B3325" s="9" t="s">
        <v>13966</v>
      </c>
      <c r="C3325" s="9" t="s">
        <v>14463</v>
      </c>
      <c r="D3325" s="6" t="s">
        <v>14464</v>
      </c>
      <c r="E3325" s="22">
        <v>44754</v>
      </c>
      <c r="F3325" s="22">
        <v>46579</v>
      </c>
      <c r="G3325" s="6" t="s">
        <v>14465</v>
      </c>
      <c r="H3325" s="6" t="s">
        <v>62</v>
      </c>
      <c r="I3325" s="6" t="s">
        <v>551</v>
      </c>
      <c r="J3325" s="6" t="s">
        <v>14466</v>
      </c>
      <c r="K3325" s="9" t="s">
        <v>14467</v>
      </c>
      <c r="L3325" s="10" t="s">
        <v>22</v>
      </c>
      <c r="M3325" s="10" t="s">
        <v>22</v>
      </c>
      <c r="N3325" s="10" t="s">
        <v>22</v>
      </c>
      <c r="O3325" s="10" t="s">
        <v>22</v>
      </c>
      <c r="P3325" s="10" t="s">
        <v>22</v>
      </c>
      <c r="Q3325" s="10" t="s">
        <v>22</v>
      </c>
      <c r="U3325" s="10" t="s">
        <v>22</v>
      </c>
      <c r="V3325" s="10" t="s">
        <v>22</v>
      </c>
      <c r="W3325" s="10" t="s">
        <v>22</v>
      </c>
      <c r="X3325" s="10" t="s">
        <v>22</v>
      </c>
      <c r="Y3325" s="10" t="s">
        <v>22</v>
      </c>
      <c r="Z3325" s="10" t="s">
        <v>22</v>
      </c>
    </row>
    <row r="3326" spans="1:26" ht="24" customHeight="1" x14ac:dyDescent="0.2">
      <c r="A3326" s="9" t="s">
        <v>20498</v>
      </c>
      <c r="B3326" s="9" t="s">
        <v>13966</v>
      </c>
      <c r="C3326" s="9" t="s">
        <v>14468</v>
      </c>
      <c r="D3326" s="6" t="s">
        <v>14469</v>
      </c>
      <c r="E3326" s="22">
        <v>44793</v>
      </c>
      <c r="F3326" s="22">
        <v>46618</v>
      </c>
      <c r="G3326" s="6" t="s">
        <v>14470</v>
      </c>
      <c r="H3326" s="6" t="s">
        <v>62</v>
      </c>
      <c r="I3326" s="6" t="s">
        <v>493</v>
      </c>
      <c r="J3326" s="6" t="s">
        <v>14471</v>
      </c>
      <c r="K3326" s="9" t="s">
        <v>14472</v>
      </c>
      <c r="O3326" s="10" t="s">
        <v>22</v>
      </c>
      <c r="P3326" s="10" t="s">
        <v>22</v>
      </c>
      <c r="Q3326" s="10" t="s">
        <v>22</v>
      </c>
      <c r="R3326" s="10" t="s">
        <v>22</v>
      </c>
      <c r="S3326" s="10" t="s">
        <v>22</v>
      </c>
      <c r="T3326" s="10" t="s">
        <v>22</v>
      </c>
      <c r="X3326" s="10" t="s">
        <v>22</v>
      </c>
      <c r="Y3326" s="10" t="s">
        <v>22</v>
      </c>
      <c r="Z3326" s="10" t="s">
        <v>22</v>
      </c>
    </row>
    <row r="3327" spans="1:26" ht="24" customHeight="1" x14ac:dyDescent="0.2">
      <c r="A3327" s="9" t="s">
        <v>20499</v>
      </c>
      <c r="B3327" s="9" t="s">
        <v>13966</v>
      </c>
      <c r="C3327" s="9" t="s">
        <v>1012</v>
      </c>
      <c r="D3327" s="6" t="s">
        <v>14473</v>
      </c>
      <c r="E3327" s="22">
        <v>44748</v>
      </c>
      <c r="F3327" s="22">
        <v>46573</v>
      </c>
      <c r="G3327" s="6" t="s">
        <v>14474</v>
      </c>
      <c r="H3327" s="6" t="s">
        <v>18</v>
      </c>
      <c r="I3327" s="6" t="s">
        <v>1145</v>
      </c>
      <c r="J3327" s="6" t="s">
        <v>14475</v>
      </c>
      <c r="K3327" s="9" t="s">
        <v>14476</v>
      </c>
      <c r="L3327" s="10" t="s">
        <v>22</v>
      </c>
      <c r="M3327" s="10" t="s">
        <v>22</v>
      </c>
      <c r="N3327" s="10" t="s">
        <v>22</v>
      </c>
      <c r="O3327" s="10" t="s">
        <v>22</v>
      </c>
      <c r="P3327" s="10" t="s">
        <v>22</v>
      </c>
      <c r="Q3327" s="10" t="s">
        <v>22</v>
      </c>
      <c r="R3327" s="10" t="s">
        <v>22</v>
      </c>
      <c r="S3327" s="10" t="s">
        <v>22</v>
      </c>
      <c r="T3327" s="10" t="s">
        <v>22</v>
      </c>
    </row>
    <row r="3328" spans="1:26" ht="24" customHeight="1" x14ac:dyDescent="0.2">
      <c r="A3328" s="9" t="s">
        <v>20500</v>
      </c>
      <c r="B3328" s="9" t="s">
        <v>13966</v>
      </c>
      <c r="C3328" s="9" t="s">
        <v>14477</v>
      </c>
      <c r="D3328" s="6" t="s">
        <v>14478</v>
      </c>
      <c r="E3328" s="22">
        <v>44766</v>
      </c>
      <c r="F3328" s="22">
        <v>46591</v>
      </c>
      <c r="G3328" s="6" t="s">
        <v>14479</v>
      </c>
      <c r="H3328" s="6" t="s">
        <v>18</v>
      </c>
      <c r="I3328" s="6" t="s">
        <v>1145</v>
      </c>
      <c r="J3328" s="6" t="s">
        <v>14480</v>
      </c>
      <c r="L3328" s="10" t="s">
        <v>22</v>
      </c>
      <c r="M3328" s="10" t="s">
        <v>22</v>
      </c>
      <c r="N3328" s="10" t="s">
        <v>22</v>
      </c>
      <c r="O3328" s="10" t="s">
        <v>22</v>
      </c>
      <c r="P3328" s="10" t="s">
        <v>22</v>
      </c>
      <c r="Q3328" s="10" t="s">
        <v>22</v>
      </c>
      <c r="R3328" s="10" t="s">
        <v>22</v>
      </c>
      <c r="S3328" s="10" t="s">
        <v>22</v>
      </c>
      <c r="T3328" s="10" t="s">
        <v>22</v>
      </c>
      <c r="U3328" s="10" t="s">
        <v>22</v>
      </c>
      <c r="V3328" s="10" t="s">
        <v>22</v>
      </c>
      <c r="W3328" s="10" t="s">
        <v>22</v>
      </c>
      <c r="X3328" s="10" t="s">
        <v>22</v>
      </c>
      <c r="Y3328" s="10" t="s">
        <v>22</v>
      </c>
      <c r="Z3328" s="10" t="s">
        <v>22</v>
      </c>
    </row>
    <row r="3329" spans="1:26" ht="24" customHeight="1" x14ac:dyDescent="0.2">
      <c r="A3329" s="9" t="s">
        <v>20501</v>
      </c>
      <c r="B3329" s="9" t="s">
        <v>13966</v>
      </c>
      <c r="C3329" s="9" t="s">
        <v>14481</v>
      </c>
      <c r="D3329" s="6" t="s">
        <v>14482</v>
      </c>
      <c r="E3329" s="22">
        <v>44759</v>
      </c>
      <c r="F3329" s="22">
        <v>46584</v>
      </c>
      <c r="G3329" s="6" t="s">
        <v>14483</v>
      </c>
      <c r="H3329" s="6" t="s">
        <v>18</v>
      </c>
      <c r="I3329" s="6" t="s">
        <v>392</v>
      </c>
      <c r="J3329" s="6" t="s">
        <v>14484</v>
      </c>
      <c r="K3329" s="9" t="s">
        <v>14485</v>
      </c>
      <c r="L3329" s="10" t="s">
        <v>22</v>
      </c>
      <c r="M3329" s="10" t="s">
        <v>22</v>
      </c>
      <c r="N3329" s="10" t="s">
        <v>22</v>
      </c>
      <c r="O3329" s="10" t="s">
        <v>22</v>
      </c>
      <c r="P3329" s="10" t="s">
        <v>22</v>
      </c>
      <c r="Q3329" s="10" t="s">
        <v>22</v>
      </c>
      <c r="U3329" s="10" t="s">
        <v>22</v>
      </c>
      <c r="V3329" s="10" t="s">
        <v>22</v>
      </c>
      <c r="W3329" s="10" t="s">
        <v>22</v>
      </c>
      <c r="X3329" s="10" t="s">
        <v>22</v>
      </c>
      <c r="Y3329" s="10" t="s">
        <v>22</v>
      </c>
      <c r="Z3329" s="10" t="s">
        <v>22</v>
      </c>
    </row>
    <row r="3330" spans="1:26" ht="24" customHeight="1" x14ac:dyDescent="0.2">
      <c r="A3330" s="9" t="s">
        <v>20502</v>
      </c>
      <c r="B3330" s="9" t="s">
        <v>13966</v>
      </c>
      <c r="C3330" s="9" t="s">
        <v>14486</v>
      </c>
      <c r="D3330" s="6" t="s">
        <v>14487</v>
      </c>
      <c r="E3330" s="22">
        <v>44789</v>
      </c>
      <c r="F3330" s="22">
        <v>46614</v>
      </c>
      <c r="G3330" s="6" t="s">
        <v>14488</v>
      </c>
      <c r="H3330" s="6" t="s">
        <v>18</v>
      </c>
      <c r="I3330" s="6" t="s">
        <v>1145</v>
      </c>
      <c r="J3330" s="6" t="s">
        <v>14489</v>
      </c>
      <c r="K3330" s="9" t="s">
        <v>14490</v>
      </c>
      <c r="L3330" s="10" t="s">
        <v>22</v>
      </c>
      <c r="M3330" s="10" t="s">
        <v>22</v>
      </c>
      <c r="N3330" s="10" t="s">
        <v>22</v>
      </c>
      <c r="O3330" s="10" t="s">
        <v>22</v>
      </c>
      <c r="P3330" s="10" t="s">
        <v>22</v>
      </c>
      <c r="Q3330" s="10" t="s">
        <v>22</v>
      </c>
      <c r="R3330" s="10" t="s">
        <v>22</v>
      </c>
      <c r="S3330" s="10" t="s">
        <v>22</v>
      </c>
      <c r="T3330" s="10" t="s">
        <v>22</v>
      </c>
    </row>
    <row r="3331" spans="1:26" ht="24" customHeight="1" x14ac:dyDescent="0.2">
      <c r="A3331" s="9" t="s">
        <v>20503</v>
      </c>
      <c r="B3331" s="9" t="s">
        <v>13966</v>
      </c>
      <c r="C3331" s="9" t="s">
        <v>14491</v>
      </c>
      <c r="D3331" s="6" t="s">
        <v>14492</v>
      </c>
      <c r="E3331" s="22">
        <v>44803</v>
      </c>
      <c r="F3331" s="22">
        <v>46628</v>
      </c>
      <c r="G3331" s="6" t="s">
        <v>14493</v>
      </c>
      <c r="H3331" s="6" t="s">
        <v>18</v>
      </c>
      <c r="I3331" s="6" t="s">
        <v>1145</v>
      </c>
      <c r="J3331" s="6" t="s">
        <v>14494</v>
      </c>
      <c r="K3331" s="9" t="s">
        <v>14495</v>
      </c>
      <c r="L3331" s="10" t="s">
        <v>22</v>
      </c>
      <c r="M3331" s="10" t="s">
        <v>22</v>
      </c>
      <c r="N3331" s="10" t="s">
        <v>22</v>
      </c>
      <c r="O3331" s="10" t="s">
        <v>22</v>
      </c>
      <c r="P3331" s="10" t="s">
        <v>22</v>
      </c>
      <c r="Q3331" s="10" t="s">
        <v>22</v>
      </c>
      <c r="U3331" s="10" t="s">
        <v>22</v>
      </c>
      <c r="V3331" s="10" t="s">
        <v>22</v>
      </c>
      <c r="W3331" s="10" t="s">
        <v>22</v>
      </c>
      <c r="X3331" s="10" t="s">
        <v>22</v>
      </c>
      <c r="Y3331" s="10" t="s">
        <v>22</v>
      </c>
      <c r="Z3331" s="10" t="s">
        <v>22</v>
      </c>
    </row>
    <row r="3332" spans="1:26" ht="24" customHeight="1" x14ac:dyDescent="0.2">
      <c r="A3332" s="9" t="s">
        <v>20504</v>
      </c>
      <c r="B3332" s="9" t="s">
        <v>13966</v>
      </c>
      <c r="C3332" s="9" t="s">
        <v>1030</v>
      </c>
      <c r="D3332" s="6" t="s">
        <v>14496</v>
      </c>
      <c r="E3332" s="22">
        <v>44835</v>
      </c>
      <c r="F3332" s="22">
        <v>46660</v>
      </c>
      <c r="G3332" s="6" t="s">
        <v>14497</v>
      </c>
      <c r="H3332" s="6" t="s">
        <v>18</v>
      </c>
      <c r="I3332" s="6" t="s">
        <v>1145</v>
      </c>
      <c r="J3332" s="6" t="s">
        <v>14498</v>
      </c>
      <c r="M3332" s="10" t="s">
        <v>22</v>
      </c>
      <c r="N3332" s="10" t="s">
        <v>22</v>
      </c>
      <c r="V3332" s="10" t="s">
        <v>22</v>
      </c>
      <c r="W3332" s="10" t="s">
        <v>22</v>
      </c>
    </row>
    <row r="3333" spans="1:26" ht="24" customHeight="1" x14ac:dyDescent="0.2">
      <c r="A3333" s="9" t="s">
        <v>20505</v>
      </c>
      <c r="B3333" s="9" t="s">
        <v>13966</v>
      </c>
      <c r="C3333" s="9" t="s">
        <v>14499</v>
      </c>
      <c r="D3333" s="6" t="s">
        <v>14500</v>
      </c>
      <c r="E3333" s="22">
        <v>44835</v>
      </c>
      <c r="F3333" s="22">
        <v>46660</v>
      </c>
      <c r="G3333" s="6" t="s">
        <v>14501</v>
      </c>
      <c r="H3333" s="6" t="s">
        <v>18</v>
      </c>
      <c r="I3333" s="6" t="s">
        <v>1145</v>
      </c>
      <c r="J3333" s="6" t="s">
        <v>14502</v>
      </c>
      <c r="K3333" s="9" t="s">
        <v>14503</v>
      </c>
      <c r="L3333" s="10" t="s">
        <v>22</v>
      </c>
      <c r="M3333" s="10" t="s">
        <v>22</v>
      </c>
      <c r="N3333" s="10" t="s">
        <v>22</v>
      </c>
      <c r="O3333" s="10" t="s">
        <v>22</v>
      </c>
      <c r="P3333" s="10" t="s">
        <v>22</v>
      </c>
      <c r="Q3333" s="10" t="s">
        <v>22</v>
      </c>
      <c r="R3333" s="10" t="s">
        <v>22</v>
      </c>
      <c r="S3333" s="10" t="s">
        <v>22</v>
      </c>
      <c r="T3333" s="10" t="s">
        <v>22</v>
      </c>
    </row>
    <row r="3334" spans="1:26" ht="24" customHeight="1" x14ac:dyDescent="0.2">
      <c r="A3334" s="9" t="s">
        <v>20506</v>
      </c>
      <c r="B3334" s="9" t="s">
        <v>13966</v>
      </c>
      <c r="C3334" s="9" t="s">
        <v>14504</v>
      </c>
      <c r="D3334" s="6" t="s">
        <v>14505</v>
      </c>
      <c r="E3334" s="22">
        <v>44857</v>
      </c>
      <c r="F3334" s="22">
        <v>46682</v>
      </c>
      <c r="G3334" s="6" t="s">
        <v>14506</v>
      </c>
      <c r="H3334" s="6" t="s">
        <v>18</v>
      </c>
      <c r="I3334" s="6" t="s">
        <v>5029</v>
      </c>
      <c r="J3334" s="6" t="s">
        <v>14507</v>
      </c>
      <c r="K3334" s="9" t="s">
        <v>14508</v>
      </c>
      <c r="L3334" s="10" t="s">
        <v>22</v>
      </c>
      <c r="M3334" s="10" t="s">
        <v>22</v>
      </c>
      <c r="N3334" s="10" t="s">
        <v>22</v>
      </c>
      <c r="O3334" s="10" t="s">
        <v>22</v>
      </c>
      <c r="P3334" s="10" t="s">
        <v>22</v>
      </c>
      <c r="Q3334" s="10" t="s">
        <v>22</v>
      </c>
      <c r="R3334" s="10" t="s">
        <v>22</v>
      </c>
      <c r="S3334" s="10" t="s">
        <v>22</v>
      </c>
      <c r="T3334" s="10" t="s">
        <v>22</v>
      </c>
      <c r="U3334" s="10" t="s">
        <v>22</v>
      </c>
      <c r="V3334" s="10" t="s">
        <v>22</v>
      </c>
      <c r="W3334" s="10" t="s">
        <v>22</v>
      </c>
    </row>
    <row r="3335" spans="1:26" ht="24" customHeight="1" x14ac:dyDescent="0.2">
      <c r="A3335" s="9" t="s">
        <v>20507</v>
      </c>
      <c r="B3335" s="9" t="s">
        <v>13966</v>
      </c>
      <c r="C3335" s="9" t="s">
        <v>14509</v>
      </c>
      <c r="D3335" s="6" t="s">
        <v>14510</v>
      </c>
      <c r="E3335" s="22">
        <v>44872</v>
      </c>
      <c r="F3335" s="22">
        <v>46697</v>
      </c>
      <c r="G3335" s="6" t="s">
        <v>14511</v>
      </c>
      <c r="H3335" s="6" t="s">
        <v>18</v>
      </c>
      <c r="I3335" s="6" t="s">
        <v>1145</v>
      </c>
      <c r="J3335" s="6" t="s">
        <v>14512</v>
      </c>
      <c r="K3335" s="9" t="s">
        <v>14513</v>
      </c>
      <c r="L3335" s="10" t="s">
        <v>22</v>
      </c>
      <c r="M3335" s="10" t="s">
        <v>22</v>
      </c>
      <c r="N3335" s="10" t="s">
        <v>22</v>
      </c>
      <c r="O3335" s="10" t="s">
        <v>22</v>
      </c>
      <c r="P3335" s="10" t="s">
        <v>22</v>
      </c>
      <c r="Q3335" s="10" t="s">
        <v>22</v>
      </c>
      <c r="U3335" s="10" t="s">
        <v>22</v>
      </c>
      <c r="V3335" s="10" t="s">
        <v>22</v>
      </c>
      <c r="W3335" s="10" t="s">
        <v>22</v>
      </c>
      <c r="X3335" s="10" t="s">
        <v>22</v>
      </c>
      <c r="Y3335" s="10" t="s">
        <v>22</v>
      </c>
      <c r="Z3335" s="10" t="s">
        <v>22</v>
      </c>
    </row>
    <row r="3336" spans="1:26" ht="24" customHeight="1" x14ac:dyDescent="0.2">
      <c r="A3336" s="9" t="s">
        <v>20508</v>
      </c>
      <c r="B3336" s="9" t="s">
        <v>13966</v>
      </c>
      <c r="C3336" s="9" t="s">
        <v>14514</v>
      </c>
      <c r="D3336" s="6" t="s">
        <v>14515</v>
      </c>
      <c r="E3336" s="22">
        <v>44885</v>
      </c>
      <c r="F3336" s="22">
        <v>46710</v>
      </c>
      <c r="G3336" s="6" t="s">
        <v>14516</v>
      </c>
      <c r="H3336" s="6" t="s">
        <v>18</v>
      </c>
      <c r="I3336" s="6" t="s">
        <v>1145</v>
      </c>
      <c r="J3336" s="6" t="s">
        <v>14517</v>
      </c>
      <c r="K3336" s="9" t="s">
        <v>14518</v>
      </c>
      <c r="L3336" s="10" t="s">
        <v>22</v>
      </c>
      <c r="M3336" s="10" t="s">
        <v>22</v>
      </c>
      <c r="N3336" s="10" t="s">
        <v>22</v>
      </c>
      <c r="O3336" s="10" t="s">
        <v>22</v>
      </c>
      <c r="P3336" s="10" t="s">
        <v>22</v>
      </c>
      <c r="Q3336" s="10" t="s">
        <v>22</v>
      </c>
      <c r="U3336" s="10" t="s">
        <v>22</v>
      </c>
      <c r="V3336" s="10" t="s">
        <v>22</v>
      </c>
      <c r="W3336" s="10" t="s">
        <v>22</v>
      </c>
      <c r="X3336" s="10" t="s">
        <v>22</v>
      </c>
      <c r="Y3336" s="10" t="s">
        <v>22</v>
      </c>
      <c r="Z3336" s="10" t="s">
        <v>22</v>
      </c>
    </row>
    <row r="3337" spans="1:26" ht="24" customHeight="1" x14ac:dyDescent="0.2">
      <c r="A3337" s="9" t="s">
        <v>20509</v>
      </c>
      <c r="B3337" s="9" t="s">
        <v>13966</v>
      </c>
      <c r="C3337" s="9" t="s">
        <v>14519</v>
      </c>
      <c r="D3337" s="6" t="s">
        <v>14520</v>
      </c>
      <c r="E3337" s="22">
        <v>44894</v>
      </c>
      <c r="F3337" s="22">
        <v>46719</v>
      </c>
      <c r="G3337" s="6" t="s">
        <v>14521</v>
      </c>
      <c r="H3337" s="6" t="s">
        <v>18</v>
      </c>
      <c r="I3337" s="6" t="s">
        <v>1145</v>
      </c>
      <c r="J3337" s="6" t="s">
        <v>14522</v>
      </c>
      <c r="K3337" s="9" t="s">
        <v>14523</v>
      </c>
      <c r="L3337" s="10" t="s">
        <v>22</v>
      </c>
      <c r="M3337" s="10" t="s">
        <v>22</v>
      </c>
      <c r="N3337" s="10" t="s">
        <v>22</v>
      </c>
      <c r="O3337" s="10" t="s">
        <v>22</v>
      </c>
      <c r="P3337" s="10" t="s">
        <v>22</v>
      </c>
      <c r="Q3337" s="10" t="s">
        <v>22</v>
      </c>
      <c r="R3337" s="10" t="s">
        <v>22</v>
      </c>
      <c r="S3337" s="10" t="s">
        <v>22</v>
      </c>
      <c r="T3337" s="10" t="s">
        <v>22</v>
      </c>
      <c r="U3337" s="10" t="s">
        <v>22</v>
      </c>
      <c r="V3337" s="10" t="s">
        <v>22</v>
      </c>
      <c r="W3337" s="10" t="s">
        <v>22</v>
      </c>
      <c r="X3337" s="10" t="s">
        <v>22</v>
      </c>
      <c r="Y3337" s="10" t="s">
        <v>22</v>
      </c>
      <c r="Z3337" s="10" t="s">
        <v>22</v>
      </c>
    </row>
    <row r="3338" spans="1:26" ht="24" customHeight="1" x14ac:dyDescent="0.2">
      <c r="A3338" s="9" t="s">
        <v>20510</v>
      </c>
      <c r="B3338" s="9" t="s">
        <v>13966</v>
      </c>
      <c r="C3338" s="9" t="s">
        <v>14524</v>
      </c>
      <c r="D3338" s="6" t="s">
        <v>14525</v>
      </c>
      <c r="E3338" s="22">
        <v>44907</v>
      </c>
      <c r="F3338" s="22">
        <v>46732</v>
      </c>
      <c r="G3338" s="6" t="s">
        <v>14526</v>
      </c>
      <c r="H3338" s="6" t="s">
        <v>18</v>
      </c>
      <c r="I3338" s="6" t="s">
        <v>1691</v>
      </c>
      <c r="J3338" s="6" t="s">
        <v>14527</v>
      </c>
      <c r="K3338" s="9" t="s">
        <v>14528</v>
      </c>
      <c r="L3338" s="10" t="s">
        <v>22</v>
      </c>
      <c r="M3338" s="10" t="s">
        <v>22</v>
      </c>
      <c r="N3338" s="10" t="s">
        <v>22</v>
      </c>
      <c r="T3338" s="10" t="s">
        <v>22</v>
      </c>
      <c r="U3338" s="10" t="s">
        <v>22</v>
      </c>
      <c r="V3338" s="10" t="s">
        <v>22</v>
      </c>
      <c r="W3338" s="10" t="s">
        <v>22</v>
      </c>
    </row>
    <row r="3339" spans="1:26" ht="24" customHeight="1" x14ac:dyDescent="0.2">
      <c r="A3339" s="9" t="s">
        <v>20511</v>
      </c>
      <c r="B3339" s="9" t="s">
        <v>13966</v>
      </c>
      <c r="C3339" s="9" t="s">
        <v>14529</v>
      </c>
      <c r="D3339" s="6" t="s">
        <v>14530</v>
      </c>
      <c r="E3339" s="22">
        <v>44954</v>
      </c>
      <c r="F3339" s="22">
        <v>46779</v>
      </c>
      <c r="G3339" s="6" t="s">
        <v>14531</v>
      </c>
      <c r="H3339" s="6" t="s">
        <v>18</v>
      </c>
      <c r="I3339" s="6" t="s">
        <v>1691</v>
      </c>
      <c r="J3339" s="6" t="s">
        <v>14532</v>
      </c>
      <c r="K3339" s="9" t="s">
        <v>14533</v>
      </c>
      <c r="L3339" s="10" t="s">
        <v>22</v>
      </c>
      <c r="M3339" s="10" t="s">
        <v>22</v>
      </c>
      <c r="N3339" s="10" t="s">
        <v>22</v>
      </c>
      <c r="O3339" s="10" t="s">
        <v>22</v>
      </c>
      <c r="P3339" s="10" t="s">
        <v>22</v>
      </c>
      <c r="Q3339" s="10" t="s">
        <v>22</v>
      </c>
      <c r="R3339" s="10" t="s">
        <v>22</v>
      </c>
      <c r="S3339" s="10" t="s">
        <v>22</v>
      </c>
      <c r="T3339" s="10" t="s">
        <v>22</v>
      </c>
      <c r="U3339" s="10" t="s">
        <v>22</v>
      </c>
      <c r="V3339" s="10" t="s">
        <v>22</v>
      </c>
      <c r="W3339" s="10" t="s">
        <v>22</v>
      </c>
      <c r="X3339" s="10" t="s">
        <v>22</v>
      </c>
      <c r="Y3339" s="10" t="s">
        <v>22</v>
      </c>
      <c r="Z3339" s="10" t="s">
        <v>22</v>
      </c>
    </row>
    <row r="3340" spans="1:26" ht="24" customHeight="1" x14ac:dyDescent="0.2">
      <c r="A3340" s="9" t="s">
        <v>20512</v>
      </c>
      <c r="B3340" s="9" t="s">
        <v>13966</v>
      </c>
      <c r="C3340" s="9" t="s">
        <v>1044</v>
      </c>
      <c r="D3340" s="6" t="s">
        <v>14534</v>
      </c>
      <c r="E3340" s="22">
        <v>44930</v>
      </c>
      <c r="F3340" s="22">
        <v>46755</v>
      </c>
      <c r="G3340" s="6" t="s">
        <v>14535</v>
      </c>
      <c r="H3340" s="6" t="s">
        <v>18</v>
      </c>
      <c r="I3340" s="6" t="s">
        <v>1691</v>
      </c>
      <c r="J3340" s="6" t="s">
        <v>14536</v>
      </c>
      <c r="K3340" s="9" t="s">
        <v>14537</v>
      </c>
      <c r="L3340" s="10" t="s">
        <v>22</v>
      </c>
      <c r="M3340" s="10" t="s">
        <v>22</v>
      </c>
      <c r="N3340" s="10" t="s">
        <v>22</v>
      </c>
      <c r="O3340" s="10" t="s">
        <v>22</v>
      </c>
      <c r="P3340" s="10" t="s">
        <v>22</v>
      </c>
      <c r="Q3340" s="10" t="s">
        <v>22</v>
      </c>
      <c r="R3340" s="10" t="s">
        <v>22</v>
      </c>
      <c r="S3340" s="10" t="s">
        <v>22</v>
      </c>
      <c r="T3340" s="10" t="s">
        <v>22</v>
      </c>
      <c r="U3340" s="10" t="s">
        <v>22</v>
      </c>
      <c r="V3340" s="10" t="s">
        <v>22</v>
      </c>
      <c r="W3340" s="10" t="s">
        <v>22</v>
      </c>
      <c r="X3340" s="10" t="s">
        <v>22</v>
      </c>
      <c r="Y3340" s="10" t="s">
        <v>22</v>
      </c>
      <c r="Z3340" s="10" t="s">
        <v>22</v>
      </c>
    </row>
    <row r="3341" spans="1:26" ht="24" customHeight="1" x14ac:dyDescent="0.2">
      <c r="A3341" s="9" t="s">
        <v>20513</v>
      </c>
      <c r="B3341" s="9" t="s">
        <v>13966</v>
      </c>
      <c r="C3341" s="9" t="s">
        <v>14538</v>
      </c>
      <c r="D3341" s="6" t="s">
        <v>14539</v>
      </c>
      <c r="E3341" s="22">
        <v>44957</v>
      </c>
      <c r="F3341" s="22">
        <v>46782</v>
      </c>
      <c r="G3341" s="6" t="s">
        <v>14540</v>
      </c>
      <c r="H3341" s="6" t="s">
        <v>18</v>
      </c>
      <c r="I3341" s="6" t="s">
        <v>1145</v>
      </c>
      <c r="J3341" s="6" t="s">
        <v>14541</v>
      </c>
      <c r="K3341" s="9" t="s">
        <v>14542</v>
      </c>
      <c r="M3341" s="10" t="s">
        <v>22</v>
      </c>
      <c r="N3341" s="10" t="s">
        <v>22</v>
      </c>
      <c r="O3341" s="10" t="s">
        <v>22</v>
      </c>
      <c r="P3341" s="10" t="s">
        <v>22</v>
      </c>
      <c r="Q3341" s="10" t="s">
        <v>22</v>
      </c>
      <c r="S3341" s="10" t="s">
        <v>22</v>
      </c>
      <c r="T3341" s="10" t="s">
        <v>22</v>
      </c>
      <c r="V3341" s="10" t="s">
        <v>22</v>
      </c>
      <c r="W3341" s="10" t="s">
        <v>22</v>
      </c>
      <c r="X3341" s="10" t="s">
        <v>22</v>
      </c>
      <c r="Y3341" s="10" t="s">
        <v>22</v>
      </c>
      <c r="Z3341" s="10" t="s">
        <v>22</v>
      </c>
    </row>
    <row r="3342" spans="1:26" ht="24" customHeight="1" x14ac:dyDescent="0.2">
      <c r="A3342" s="9" t="s">
        <v>20514</v>
      </c>
      <c r="B3342" s="9" t="s">
        <v>13966</v>
      </c>
      <c r="C3342" s="9" t="s">
        <v>1063</v>
      </c>
      <c r="D3342" s="6" t="s">
        <v>14543</v>
      </c>
      <c r="E3342" s="22">
        <v>44957</v>
      </c>
      <c r="F3342" s="22">
        <v>46782</v>
      </c>
      <c r="G3342" s="6" t="s">
        <v>14544</v>
      </c>
      <c r="H3342" s="6" t="s">
        <v>18</v>
      </c>
      <c r="I3342" s="6" t="s">
        <v>1145</v>
      </c>
      <c r="J3342" s="6" t="s">
        <v>14545</v>
      </c>
      <c r="K3342" s="9" t="s">
        <v>14546</v>
      </c>
      <c r="L3342" s="10" t="s">
        <v>22</v>
      </c>
      <c r="M3342" s="10" t="s">
        <v>22</v>
      </c>
      <c r="N3342" s="10" t="s">
        <v>22</v>
      </c>
      <c r="O3342" s="10" t="s">
        <v>22</v>
      </c>
      <c r="P3342" s="10" t="s">
        <v>22</v>
      </c>
      <c r="Q3342" s="10" t="s">
        <v>22</v>
      </c>
      <c r="R3342" s="10" t="s">
        <v>22</v>
      </c>
      <c r="S3342" s="10" t="s">
        <v>22</v>
      </c>
      <c r="T3342" s="10" t="s">
        <v>22</v>
      </c>
      <c r="U3342" s="10" t="s">
        <v>22</v>
      </c>
      <c r="V3342" s="10" t="s">
        <v>22</v>
      </c>
      <c r="W3342" s="10" t="s">
        <v>22</v>
      </c>
      <c r="X3342" s="10" t="s">
        <v>22</v>
      </c>
      <c r="Y3342" s="10" t="s">
        <v>22</v>
      </c>
      <c r="Z3342" s="10" t="s">
        <v>22</v>
      </c>
    </row>
    <row r="3343" spans="1:26" ht="24" customHeight="1" x14ac:dyDescent="0.2">
      <c r="A3343" s="9" t="s">
        <v>20515</v>
      </c>
      <c r="B3343" s="9" t="s">
        <v>13966</v>
      </c>
      <c r="C3343" s="9" t="s">
        <v>14547</v>
      </c>
      <c r="D3343" s="6" t="s">
        <v>14548</v>
      </c>
      <c r="E3343" s="22">
        <v>44977</v>
      </c>
      <c r="F3343" s="22">
        <v>46802</v>
      </c>
      <c r="G3343" s="6" t="s">
        <v>14549</v>
      </c>
      <c r="H3343" s="6" t="s">
        <v>18</v>
      </c>
      <c r="I3343" s="6" t="s">
        <v>172</v>
      </c>
      <c r="J3343" s="6" t="s">
        <v>14550</v>
      </c>
      <c r="K3343" s="9" t="s">
        <v>14551</v>
      </c>
      <c r="L3343" s="10" t="s">
        <v>22</v>
      </c>
      <c r="M3343" s="10" t="s">
        <v>22</v>
      </c>
      <c r="N3343" s="10" t="s">
        <v>22</v>
      </c>
      <c r="O3343" s="10" t="s">
        <v>22</v>
      </c>
      <c r="P3343" s="10" t="s">
        <v>22</v>
      </c>
      <c r="Q3343" s="10" t="s">
        <v>22</v>
      </c>
      <c r="U3343" s="10" t="s">
        <v>22</v>
      </c>
      <c r="V3343" s="10" t="s">
        <v>22</v>
      </c>
      <c r="W3343" s="10" t="s">
        <v>22</v>
      </c>
      <c r="X3343" s="10" t="s">
        <v>22</v>
      </c>
      <c r="Y3343" s="10" t="s">
        <v>22</v>
      </c>
      <c r="Z3343" s="10" t="s">
        <v>22</v>
      </c>
    </row>
    <row r="3344" spans="1:26" ht="24" customHeight="1" x14ac:dyDescent="0.2">
      <c r="A3344" s="9" t="s">
        <v>20516</v>
      </c>
      <c r="B3344" s="9" t="s">
        <v>13966</v>
      </c>
      <c r="C3344" s="9" t="s">
        <v>14552</v>
      </c>
      <c r="D3344" s="6" t="s">
        <v>14553</v>
      </c>
      <c r="E3344" s="22">
        <v>44982</v>
      </c>
      <c r="F3344" s="22">
        <v>46807</v>
      </c>
      <c r="G3344" s="6" t="s">
        <v>14554</v>
      </c>
      <c r="H3344" s="6" t="s">
        <v>18</v>
      </c>
      <c r="I3344" s="6" t="s">
        <v>1145</v>
      </c>
      <c r="J3344" s="6" t="s">
        <v>14555</v>
      </c>
      <c r="K3344" s="9" t="s">
        <v>14556</v>
      </c>
      <c r="L3344" s="10" t="s">
        <v>22</v>
      </c>
      <c r="M3344" s="10" t="s">
        <v>22</v>
      </c>
      <c r="N3344" s="10" t="s">
        <v>22</v>
      </c>
      <c r="O3344" s="10" t="s">
        <v>22</v>
      </c>
      <c r="P3344" s="10" t="s">
        <v>22</v>
      </c>
      <c r="Q3344" s="10" t="s">
        <v>22</v>
      </c>
      <c r="R3344" s="10" t="s">
        <v>22</v>
      </c>
      <c r="S3344" s="10" t="s">
        <v>22</v>
      </c>
      <c r="T3344" s="10" t="s">
        <v>22</v>
      </c>
    </row>
    <row r="3345" spans="1:26" ht="24" customHeight="1" x14ac:dyDescent="0.2">
      <c r="A3345" s="9" t="s">
        <v>20517</v>
      </c>
      <c r="B3345" s="9" t="s">
        <v>13966</v>
      </c>
      <c r="C3345" s="9" t="s">
        <v>14557</v>
      </c>
      <c r="D3345" s="6" t="s">
        <v>14558</v>
      </c>
      <c r="E3345" s="22">
        <v>44992</v>
      </c>
      <c r="F3345" s="22">
        <v>46818</v>
      </c>
      <c r="G3345" s="6" t="s">
        <v>14559</v>
      </c>
      <c r="H3345" s="6" t="s">
        <v>18</v>
      </c>
      <c r="I3345" s="6" t="s">
        <v>1691</v>
      </c>
      <c r="J3345" s="6" t="s">
        <v>14560</v>
      </c>
      <c r="K3345" s="9" t="s">
        <v>14561</v>
      </c>
      <c r="L3345" s="10" t="s">
        <v>22</v>
      </c>
      <c r="M3345" s="10" t="s">
        <v>22</v>
      </c>
      <c r="N3345" s="10" t="s">
        <v>22</v>
      </c>
      <c r="O3345" s="10" t="s">
        <v>22</v>
      </c>
      <c r="P3345" s="10" t="s">
        <v>22</v>
      </c>
      <c r="Q3345" s="10" t="s">
        <v>22</v>
      </c>
      <c r="R3345" s="10" t="s">
        <v>22</v>
      </c>
      <c r="S3345" s="10" t="s">
        <v>22</v>
      </c>
      <c r="T3345" s="10" t="s">
        <v>22</v>
      </c>
      <c r="U3345" s="10" t="s">
        <v>22</v>
      </c>
      <c r="V3345" s="10" t="s">
        <v>22</v>
      </c>
      <c r="W3345" s="10" t="s">
        <v>22</v>
      </c>
      <c r="X3345" s="10" t="s">
        <v>22</v>
      </c>
      <c r="Y3345" s="10" t="s">
        <v>22</v>
      </c>
      <c r="Z3345" s="10" t="s">
        <v>22</v>
      </c>
    </row>
    <row r="3346" spans="1:26" ht="24" customHeight="1" x14ac:dyDescent="0.2">
      <c r="A3346" s="9" t="s">
        <v>20518</v>
      </c>
      <c r="B3346" s="9" t="s">
        <v>13966</v>
      </c>
      <c r="C3346" s="9" t="s">
        <v>14562</v>
      </c>
      <c r="D3346" s="6" t="s">
        <v>14563</v>
      </c>
      <c r="E3346" s="22">
        <v>45018</v>
      </c>
      <c r="F3346" s="22">
        <v>46844</v>
      </c>
      <c r="G3346" s="6" t="s">
        <v>14564</v>
      </c>
      <c r="H3346" s="6" t="s">
        <v>18</v>
      </c>
      <c r="I3346" s="6" t="s">
        <v>1691</v>
      </c>
      <c r="J3346" s="6" t="s">
        <v>14565</v>
      </c>
      <c r="K3346" s="9" t="s">
        <v>14566</v>
      </c>
      <c r="L3346" s="10" t="s">
        <v>22</v>
      </c>
      <c r="M3346" s="10" t="s">
        <v>22</v>
      </c>
      <c r="N3346" s="10" t="s">
        <v>22</v>
      </c>
      <c r="O3346" s="10" t="s">
        <v>22</v>
      </c>
      <c r="P3346" s="10" t="s">
        <v>22</v>
      </c>
      <c r="Q3346" s="10" t="s">
        <v>22</v>
      </c>
      <c r="R3346" s="10" t="s">
        <v>22</v>
      </c>
      <c r="S3346" s="10" t="s">
        <v>22</v>
      </c>
      <c r="T3346" s="10" t="s">
        <v>22</v>
      </c>
      <c r="U3346" s="10" t="s">
        <v>22</v>
      </c>
      <c r="V3346" s="10" t="s">
        <v>22</v>
      </c>
      <c r="W3346" s="10" t="s">
        <v>22</v>
      </c>
      <c r="X3346" s="10" t="s">
        <v>22</v>
      </c>
      <c r="Y3346" s="10" t="s">
        <v>22</v>
      </c>
      <c r="Z3346" s="10" t="s">
        <v>22</v>
      </c>
    </row>
    <row r="3347" spans="1:26" ht="24" customHeight="1" x14ac:dyDescent="0.2">
      <c r="A3347" s="9" t="s">
        <v>20519</v>
      </c>
      <c r="B3347" s="9" t="s">
        <v>13966</v>
      </c>
      <c r="C3347" s="9" t="s">
        <v>14567</v>
      </c>
      <c r="D3347" s="6" t="s">
        <v>14568</v>
      </c>
      <c r="E3347" s="22">
        <v>45019</v>
      </c>
      <c r="F3347" s="22">
        <v>46845</v>
      </c>
      <c r="G3347" s="6" t="s">
        <v>14569</v>
      </c>
      <c r="H3347" s="6" t="s">
        <v>18</v>
      </c>
      <c r="I3347" s="6" t="s">
        <v>5029</v>
      </c>
      <c r="J3347" s="6" t="s">
        <v>14570</v>
      </c>
      <c r="K3347" s="9" t="s">
        <v>14571</v>
      </c>
      <c r="L3347" s="10" t="s">
        <v>22</v>
      </c>
      <c r="M3347" s="10" t="s">
        <v>22</v>
      </c>
      <c r="N3347" s="10" t="s">
        <v>22</v>
      </c>
      <c r="O3347" s="10" t="s">
        <v>22</v>
      </c>
      <c r="P3347" s="10" t="s">
        <v>22</v>
      </c>
      <c r="Q3347" s="10" t="s">
        <v>22</v>
      </c>
      <c r="R3347" s="10" t="s">
        <v>22</v>
      </c>
      <c r="S3347" s="10" t="s">
        <v>22</v>
      </c>
      <c r="T3347" s="10" t="s">
        <v>22</v>
      </c>
      <c r="U3347" s="10" t="s">
        <v>22</v>
      </c>
      <c r="V3347" s="10" t="s">
        <v>22</v>
      </c>
      <c r="W3347" s="10" t="s">
        <v>22</v>
      </c>
      <c r="X3347" s="10" t="s">
        <v>22</v>
      </c>
      <c r="Y3347" s="10" t="s">
        <v>22</v>
      </c>
      <c r="Z3347" s="10" t="s">
        <v>22</v>
      </c>
    </row>
    <row r="3348" spans="1:26" ht="24" customHeight="1" x14ac:dyDescent="0.2">
      <c r="A3348" s="9" t="s">
        <v>20520</v>
      </c>
      <c r="B3348" s="9" t="s">
        <v>13966</v>
      </c>
      <c r="C3348" s="9" t="s">
        <v>1073</v>
      </c>
      <c r="D3348" s="6" t="s">
        <v>14572</v>
      </c>
      <c r="E3348" s="22">
        <v>45038</v>
      </c>
      <c r="F3348" s="22">
        <v>46864</v>
      </c>
      <c r="G3348" s="6" t="s">
        <v>14573</v>
      </c>
      <c r="H3348" s="6" t="s">
        <v>18</v>
      </c>
      <c r="I3348" s="6" t="s">
        <v>392</v>
      </c>
      <c r="J3348" s="6" t="s">
        <v>14574</v>
      </c>
      <c r="K3348" s="9" t="s">
        <v>14575</v>
      </c>
      <c r="L3348" s="10" t="s">
        <v>22</v>
      </c>
      <c r="M3348" s="10" t="s">
        <v>22</v>
      </c>
      <c r="N3348" s="10" t="s">
        <v>22</v>
      </c>
      <c r="O3348" s="10" t="s">
        <v>22</v>
      </c>
      <c r="P3348" s="10" t="s">
        <v>22</v>
      </c>
      <c r="Q3348" s="10" t="s">
        <v>22</v>
      </c>
      <c r="R3348" s="10" t="s">
        <v>22</v>
      </c>
      <c r="S3348" s="10" t="s">
        <v>22</v>
      </c>
      <c r="T3348" s="10" t="s">
        <v>22</v>
      </c>
      <c r="U3348" s="10" t="s">
        <v>22</v>
      </c>
      <c r="V3348" s="10" t="s">
        <v>22</v>
      </c>
      <c r="W3348" s="10" t="s">
        <v>22</v>
      </c>
      <c r="X3348" s="10" t="s">
        <v>22</v>
      </c>
      <c r="Y3348" s="10" t="s">
        <v>22</v>
      </c>
      <c r="Z3348" s="10" t="s">
        <v>22</v>
      </c>
    </row>
    <row r="3349" spans="1:26" ht="24" customHeight="1" x14ac:dyDescent="0.2">
      <c r="A3349" s="9" t="s">
        <v>20521</v>
      </c>
      <c r="B3349" s="9" t="s">
        <v>13966</v>
      </c>
      <c r="C3349" s="9" t="s">
        <v>1078</v>
      </c>
      <c r="D3349" s="6" t="s">
        <v>14576</v>
      </c>
      <c r="E3349" s="22">
        <v>45033</v>
      </c>
      <c r="F3349" s="22">
        <v>46859</v>
      </c>
      <c r="G3349" s="6" t="s">
        <v>14577</v>
      </c>
      <c r="H3349" s="6" t="s">
        <v>18</v>
      </c>
      <c r="I3349" s="6" t="s">
        <v>1145</v>
      </c>
      <c r="J3349" s="6" t="s">
        <v>14578</v>
      </c>
      <c r="K3349" s="9" t="s">
        <v>14579</v>
      </c>
      <c r="L3349" s="10" t="s">
        <v>22</v>
      </c>
      <c r="M3349" s="10" t="s">
        <v>22</v>
      </c>
      <c r="N3349" s="10" t="s">
        <v>22</v>
      </c>
      <c r="O3349" s="10" t="s">
        <v>22</v>
      </c>
      <c r="P3349" s="10" t="s">
        <v>22</v>
      </c>
      <c r="Q3349" s="10" t="s">
        <v>22</v>
      </c>
      <c r="R3349" s="10" t="s">
        <v>22</v>
      </c>
      <c r="S3349" s="10" t="s">
        <v>22</v>
      </c>
      <c r="T3349" s="10" t="s">
        <v>22</v>
      </c>
      <c r="U3349" s="10" t="s">
        <v>22</v>
      </c>
      <c r="V3349" s="10" t="s">
        <v>22</v>
      </c>
      <c r="W3349" s="10" t="s">
        <v>22</v>
      </c>
      <c r="X3349" s="10" t="s">
        <v>22</v>
      </c>
      <c r="Y3349" s="10" t="s">
        <v>22</v>
      </c>
      <c r="Z3349" s="10" t="s">
        <v>22</v>
      </c>
    </row>
    <row r="3350" spans="1:26" ht="24" customHeight="1" x14ac:dyDescent="0.2">
      <c r="A3350" s="9" t="s">
        <v>20522</v>
      </c>
      <c r="B3350" s="9" t="s">
        <v>13966</v>
      </c>
      <c r="C3350" s="9" t="s">
        <v>1083</v>
      </c>
      <c r="D3350" s="6" t="s">
        <v>14580</v>
      </c>
      <c r="E3350" s="22">
        <v>45105</v>
      </c>
      <c r="F3350" s="22">
        <v>46931</v>
      </c>
      <c r="G3350" s="6" t="s">
        <v>14581</v>
      </c>
      <c r="H3350" s="6" t="s">
        <v>18</v>
      </c>
      <c r="I3350" s="6" t="s">
        <v>1145</v>
      </c>
      <c r="J3350" s="6" t="s">
        <v>14582</v>
      </c>
      <c r="K3350" s="9" t="s">
        <v>14583</v>
      </c>
      <c r="L3350" s="10" t="s">
        <v>22</v>
      </c>
      <c r="M3350" s="10" t="s">
        <v>22</v>
      </c>
      <c r="N3350" s="10" t="s">
        <v>22</v>
      </c>
      <c r="U3350" s="10" t="s">
        <v>22</v>
      </c>
      <c r="V3350" s="10" t="s">
        <v>22</v>
      </c>
      <c r="W3350" s="10" t="s">
        <v>22</v>
      </c>
    </row>
    <row r="3351" spans="1:26" ht="24" customHeight="1" x14ac:dyDescent="0.2">
      <c r="A3351" s="9" t="s">
        <v>20523</v>
      </c>
      <c r="B3351" s="9" t="s">
        <v>13966</v>
      </c>
      <c r="C3351" s="9" t="s">
        <v>14584</v>
      </c>
      <c r="D3351" s="6" t="s">
        <v>14585</v>
      </c>
      <c r="E3351" s="22">
        <v>45095</v>
      </c>
      <c r="F3351" s="22">
        <v>46921</v>
      </c>
      <c r="G3351" s="6" t="s">
        <v>14586</v>
      </c>
      <c r="H3351" s="6" t="s">
        <v>18</v>
      </c>
      <c r="I3351" s="6" t="s">
        <v>1145</v>
      </c>
      <c r="J3351" s="6" t="s">
        <v>14587</v>
      </c>
      <c r="K3351" s="9" t="s">
        <v>14588</v>
      </c>
      <c r="L3351" s="10" t="s">
        <v>22</v>
      </c>
      <c r="M3351" s="10" t="s">
        <v>22</v>
      </c>
      <c r="N3351" s="10" t="s">
        <v>22</v>
      </c>
      <c r="O3351" s="10" t="s">
        <v>22</v>
      </c>
      <c r="P3351" s="10" t="s">
        <v>22</v>
      </c>
      <c r="Q3351" s="10" t="s">
        <v>22</v>
      </c>
      <c r="R3351" s="10" t="s">
        <v>22</v>
      </c>
      <c r="S3351" s="10" t="s">
        <v>22</v>
      </c>
      <c r="T3351" s="10" t="s">
        <v>22</v>
      </c>
      <c r="U3351" s="10" t="s">
        <v>22</v>
      </c>
      <c r="V3351" s="10" t="s">
        <v>22</v>
      </c>
      <c r="W3351" s="10" t="s">
        <v>22</v>
      </c>
      <c r="X3351" s="10" t="s">
        <v>22</v>
      </c>
      <c r="Y3351" s="10" t="s">
        <v>22</v>
      </c>
      <c r="Z3351" s="10" t="s">
        <v>22</v>
      </c>
    </row>
    <row r="3352" spans="1:26" ht="24" customHeight="1" x14ac:dyDescent="0.2">
      <c r="A3352" s="9" t="s">
        <v>20524</v>
      </c>
      <c r="B3352" s="9" t="s">
        <v>13966</v>
      </c>
      <c r="C3352" s="9" t="s">
        <v>14589</v>
      </c>
      <c r="D3352" s="6" t="s">
        <v>14590</v>
      </c>
      <c r="E3352" s="22">
        <v>45159</v>
      </c>
      <c r="F3352" s="22">
        <v>46985</v>
      </c>
      <c r="G3352" s="6" t="s">
        <v>14591</v>
      </c>
      <c r="H3352" s="6" t="s">
        <v>18</v>
      </c>
      <c r="I3352" s="6" t="s">
        <v>1691</v>
      </c>
      <c r="J3352" s="6" t="s">
        <v>14592</v>
      </c>
      <c r="K3352" s="9" t="s">
        <v>14593</v>
      </c>
      <c r="M3352" s="10" t="s">
        <v>22</v>
      </c>
      <c r="N3352" s="10" t="s">
        <v>22</v>
      </c>
      <c r="U3352" s="10" t="s">
        <v>22</v>
      </c>
      <c r="V3352" s="10" t="s">
        <v>22</v>
      </c>
      <c r="W3352" s="10" t="s">
        <v>22</v>
      </c>
      <c r="X3352" s="10" t="s">
        <v>22</v>
      </c>
      <c r="Y3352" s="10" t="s">
        <v>22</v>
      </c>
      <c r="Z3352" s="10" t="s">
        <v>22</v>
      </c>
    </row>
    <row r="3353" spans="1:26" ht="24" customHeight="1" x14ac:dyDescent="0.2">
      <c r="A3353" s="9" t="s">
        <v>20525</v>
      </c>
      <c r="B3353" s="9" t="s">
        <v>13966</v>
      </c>
      <c r="C3353" s="9" t="s">
        <v>14594</v>
      </c>
      <c r="D3353" s="6" t="s">
        <v>14595</v>
      </c>
      <c r="E3353" s="22">
        <v>45202</v>
      </c>
      <c r="F3353" s="22">
        <v>47028</v>
      </c>
      <c r="G3353" s="6" t="s">
        <v>14596</v>
      </c>
      <c r="H3353" s="6" t="s">
        <v>18</v>
      </c>
      <c r="I3353" s="6" t="s">
        <v>1145</v>
      </c>
      <c r="J3353" s="6" t="s">
        <v>14597</v>
      </c>
      <c r="K3353" s="9" t="s">
        <v>14598</v>
      </c>
      <c r="M3353" s="10" t="s">
        <v>22</v>
      </c>
      <c r="N3353" s="10" t="s">
        <v>22</v>
      </c>
      <c r="U3353" s="10" t="s">
        <v>22</v>
      </c>
      <c r="V3353" s="10" t="s">
        <v>22</v>
      </c>
      <c r="W3353" s="10" t="s">
        <v>22</v>
      </c>
      <c r="X3353" s="10" t="s">
        <v>22</v>
      </c>
      <c r="Y3353" s="10" t="s">
        <v>22</v>
      </c>
      <c r="Z3353" s="10" t="s">
        <v>22</v>
      </c>
    </row>
    <row r="3354" spans="1:26" ht="24" customHeight="1" x14ac:dyDescent="0.2">
      <c r="A3354" s="9" t="s">
        <v>20526</v>
      </c>
      <c r="B3354" s="9" t="s">
        <v>13966</v>
      </c>
      <c r="C3354" s="9" t="s">
        <v>1102</v>
      </c>
      <c r="D3354" s="6" t="s">
        <v>14599</v>
      </c>
      <c r="E3354" s="22">
        <v>45243</v>
      </c>
      <c r="F3354" s="22">
        <v>47069</v>
      </c>
      <c r="G3354" s="6" t="s">
        <v>14599</v>
      </c>
      <c r="H3354" s="6" t="s">
        <v>18</v>
      </c>
      <c r="I3354" s="6" t="s">
        <v>1145</v>
      </c>
      <c r="J3354" s="6" t="s">
        <v>14600</v>
      </c>
      <c r="L3354" s="10" t="s">
        <v>22</v>
      </c>
      <c r="M3354" s="10" t="s">
        <v>22</v>
      </c>
      <c r="N3354" s="10" t="s">
        <v>22</v>
      </c>
      <c r="O3354" s="10" t="s">
        <v>22</v>
      </c>
      <c r="P3354" s="10" t="s">
        <v>22</v>
      </c>
      <c r="Q3354" s="10" t="s">
        <v>22</v>
      </c>
      <c r="R3354" s="10" t="s">
        <v>22</v>
      </c>
      <c r="S3354" s="10" t="s">
        <v>22</v>
      </c>
      <c r="T3354" s="10" t="s">
        <v>22</v>
      </c>
      <c r="U3354" s="10" t="s">
        <v>22</v>
      </c>
      <c r="V3354" s="10" t="s">
        <v>22</v>
      </c>
      <c r="W3354" s="10" t="s">
        <v>22</v>
      </c>
      <c r="X3354" s="10" t="s">
        <v>22</v>
      </c>
      <c r="Y3354" s="10" t="s">
        <v>22</v>
      </c>
      <c r="Z3354" s="10" t="s">
        <v>22</v>
      </c>
    </row>
    <row r="3355" spans="1:26" ht="24" customHeight="1" x14ac:dyDescent="0.2">
      <c r="A3355" s="9" t="s">
        <v>20527</v>
      </c>
      <c r="B3355" s="9" t="s">
        <v>13966</v>
      </c>
      <c r="C3355" s="9" t="s">
        <v>1107</v>
      </c>
      <c r="D3355" s="6" t="s">
        <v>14601</v>
      </c>
      <c r="E3355" s="22">
        <v>45243</v>
      </c>
      <c r="F3355" s="22">
        <v>47069</v>
      </c>
      <c r="G3355" s="6" t="s">
        <v>14602</v>
      </c>
      <c r="H3355" s="6" t="s">
        <v>18</v>
      </c>
      <c r="I3355" s="6" t="s">
        <v>392</v>
      </c>
      <c r="J3355" s="6" t="s">
        <v>14603</v>
      </c>
      <c r="K3355" s="9" t="s">
        <v>14604</v>
      </c>
      <c r="L3355" s="10" t="s">
        <v>22</v>
      </c>
      <c r="M3355" s="10" t="s">
        <v>22</v>
      </c>
      <c r="N3355" s="10" t="s">
        <v>22</v>
      </c>
      <c r="O3355" s="10" t="s">
        <v>22</v>
      </c>
      <c r="P3355" s="10" t="s">
        <v>22</v>
      </c>
      <c r="Q3355" s="10" t="s">
        <v>22</v>
      </c>
      <c r="R3355" s="10" t="s">
        <v>22</v>
      </c>
      <c r="S3355" s="10" t="s">
        <v>22</v>
      </c>
      <c r="T3355" s="10" t="s">
        <v>22</v>
      </c>
      <c r="U3355" s="10" t="s">
        <v>22</v>
      </c>
      <c r="V3355" s="10" t="s">
        <v>22</v>
      </c>
      <c r="W3355" s="10" t="s">
        <v>22</v>
      </c>
      <c r="X3355" s="10" t="s">
        <v>22</v>
      </c>
      <c r="Y3355" s="10" t="s">
        <v>22</v>
      </c>
      <c r="Z3355" s="10" t="s">
        <v>22</v>
      </c>
    </row>
    <row r="3356" spans="1:26" ht="24" customHeight="1" x14ac:dyDescent="0.2">
      <c r="A3356" s="9" t="s">
        <v>20528</v>
      </c>
      <c r="B3356" s="9" t="s">
        <v>13966</v>
      </c>
      <c r="C3356" s="9" t="s">
        <v>1112</v>
      </c>
      <c r="D3356" s="6" t="s">
        <v>14605</v>
      </c>
      <c r="E3356" s="22">
        <v>44646</v>
      </c>
      <c r="F3356" s="22">
        <v>46471</v>
      </c>
      <c r="G3356" s="6" t="s">
        <v>14606</v>
      </c>
      <c r="H3356" s="6" t="s">
        <v>18</v>
      </c>
      <c r="I3356" s="6" t="s">
        <v>392</v>
      </c>
      <c r="J3356" s="6" t="s">
        <v>14607</v>
      </c>
      <c r="K3356" s="9" t="s">
        <v>14608</v>
      </c>
      <c r="L3356" s="10" t="s">
        <v>22</v>
      </c>
      <c r="M3356" s="10" t="s">
        <v>22</v>
      </c>
      <c r="N3356" s="10" t="s">
        <v>22</v>
      </c>
      <c r="O3356" s="10" t="s">
        <v>22</v>
      </c>
      <c r="P3356" s="10" t="s">
        <v>22</v>
      </c>
      <c r="Q3356" s="10" t="s">
        <v>22</v>
      </c>
      <c r="R3356" s="10" t="s">
        <v>22</v>
      </c>
      <c r="S3356" s="10" t="s">
        <v>22</v>
      </c>
      <c r="T3356" s="10" t="s">
        <v>22</v>
      </c>
      <c r="U3356" s="10" t="s">
        <v>22</v>
      </c>
      <c r="V3356" s="10" t="s">
        <v>22</v>
      </c>
      <c r="W3356" s="10" t="s">
        <v>22</v>
      </c>
      <c r="X3356" s="10" t="s">
        <v>22</v>
      </c>
      <c r="Y3356" s="10" t="s">
        <v>22</v>
      </c>
      <c r="Z3356" s="10" t="s">
        <v>22</v>
      </c>
    </row>
    <row r="3357" spans="1:26" ht="24" customHeight="1" x14ac:dyDescent="0.2">
      <c r="A3357" s="9" t="s">
        <v>20529</v>
      </c>
      <c r="B3357" s="9" t="s">
        <v>13966</v>
      </c>
      <c r="C3357" s="9" t="s">
        <v>14609</v>
      </c>
      <c r="D3357" s="6" t="s">
        <v>14610</v>
      </c>
      <c r="E3357" s="22">
        <v>45487</v>
      </c>
      <c r="F3357" s="22">
        <v>47312</v>
      </c>
      <c r="G3357" s="6" t="s">
        <v>14611</v>
      </c>
      <c r="H3357" s="6" t="s">
        <v>18</v>
      </c>
      <c r="I3357" s="6" t="s">
        <v>5029</v>
      </c>
      <c r="J3357" s="6" t="s">
        <v>14612</v>
      </c>
      <c r="K3357" s="9" t="s">
        <v>17133</v>
      </c>
      <c r="L3357" s="10" t="s">
        <v>22</v>
      </c>
      <c r="M3357" s="10" t="s">
        <v>22</v>
      </c>
      <c r="N3357" s="10" t="s">
        <v>22</v>
      </c>
      <c r="O3357" s="10" t="s">
        <v>22</v>
      </c>
      <c r="P3357" s="10" t="s">
        <v>22</v>
      </c>
      <c r="Q3357" s="10" t="s">
        <v>22</v>
      </c>
      <c r="R3357" s="10" t="s">
        <v>22</v>
      </c>
      <c r="S3357" s="10" t="s">
        <v>22</v>
      </c>
      <c r="T3357" s="10" t="s">
        <v>22</v>
      </c>
      <c r="U3357" s="10" t="s">
        <v>22</v>
      </c>
      <c r="V3357" s="10" t="s">
        <v>22</v>
      </c>
      <c r="W3357" s="10" t="s">
        <v>22</v>
      </c>
      <c r="X3357" s="10" t="s">
        <v>22</v>
      </c>
      <c r="Y3357" s="10" t="s">
        <v>22</v>
      </c>
      <c r="Z3357" s="10" t="s">
        <v>22</v>
      </c>
    </row>
    <row r="3358" spans="1:26" ht="24" customHeight="1" x14ac:dyDescent="0.2">
      <c r="A3358" s="9" t="s">
        <v>20530</v>
      </c>
      <c r="B3358" s="9" t="s">
        <v>13966</v>
      </c>
      <c r="C3358" s="9" t="s">
        <v>1122</v>
      </c>
      <c r="D3358" s="6" t="s">
        <v>14613</v>
      </c>
      <c r="E3358" s="22">
        <v>45510</v>
      </c>
      <c r="F3358" s="22">
        <v>47335</v>
      </c>
      <c r="G3358" s="6" t="s">
        <v>14614</v>
      </c>
      <c r="H3358" s="6" t="s">
        <v>18</v>
      </c>
      <c r="I3358" s="6" t="s">
        <v>1145</v>
      </c>
      <c r="J3358" s="6" t="s">
        <v>14615</v>
      </c>
      <c r="L3358" s="10" t="s">
        <v>22</v>
      </c>
      <c r="M3358" s="10" t="s">
        <v>22</v>
      </c>
      <c r="N3358" s="10" t="s">
        <v>22</v>
      </c>
      <c r="O3358" s="10" t="s">
        <v>22</v>
      </c>
      <c r="P3358" s="10" t="s">
        <v>22</v>
      </c>
      <c r="Q3358" s="10" t="s">
        <v>22</v>
      </c>
      <c r="U3358" s="10" t="s">
        <v>22</v>
      </c>
      <c r="V3358" s="10" t="s">
        <v>22</v>
      </c>
      <c r="W3358" s="10" t="s">
        <v>22</v>
      </c>
      <c r="X3358" s="10" t="s">
        <v>22</v>
      </c>
      <c r="Y3358" s="10" t="s">
        <v>22</v>
      </c>
      <c r="Z3358" s="10" t="s">
        <v>22</v>
      </c>
    </row>
    <row r="3359" spans="1:26" ht="24" customHeight="1" x14ac:dyDescent="0.2">
      <c r="A3359" s="9" t="s">
        <v>20531</v>
      </c>
      <c r="B3359" s="9" t="s">
        <v>13966</v>
      </c>
      <c r="C3359" s="9" t="s">
        <v>14616</v>
      </c>
      <c r="D3359" s="6" t="s">
        <v>14617</v>
      </c>
      <c r="E3359" s="22">
        <v>45532</v>
      </c>
      <c r="F3359" s="22">
        <v>47357</v>
      </c>
      <c r="G3359" s="6" t="s">
        <v>14618</v>
      </c>
      <c r="H3359" s="6" t="s">
        <v>18</v>
      </c>
      <c r="I3359" s="6" t="s">
        <v>392</v>
      </c>
      <c r="J3359" s="6" t="s">
        <v>14619</v>
      </c>
      <c r="K3359" s="9" t="s">
        <v>14620</v>
      </c>
      <c r="M3359" s="10" t="s">
        <v>22</v>
      </c>
      <c r="N3359" s="10" t="s">
        <v>22</v>
      </c>
      <c r="P3359" s="10" t="s">
        <v>22</v>
      </c>
      <c r="Q3359" s="10" t="s">
        <v>22</v>
      </c>
      <c r="V3359" s="10" t="s">
        <v>22</v>
      </c>
      <c r="W3359" s="10" t="s">
        <v>22</v>
      </c>
      <c r="Y3359" s="10" t="s">
        <v>22</v>
      </c>
      <c r="Z3359" s="10" t="s">
        <v>22</v>
      </c>
    </row>
    <row r="3360" spans="1:26" ht="24" customHeight="1" x14ac:dyDescent="0.2">
      <c r="A3360" s="9" t="s">
        <v>20532</v>
      </c>
      <c r="B3360" s="9" t="s">
        <v>13966</v>
      </c>
      <c r="C3360" s="9" t="s">
        <v>1128</v>
      </c>
      <c r="D3360" s="6" t="s">
        <v>14621</v>
      </c>
      <c r="E3360" s="22">
        <v>45537</v>
      </c>
      <c r="F3360" s="22">
        <v>47362</v>
      </c>
      <c r="G3360" s="6" t="s">
        <v>14622</v>
      </c>
      <c r="H3360" s="6" t="s">
        <v>18</v>
      </c>
      <c r="I3360" s="6" t="s">
        <v>392</v>
      </c>
      <c r="J3360" s="6" t="s">
        <v>14623</v>
      </c>
      <c r="K3360" s="9" t="s">
        <v>14624</v>
      </c>
      <c r="L3360" s="10" t="s">
        <v>22</v>
      </c>
      <c r="M3360" s="10" t="s">
        <v>22</v>
      </c>
      <c r="N3360" s="10" t="s">
        <v>22</v>
      </c>
      <c r="O3360" s="10" t="s">
        <v>22</v>
      </c>
      <c r="P3360" s="10" t="s">
        <v>22</v>
      </c>
      <c r="Q3360" s="10" t="s">
        <v>22</v>
      </c>
      <c r="R3360" s="10" t="s">
        <v>22</v>
      </c>
      <c r="S3360" s="10" t="s">
        <v>22</v>
      </c>
      <c r="T3360" s="10" t="s">
        <v>22</v>
      </c>
      <c r="U3360" s="10" t="s">
        <v>22</v>
      </c>
      <c r="V3360" s="10" t="s">
        <v>22</v>
      </c>
      <c r="W3360" s="10" t="s">
        <v>22</v>
      </c>
      <c r="X3360" s="10" t="s">
        <v>22</v>
      </c>
      <c r="Y3360" s="10" t="s">
        <v>22</v>
      </c>
      <c r="Z3360" s="10" t="s">
        <v>22</v>
      </c>
    </row>
    <row r="3361" spans="1:26" ht="24" customHeight="1" x14ac:dyDescent="0.2">
      <c r="A3361" s="9" t="s">
        <v>20533</v>
      </c>
      <c r="B3361" s="9" t="s">
        <v>13966</v>
      </c>
      <c r="C3361" s="9" t="s">
        <v>1133</v>
      </c>
      <c r="D3361" s="6" t="s">
        <v>14625</v>
      </c>
      <c r="E3361" s="22">
        <v>45547</v>
      </c>
      <c r="F3361" s="22">
        <v>47372</v>
      </c>
      <c r="G3361" s="6" t="s">
        <v>14626</v>
      </c>
      <c r="H3361" s="6" t="s">
        <v>18</v>
      </c>
      <c r="I3361" s="6" t="s">
        <v>1145</v>
      </c>
      <c r="J3361" s="6" t="s">
        <v>14627</v>
      </c>
      <c r="K3361" s="9" t="s">
        <v>14628</v>
      </c>
      <c r="L3361" s="10" t="s">
        <v>22</v>
      </c>
      <c r="M3361" s="10" t="s">
        <v>22</v>
      </c>
      <c r="N3361" s="10" t="s">
        <v>22</v>
      </c>
      <c r="O3361" s="10" t="s">
        <v>22</v>
      </c>
      <c r="P3361" s="10" t="s">
        <v>22</v>
      </c>
      <c r="Q3361" s="10" t="s">
        <v>22</v>
      </c>
      <c r="R3361" s="10" t="s">
        <v>22</v>
      </c>
      <c r="S3361" s="10" t="s">
        <v>22</v>
      </c>
      <c r="T3361" s="10" t="s">
        <v>22</v>
      </c>
      <c r="U3361" s="10" t="s">
        <v>22</v>
      </c>
      <c r="V3361" s="10" t="s">
        <v>22</v>
      </c>
      <c r="W3361" s="10" t="s">
        <v>22</v>
      </c>
      <c r="X3361" s="10" t="s">
        <v>22</v>
      </c>
      <c r="Y3361" s="10" t="s">
        <v>22</v>
      </c>
      <c r="Z3361" s="10" t="s">
        <v>22</v>
      </c>
    </row>
    <row r="3362" spans="1:26" ht="24" customHeight="1" x14ac:dyDescent="0.2">
      <c r="A3362" s="9" t="s">
        <v>20534</v>
      </c>
      <c r="B3362" s="9" t="s">
        <v>13966</v>
      </c>
      <c r="C3362" s="9" t="s">
        <v>14629</v>
      </c>
      <c r="D3362" s="6" t="s">
        <v>14630</v>
      </c>
      <c r="E3362" s="22">
        <v>45564</v>
      </c>
      <c r="F3362" s="22">
        <v>47389</v>
      </c>
      <c r="G3362" s="6" t="s">
        <v>14631</v>
      </c>
      <c r="H3362" s="6" t="s">
        <v>18</v>
      </c>
      <c r="I3362" s="6" t="s">
        <v>10786</v>
      </c>
      <c r="J3362" s="6" t="s">
        <v>14632</v>
      </c>
      <c r="L3362" s="10" t="s">
        <v>22</v>
      </c>
      <c r="M3362" s="10" t="s">
        <v>22</v>
      </c>
      <c r="N3362" s="10" t="s">
        <v>22</v>
      </c>
      <c r="O3362" s="10" t="s">
        <v>22</v>
      </c>
      <c r="P3362" s="10" t="s">
        <v>22</v>
      </c>
      <c r="Q3362" s="10" t="s">
        <v>22</v>
      </c>
      <c r="U3362" s="10" t="s">
        <v>22</v>
      </c>
      <c r="V3362" s="10" t="s">
        <v>22</v>
      </c>
      <c r="W3362" s="10" t="s">
        <v>22</v>
      </c>
      <c r="X3362" s="10" t="s">
        <v>22</v>
      </c>
      <c r="Y3362" s="10" t="s">
        <v>22</v>
      </c>
      <c r="Z3362" s="10" t="s">
        <v>22</v>
      </c>
    </row>
    <row r="3363" spans="1:26" ht="24" customHeight="1" x14ac:dyDescent="0.2">
      <c r="A3363" s="9" t="s">
        <v>21340</v>
      </c>
      <c r="B3363" s="9" t="s">
        <v>13966</v>
      </c>
      <c r="C3363" s="9" t="s">
        <v>1138</v>
      </c>
      <c r="D3363" s="6" t="s">
        <v>14633</v>
      </c>
      <c r="E3363" s="22">
        <v>45613</v>
      </c>
      <c r="F3363" s="22">
        <v>47438</v>
      </c>
      <c r="G3363" s="6" t="s">
        <v>14634</v>
      </c>
      <c r="H3363" s="6" t="s">
        <v>18</v>
      </c>
      <c r="I3363" s="6" t="s">
        <v>1145</v>
      </c>
      <c r="J3363" s="6" t="s">
        <v>14635</v>
      </c>
      <c r="K3363" s="9" t="s">
        <v>14636</v>
      </c>
      <c r="L3363" s="10" t="s">
        <v>22</v>
      </c>
      <c r="M3363" s="10" t="s">
        <v>22</v>
      </c>
      <c r="N3363" s="10" t="s">
        <v>22</v>
      </c>
      <c r="O3363" s="10" t="s">
        <v>22</v>
      </c>
      <c r="P3363" s="10" t="s">
        <v>22</v>
      </c>
      <c r="Q3363" s="10" t="s">
        <v>22</v>
      </c>
      <c r="R3363" s="10" t="s">
        <v>22</v>
      </c>
      <c r="S3363" s="10" t="s">
        <v>22</v>
      </c>
      <c r="T3363" s="10" t="s">
        <v>22</v>
      </c>
    </row>
    <row r="3364" spans="1:26" ht="24" customHeight="1" x14ac:dyDescent="0.2">
      <c r="B3364" s="9" t="s">
        <v>13966</v>
      </c>
      <c r="C3364" s="9" t="s">
        <v>21363</v>
      </c>
      <c r="D3364" s="6" t="s">
        <v>14637</v>
      </c>
      <c r="E3364" s="4">
        <v>45690</v>
      </c>
      <c r="F3364" s="22">
        <v>47515</v>
      </c>
      <c r="G3364" s="6" t="s">
        <v>14637</v>
      </c>
      <c r="H3364" s="6" t="s">
        <v>18</v>
      </c>
      <c r="I3364" s="6" t="s">
        <v>21364</v>
      </c>
      <c r="J3364" s="6" t="s">
        <v>21365</v>
      </c>
      <c r="K3364" s="9" t="s">
        <v>21366</v>
      </c>
      <c r="L3364" s="10" t="s">
        <v>22</v>
      </c>
      <c r="M3364" s="10" t="s">
        <v>22</v>
      </c>
      <c r="N3364" s="10" t="s">
        <v>22</v>
      </c>
      <c r="O3364" s="10" t="s">
        <v>22</v>
      </c>
      <c r="P3364" s="10" t="s">
        <v>22</v>
      </c>
      <c r="Q3364" s="10" t="s">
        <v>22</v>
      </c>
      <c r="U3364" s="10" t="s">
        <v>22</v>
      </c>
      <c r="V3364" s="10" t="s">
        <v>22</v>
      </c>
      <c r="W3364" s="10" t="s">
        <v>22</v>
      </c>
      <c r="X3364" s="10" t="s">
        <v>22</v>
      </c>
      <c r="Y3364" s="10" t="s">
        <v>22</v>
      </c>
      <c r="Z3364" s="10" t="s">
        <v>22</v>
      </c>
    </row>
    <row r="3365" spans="1:26" ht="24" customHeight="1" x14ac:dyDescent="0.2">
      <c r="A3365" s="9" t="s">
        <v>20535</v>
      </c>
      <c r="B3365" s="9" t="s">
        <v>13966</v>
      </c>
      <c r="C3365" s="9" t="s">
        <v>14638</v>
      </c>
      <c r="D3365" s="6" t="s">
        <v>14639</v>
      </c>
      <c r="E3365" s="22">
        <v>43887</v>
      </c>
      <c r="F3365" s="22">
        <v>45713</v>
      </c>
      <c r="G3365" s="6" t="s">
        <v>14640</v>
      </c>
      <c r="H3365" s="6" t="s">
        <v>18</v>
      </c>
      <c r="I3365" s="6" t="s">
        <v>5029</v>
      </c>
      <c r="J3365" s="6" t="s">
        <v>14641</v>
      </c>
      <c r="K3365" s="9" t="s">
        <v>14642</v>
      </c>
      <c r="L3365" s="10" t="s">
        <v>22</v>
      </c>
      <c r="M3365" s="10" t="s">
        <v>22</v>
      </c>
      <c r="N3365" s="10" t="s">
        <v>22</v>
      </c>
      <c r="O3365" s="10" t="s">
        <v>22</v>
      </c>
      <c r="P3365" s="10" t="s">
        <v>22</v>
      </c>
      <c r="Q3365" s="10" t="s">
        <v>22</v>
      </c>
      <c r="R3365" s="10" t="s">
        <v>22</v>
      </c>
      <c r="S3365" s="10" t="s">
        <v>22</v>
      </c>
      <c r="T3365" s="10" t="s">
        <v>22</v>
      </c>
      <c r="U3365" s="10" t="s">
        <v>22</v>
      </c>
      <c r="V3365" s="10" t="s">
        <v>22</v>
      </c>
      <c r="W3365" s="10" t="s">
        <v>22</v>
      </c>
      <c r="X3365" s="10" t="s">
        <v>22</v>
      </c>
      <c r="Y3365" s="10" t="s">
        <v>22</v>
      </c>
      <c r="Z3365" s="10" t="s">
        <v>22</v>
      </c>
    </row>
    <row r="3366" spans="1:26" ht="24" customHeight="1" x14ac:dyDescent="0.2">
      <c r="A3366" s="9" t="s">
        <v>20536</v>
      </c>
      <c r="B3366" s="9" t="s">
        <v>13966</v>
      </c>
      <c r="C3366" s="9" t="s">
        <v>14643</v>
      </c>
      <c r="D3366" s="6" t="s">
        <v>14644</v>
      </c>
      <c r="E3366" s="22">
        <v>43964</v>
      </c>
      <c r="F3366" s="22">
        <v>45789</v>
      </c>
      <c r="G3366" s="6" t="s">
        <v>14645</v>
      </c>
      <c r="H3366" s="6" t="s">
        <v>18</v>
      </c>
      <c r="I3366" s="6" t="s">
        <v>1194</v>
      </c>
      <c r="J3366" s="6" t="s">
        <v>14646</v>
      </c>
      <c r="K3366" s="9" t="s">
        <v>14647</v>
      </c>
      <c r="L3366" s="10" t="s">
        <v>22</v>
      </c>
      <c r="M3366" s="10" t="s">
        <v>22</v>
      </c>
      <c r="N3366" s="10" t="s">
        <v>22</v>
      </c>
      <c r="O3366" s="10" t="s">
        <v>22</v>
      </c>
      <c r="P3366" s="10" t="s">
        <v>22</v>
      </c>
      <c r="Q3366" s="10" t="s">
        <v>22</v>
      </c>
      <c r="U3366" s="10" t="s">
        <v>22</v>
      </c>
      <c r="V3366" s="10" t="s">
        <v>22</v>
      </c>
      <c r="W3366" s="10" t="s">
        <v>22</v>
      </c>
    </row>
    <row r="3367" spans="1:26" ht="24" customHeight="1" x14ac:dyDescent="0.2">
      <c r="A3367" s="9" t="s">
        <v>20537</v>
      </c>
      <c r="B3367" s="9" t="s">
        <v>13966</v>
      </c>
      <c r="C3367" s="9" t="s">
        <v>14648</v>
      </c>
      <c r="D3367" s="6" t="s">
        <v>14649</v>
      </c>
      <c r="E3367" s="22">
        <v>43979</v>
      </c>
      <c r="F3367" s="22">
        <v>45804</v>
      </c>
      <c r="G3367" s="6" t="s">
        <v>14650</v>
      </c>
      <c r="H3367" s="6" t="s">
        <v>18</v>
      </c>
      <c r="I3367" s="6" t="s">
        <v>1145</v>
      </c>
      <c r="J3367" s="6" t="s">
        <v>14651</v>
      </c>
      <c r="L3367" s="10" t="s">
        <v>22</v>
      </c>
      <c r="M3367" s="10" t="s">
        <v>22</v>
      </c>
      <c r="N3367" s="10" t="s">
        <v>22</v>
      </c>
      <c r="O3367" s="10" t="s">
        <v>22</v>
      </c>
      <c r="P3367" s="10" t="s">
        <v>22</v>
      </c>
      <c r="Q3367" s="10" t="s">
        <v>22</v>
      </c>
      <c r="U3367" s="10" t="s">
        <v>22</v>
      </c>
      <c r="V3367" s="10" t="s">
        <v>22</v>
      </c>
      <c r="W3367" s="10" t="s">
        <v>22</v>
      </c>
      <c r="X3367" s="10" t="s">
        <v>22</v>
      </c>
      <c r="Y3367" s="10" t="s">
        <v>22</v>
      </c>
      <c r="Z3367" s="10" t="s">
        <v>22</v>
      </c>
    </row>
    <row r="3368" spans="1:26" ht="24" customHeight="1" x14ac:dyDescent="0.2">
      <c r="A3368" s="9" t="s">
        <v>20538</v>
      </c>
      <c r="B3368" s="9" t="s">
        <v>13966</v>
      </c>
      <c r="C3368" s="9" t="s">
        <v>1153</v>
      </c>
      <c r="D3368" s="6" t="s">
        <v>14652</v>
      </c>
      <c r="E3368" s="22">
        <v>43998</v>
      </c>
      <c r="F3368" s="22">
        <v>45823</v>
      </c>
      <c r="G3368" s="6" t="s">
        <v>14653</v>
      </c>
      <c r="H3368" s="6" t="s">
        <v>18</v>
      </c>
      <c r="I3368" s="6" t="s">
        <v>392</v>
      </c>
      <c r="J3368" s="6" t="s">
        <v>14654</v>
      </c>
      <c r="L3368" s="10" t="s">
        <v>22</v>
      </c>
      <c r="M3368" s="10" t="s">
        <v>22</v>
      </c>
      <c r="N3368" s="10" t="s">
        <v>22</v>
      </c>
      <c r="O3368" s="10" t="s">
        <v>22</v>
      </c>
      <c r="P3368" s="10" t="s">
        <v>22</v>
      </c>
      <c r="Q3368" s="10" t="s">
        <v>22</v>
      </c>
      <c r="U3368" s="10" t="s">
        <v>22</v>
      </c>
      <c r="V3368" s="10" t="s">
        <v>22</v>
      </c>
      <c r="W3368" s="10" t="s">
        <v>22</v>
      </c>
      <c r="X3368" s="10" t="s">
        <v>22</v>
      </c>
      <c r="Y3368" s="10" t="s">
        <v>22</v>
      </c>
      <c r="Z3368" s="10" t="s">
        <v>22</v>
      </c>
    </row>
    <row r="3369" spans="1:26" ht="24" customHeight="1" x14ac:dyDescent="0.2">
      <c r="A3369" s="9" t="s">
        <v>20539</v>
      </c>
      <c r="B3369" s="9" t="s">
        <v>13966</v>
      </c>
      <c r="C3369" s="9" t="s">
        <v>1162</v>
      </c>
      <c r="D3369" s="6" t="s">
        <v>14655</v>
      </c>
      <c r="E3369" s="22">
        <v>44013</v>
      </c>
      <c r="F3369" s="22">
        <v>45838</v>
      </c>
      <c r="G3369" s="6" t="s">
        <v>14656</v>
      </c>
      <c r="H3369" s="6" t="s">
        <v>18</v>
      </c>
      <c r="I3369" s="6" t="s">
        <v>1145</v>
      </c>
      <c r="J3369" s="6" t="s">
        <v>14657</v>
      </c>
      <c r="K3369" s="9" t="s">
        <v>14658</v>
      </c>
      <c r="L3369" s="10" t="s">
        <v>22</v>
      </c>
      <c r="M3369" s="10" t="s">
        <v>22</v>
      </c>
      <c r="N3369" s="10" t="s">
        <v>22</v>
      </c>
      <c r="O3369" s="10" t="s">
        <v>22</v>
      </c>
      <c r="P3369" s="10" t="s">
        <v>22</v>
      </c>
      <c r="Q3369" s="10" t="s">
        <v>22</v>
      </c>
      <c r="R3369" s="10" t="s">
        <v>22</v>
      </c>
      <c r="S3369" s="10" t="s">
        <v>22</v>
      </c>
      <c r="T3369" s="10" t="s">
        <v>22</v>
      </c>
      <c r="U3369" s="10" t="s">
        <v>22</v>
      </c>
      <c r="V3369" s="10" t="s">
        <v>22</v>
      </c>
      <c r="W3369" s="10" t="s">
        <v>22</v>
      </c>
      <c r="X3369" s="10" t="s">
        <v>22</v>
      </c>
      <c r="Y3369" s="10" t="s">
        <v>22</v>
      </c>
      <c r="Z3369" s="10" t="s">
        <v>22</v>
      </c>
    </row>
    <row r="3370" spans="1:26" ht="24" customHeight="1" x14ac:dyDescent="0.2">
      <c r="A3370" s="9" t="s">
        <v>20540</v>
      </c>
      <c r="B3370" s="9" t="s">
        <v>13966</v>
      </c>
      <c r="C3370" s="9" t="s">
        <v>14659</v>
      </c>
      <c r="D3370" s="6" t="s">
        <v>14660</v>
      </c>
      <c r="E3370" s="22">
        <v>44035</v>
      </c>
      <c r="F3370" s="22">
        <v>45860</v>
      </c>
      <c r="G3370" s="6" t="s">
        <v>14661</v>
      </c>
      <c r="H3370" s="6" t="s">
        <v>18</v>
      </c>
      <c r="I3370" s="6" t="s">
        <v>1145</v>
      </c>
      <c r="J3370" s="6" t="s">
        <v>14662</v>
      </c>
      <c r="K3370" s="9" t="s">
        <v>14663</v>
      </c>
      <c r="L3370" s="10" t="s">
        <v>22</v>
      </c>
      <c r="M3370" s="10" t="s">
        <v>22</v>
      </c>
      <c r="N3370" s="10" t="s">
        <v>22</v>
      </c>
      <c r="O3370" s="10" t="s">
        <v>22</v>
      </c>
      <c r="P3370" s="10" t="s">
        <v>22</v>
      </c>
      <c r="Q3370" s="10" t="s">
        <v>22</v>
      </c>
      <c r="R3370" s="10" t="s">
        <v>22</v>
      </c>
      <c r="S3370" s="10" t="s">
        <v>22</v>
      </c>
      <c r="T3370" s="10" t="s">
        <v>22</v>
      </c>
      <c r="U3370" s="10" t="s">
        <v>22</v>
      </c>
      <c r="V3370" s="10" t="s">
        <v>22</v>
      </c>
      <c r="W3370" s="10" t="s">
        <v>22</v>
      </c>
      <c r="X3370" s="10" t="s">
        <v>22</v>
      </c>
      <c r="Y3370" s="10" t="s">
        <v>22</v>
      </c>
      <c r="Z3370" s="10" t="s">
        <v>22</v>
      </c>
    </row>
    <row r="3371" spans="1:26" ht="24" customHeight="1" x14ac:dyDescent="0.2">
      <c r="A3371" s="9" t="s">
        <v>20541</v>
      </c>
      <c r="B3371" s="9" t="s">
        <v>13966</v>
      </c>
      <c r="C3371" s="9" t="s">
        <v>14664</v>
      </c>
      <c r="D3371" s="6" t="s">
        <v>14665</v>
      </c>
      <c r="E3371" s="22">
        <v>44050</v>
      </c>
      <c r="F3371" s="22">
        <v>45875</v>
      </c>
      <c r="G3371" s="6" t="s">
        <v>14666</v>
      </c>
      <c r="H3371" s="6" t="s">
        <v>18</v>
      </c>
      <c r="I3371" s="6" t="s">
        <v>5029</v>
      </c>
      <c r="J3371" s="6" t="s">
        <v>14667</v>
      </c>
      <c r="K3371" s="9" t="s">
        <v>14668</v>
      </c>
      <c r="L3371" s="10" t="s">
        <v>22</v>
      </c>
      <c r="M3371" s="10" t="s">
        <v>22</v>
      </c>
      <c r="N3371" s="10" t="s">
        <v>22</v>
      </c>
      <c r="O3371" s="10" t="s">
        <v>22</v>
      </c>
      <c r="P3371" s="10" t="s">
        <v>22</v>
      </c>
      <c r="Q3371" s="10" t="s">
        <v>22</v>
      </c>
      <c r="R3371" s="10" t="s">
        <v>22</v>
      </c>
      <c r="S3371" s="10" t="s">
        <v>22</v>
      </c>
      <c r="T3371" s="10" t="s">
        <v>22</v>
      </c>
      <c r="U3371" s="10" t="s">
        <v>22</v>
      </c>
      <c r="V3371" s="10" t="s">
        <v>22</v>
      </c>
      <c r="W3371" s="10" t="s">
        <v>22</v>
      </c>
      <c r="X3371" s="10" t="s">
        <v>22</v>
      </c>
      <c r="Y3371" s="10" t="s">
        <v>22</v>
      </c>
      <c r="Z3371" s="10" t="s">
        <v>22</v>
      </c>
    </row>
    <row r="3372" spans="1:26" ht="24" customHeight="1" x14ac:dyDescent="0.2">
      <c r="A3372" s="9" t="s">
        <v>20542</v>
      </c>
      <c r="B3372" s="9" t="s">
        <v>13966</v>
      </c>
      <c r="C3372" s="9" t="s">
        <v>14669</v>
      </c>
      <c r="D3372" s="6" t="s">
        <v>14670</v>
      </c>
      <c r="E3372" s="22">
        <v>44113</v>
      </c>
      <c r="F3372" s="22">
        <v>45938</v>
      </c>
      <c r="G3372" s="6" t="s">
        <v>14671</v>
      </c>
      <c r="H3372" s="6" t="s">
        <v>18</v>
      </c>
      <c r="I3372" s="6" t="s">
        <v>392</v>
      </c>
      <c r="J3372" s="6" t="s">
        <v>14672</v>
      </c>
      <c r="K3372" s="9" t="s">
        <v>14673</v>
      </c>
      <c r="L3372" s="10" t="s">
        <v>22</v>
      </c>
      <c r="M3372" s="10" t="s">
        <v>22</v>
      </c>
      <c r="N3372" s="10" t="s">
        <v>22</v>
      </c>
      <c r="O3372" s="10" t="s">
        <v>22</v>
      </c>
      <c r="P3372" s="10" t="s">
        <v>22</v>
      </c>
      <c r="Q3372" s="10" t="s">
        <v>22</v>
      </c>
      <c r="S3372" s="10" t="s">
        <v>22</v>
      </c>
      <c r="T3372" s="10" t="s">
        <v>22</v>
      </c>
      <c r="V3372" s="10" t="s">
        <v>22</v>
      </c>
      <c r="W3372" s="10" t="s">
        <v>22</v>
      </c>
      <c r="Y3372" s="10" t="s">
        <v>22</v>
      </c>
      <c r="Z3372" s="10" t="s">
        <v>22</v>
      </c>
    </row>
    <row r="3373" spans="1:26" ht="24" customHeight="1" x14ac:dyDescent="0.2">
      <c r="A3373" s="9" t="s">
        <v>20543</v>
      </c>
      <c r="B3373" s="9" t="s">
        <v>13966</v>
      </c>
      <c r="C3373" s="9" t="s">
        <v>1178</v>
      </c>
      <c r="D3373" s="6" t="s">
        <v>14674</v>
      </c>
      <c r="E3373" s="22">
        <v>44225</v>
      </c>
      <c r="F3373" s="22">
        <v>46050</v>
      </c>
      <c r="G3373" s="6" t="s">
        <v>14675</v>
      </c>
      <c r="H3373" s="6" t="s">
        <v>18</v>
      </c>
      <c r="I3373" s="6" t="s">
        <v>172</v>
      </c>
      <c r="J3373" s="6" t="s">
        <v>14676</v>
      </c>
      <c r="K3373" s="9" t="s">
        <v>14677</v>
      </c>
      <c r="L3373" s="10" t="s">
        <v>22</v>
      </c>
      <c r="M3373" s="10" t="s">
        <v>22</v>
      </c>
      <c r="N3373" s="10" t="s">
        <v>22</v>
      </c>
      <c r="R3373" s="10" t="s">
        <v>22</v>
      </c>
      <c r="S3373" s="10" t="s">
        <v>22</v>
      </c>
      <c r="T3373" s="10" t="s">
        <v>22</v>
      </c>
      <c r="U3373" s="10" t="s">
        <v>22</v>
      </c>
      <c r="V3373" s="10" t="s">
        <v>22</v>
      </c>
      <c r="W3373" s="10" t="s">
        <v>22</v>
      </c>
    </row>
    <row r="3374" spans="1:26" ht="24" customHeight="1" x14ac:dyDescent="0.2">
      <c r="A3374" s="9" t="s">
        <v>20544</v>
      </c>
      <c r="B3374" s="9" t="s">
        <v>13966</v>
      </c>
      <c r="C3374" s="9" t="s">
        <v>14678</v>
      </c>
      <c r="D3374" s="6" t="s">
        <v>14679</v>
      </c>
      <c r="E3374" s="22">
        <v>44251</v>
      </c>
      <c r="F3374" s="22">
        <v>46076</v>
      </c>
      <c r="G3374" s="6" t="s">
        <v>14680</v>
      </c>
      <c r="H3374" s="6" t="s">
        <v>18</v>
      </c>
      <c r="I3374" s="6" t="s">
        <v>1145</v>
      </c>
      <c r="J3374" s="6" t="s">
        <v>14681</v>
      </c>
      <c r="K3374" s="9" t="s">
        <v>14682</v>
      </c>
      <c r="L3374" s="10" t="s">
        <v>22</v>
      </c>
      <c r="M3374" s="10" t="s">
        <v>22</v>
      </c>
      <c r="N3374" s="10" t="s">
        <v>22</v>
      </c>
      <c r="O3374" s="10" t="s">
        <v>22</v>
      </c>
      <c r="P3374" s="10" t="s">
        <v>22</v>
      </c>
      <c r="Q3374" s="10" t="s">
        <v>22</v>
      </c>
      <c r="R3374" s="10" t="s">
        <v>22</v>
      </c>
      <c r="S3374" s="10" t="s">
        <v>22</v>
      </c>
      <c r="T3374" s="10" t="s">
        <v>22</v>
      </c>
      <c r="U3374" s="10" t="s">
        <v>22</v>
      </c>
      <c r="V3374" s="10" t="s">
        <v>22</v>
      </c>
      <c r="W3374" s="10" t="s">
        <v>22</v>
      </c>
      <c r="X3374" s="10" t="s">
        <v>22</v>
      </c>
      <c r="Y3374" s="10" t="s">
        <v>22</v>
      </c>
      <c r="Z3374" s="10" t="s">
        <v>22</v>
      </c>
    </row>
    <row r="3375" spans="1:26" ht="24" customHeight="1" x14ac:dyDescent="0.2">
      <c r="A3375" s="9" t="s">
        <v>20545</v>
      </c>
      <c r="B3375" s="9" t="s">
        <v>13966</v>
      </c>
      <c r="C3375" s="9" t="s">
        <v>14678</v>
      </c>
      <c r="D3375" s="6" t="s">
        <v>14679</v>
      </c>
      <c r="E3375" s="22">
        <v>44251</v>
      </c>
      <c r="F3375" s="22">
        <v>46076</v>
      </c>
      <c r="G3375" s="6" t="s">
        <v>14683</v>
      </c>
      <c r="H3375" s="6" t="s">
        <v>18</v>
      </c>
      <c r="I3375" s="6" t="s">
        <v>1145</v>
      </c>
      <c r="J3375" s="6" t="s">
        <v>14684</v>
      </c>
      <c r="K3375" s="9" t="s">
        <v>14685</v>
      </c>
      <c r="L3375" s="10" t="s">
        <v>22</v>
      </c>
      <c r="M3375" s="10" t="s">
        <v>22</v>
      </c>
      <c r="N3375" s="10" t="s">
        <v>22</v>
      </c>
      <c r="O3375" s="10" t="s">
        <v>22</v>
      </c>
      <c r="P3375" s="10" t="s">
        <v>22</v>
      </c>
      <c r="Q3375" s="10" t="s">
        <v>22</v>
      </c>
      <c r="R3375" s="10" t="s">
        <v>22</v>
      </c>
      <c r="S3375" s="10" t="s">
        <v>22</v>
      </c>
      <c r="T3375" s="10" t="s">
        <v>22</v>
      </c>
      <c r="U3375" s="10" t="s">
        <v>22</v>
      </c>
      <c r="V3375" s="10" t="s">
        <v>22</v>
      </c>
      <c r="W3375" s="10" t="s">
        <v>22</v>
      </c>
      <c r="X3375" s="10" t="s">
        <v>22</v>
      </c>
      <c r="Y3375" s="10" t="s">
        <v>22</v>
      </c>
      <c r="Z3375" s="10" t="s">
        <v>22</v>
      </c>
    </row>
    <row r="3376" spans="1:26" ht="24" customHeight="1" x14ac:dyDescent="0.2">
      <c r="A3376" s="9" t="s">
        <v>20546</v>
      </c>
      <c r="B3376" s="9" t="s">
        <v>13966</v>
      </c>
      <c r="C3376" s="9" t="s">
        <v>1183</v>
      </c>
      <c r="D3376" s="6" t="s">
        <v>14686</v>
      </c>
      <c r="E3376" s="22">
        <v>44263</v>
      </c>
      <c r="F3376" s="22">
        <v>46088</v>
      </c>
      <c r="G3376" s="6" t="s">
        <v>14687</v>
      </c>
      <c r="H3376" s="6" t="s">
        <v>18</v>
      </c>
      <c r="I3376" s="6" t="s">
        <v>5029</v>
      </c>
      <c r="J3376" s="6" t="s">
        <v>14688</v>
      </c>
      <c r="K3376" s="9" t="s">
        <v>14689</v>
      </c>
      <c r="L3376" s="10" t="s">
        <v>22</v>
      </c>
      <c r="M3376" s="10" t="s">
        <v>22</v>
      </c>
      <c r="N3376" s="10" t="s">
        <v>22</v>
      </c>
      <c r="O3376" s="10" t="s">
        <v>22</v>
      </c>
      <c r="P3376" s="10" t="s">
        <v>22</v>
      </c>
      <c r="Q3376" s="10" t="s">
        <v>22</v>
      </c>
      <c r="R3376" s="10" t="s">
        <v>22</v>
      </c>
      <c r="S3376" s="10" t="s">
        <v>22</v>
      </c>
      <c r="T3376" s="10" t="s">
        <v>22</v>
      </c>
      <c r="U3376" s="10" t="s">
        <v>22</v>
      </c>
      <c r="V3376" s="10" t="s">
        <v>22</v>
      </c>
      <c r="W3376" s="10" t="s">
        <v>22</v>
      </c>
      <c r="X3376" s="10" t="s">
        <v>22</v>
      </c>
      <c r="Y3376" s="10" t="s">
        <v>22</v>
      </c>
      <c r="Z3376" s="10" t="s">
        <v>22</v>
      </c>
    </row>
    <row r="3377" spans="1:26" ht="24" customHeight="1" x14ac:dyDescent="0.2">
      <c r="A3377" s="9" t="s">
        <v>20547</v>
      </c>
      <c r="B3377" s="9" t="s">
        <v>13966</v>
      </c>
      <c r="C3377" s="9" t="s">
        <v>1188</v>
      </c>
      <c r="D3377" s="6" t="s">
        <v>14690</v>
      </c>
      <c r="E3377" s="22">
        <v>44272</v>
      </c>
      <c r="F3377" s="22">
        <v>46097</v>
      </c>
      <c r="G3377" s="6" t="s">
        <v>12153</v>
      </c>
      <c r="H3377" s="6" t="s">
        <v>18</v>
      </c>
      <c r="I3377" s="6" t="s">
        <v>172</v>
      </c>
      <c r="J3377" s="6" t="s">
        <v>14691</v>
      </c>
      <c r="L3377" s="10" t="s">
        <v>22</v>
      </c>
      <c r="M3377" s="10" t="s">
        <v>22</v>
      </c>
      <c r="N3377" s="10" t="s">
        <v>22</v>
      </c>
      <c r="O3377" s="10" t="s">
        <v>22</v>
      </c>
      <c r="P3377" s="10" t="s">
        <v>22</v>
      </c>
      <c r="Q3377" s="10" t="s">
        <v>22</v>
      </c>
      <c r="U3377" s="10" t="s">
        <v>22</v>
      </c>
      <c r="V3377" s="10" t="s">
        <v>22</v>
      </c>
      <c r="W3377" s="10" t="s">
        <v>22</v>
      </c>
      <c r="Y3377" s="10" t="s">
        <v>22</v>
      </c>
    </row>
    <row r="3378" spans="1:26" ht="24" customHeight="1" x14ac:dyDescent="0.2">
      <c r="A3378" s="9" t="s">
        <v>20548</v>
      </c>
      <c r="B3378" s="9" t="s">
        <v>13966</v>
      </c>
      <c r="C3378" s="9" t="s">
        <v>14692</v>
      </c>
      <c r="D3378" s="6" t="s">
        <v>14693</v>
      </c>
      <c r="E3378" s="22">
        <v>44279</v>
      </c>
      <c r="F3378" s="22">
        <v>46104</v>
      </c>
      <c r="G3378" s="6" t="s">
        <v>14694</v>
      </c>
      <c r="H3378" s="6" t="s">
        <v>18</v>
      </c>
      <c r="I3378" s="6" t="s">
        <v>1145</v>
      </c>
      <c r="J3378" s="6" t="s">
        <v>14695</v>
      </c>
      <c r="N3378" s="10" t="s">
        <v>22</v>
      </c>
      <c r="W3378" s="10" t="s">
        <v>22</v>
      </c>
    </row>
    <row r="3379" spans="1:26" ht="24" customHeight="1" x14ac:dyDescent="0.2">
      <c r="A3379" s="9" t="s">
        <v>20549</v>
      </c>
      <c r="B3379" s="9" t="s">
        <v>13966</v>
      </c>
      <c r="C3379" s="9" t="s">
        <v>1197</v>
      </c>
      <c r="D3379" s="6" t="s">
        <v>14696</v>
      </c>
      <c r="E3379" s="22">
        <v>44297</v>
      </c>
      <c r="F3379" s="22">
        <v>46122</v>
      </c>
      <c r="G3379" s="6" t="s">
        <v>14697</v>
      </c>
      <c r="H3379" s="6" t="s">
        <v>18</v>
      </c>
      <c r="I3379" s="6" t="s">
        <v>1145</v>
      </c>
      <c r="J3379" s="6" t="s">
        <v>14698</v>
      </c>
      <c r="K3379" s="9" t="s">
        <v>14699</v>
      </c>
      <c r="L3379" s="10" t="s">
        <v>22</v>
      </c>
      <c r="M3379" s="10" t="s">
        <v>22</v>
      </c>
      <c r="N3379" s="10" t="s">
        <v>22</v>
      </c>
      <c r="O3379" s="10" t="s">
        <v>22</v>
      </c>
      <c r="P3379" s="10" t="s">
        <v>22</v>
      </c>
      <c r="Q3379" s="10" t="s">
        <v>22</v>
      </c>
      <c r="R3379" s="10" t="s">
        <v>22</v>
      </c>
      <c r="S3379" s="10" t="s">
        <v>22</v>
      </c>
      <c r="T3379" s="10" t="s">
        <v>22</v>
      </c>
      <c r="U3379" s="10" t="s">
        <v>22</v>
      </c>
      <c r="V3379" s="10" t="s">
        <v>22</v>
      </c>
      <c r="W3379" s="10" t="s">
        <v>22</v>
      </c>
      <c r="X3379" s="10" t="s">
        <v>22</v>
      </c>
      <c r="Y3379" s="10" t="s">
        <v>22</v>
      </c>
      <c r="Z3379" s="10" t="s">
        <v>22</v>
      </c>
    </row>
    <row r="3380" spans="1:26" ht="24" customHeight="1" x14ac:dyDescent="0.2">
      <c r="A3380" s="9" t="s">
        <v>20550</v>
      </c>
      <c r="B3380" s="9" t="s">
        <v>13966</v>
      </c>
      <c r="C3380" s="9" t="s">
        <v>14700</v>
      </c>
      <c r="D3380" s="6" t="s">
        <v>14701</v>
      </c>
      <c r="E3380" s="22">
        <v>44332</v>
      </c>
      <c r="F3380" s="22">
        <v>46157</v>
      </c>
      <c r="G3380" s="6" t="s">
        <v>14702</v>
      </c>
      <c r="H3380" s="6" t="s">
        <v>18</v>
      </c>
      <c r="I3380" s="6" t="s">
        <v>1145</v>
      </c>
      <c r="J3380" s="6" t="s">
        <v>14703</v>
      </c>
      <c r="K3380" s="9" t="s">
        <v>14704</v>
      </c>
      <c r="L3380" s="10" t="s">
        <v>22</v>
      </c>
      <c r="N3380" s="10" t="s">
        <v>22</v>
      </c>
      <c r="O3380" s="10" t="s">
        <v>22</v>
      </c>
      <c r="Q3380" s="10" t="s">
        <v>22</v>
      </c>
      <c r="U3380" s="10" t="s">
        <v>22</v>
      </c>
      <c r="V3380" s="10" t="s">
        <v>22</v>
      </c>
      <c r="W3380" s="10" t="s">
        <v>22</v>
      </c>
      <c r="X3380" s="10" t="s">
        <v>22</v>
      </c>
      <c r="Y3380" s="10" t="s">
        <v>22</v>
      </c>
      <c r="Z3380" s="10" t="s">
        <v>22</v>
      </c>
    </row>
    <row r="3381" spans="1:26" ht="24" customHeight="1" x14ac:dyDescent="0.2">
      <c r="A3381" s="9" t="s">
        <v>20551</v>
      </c>
      <c r="B3381" s="9" t="s">
        <v>13966</v>
      </c>
      <c r="C3381" s="9" t="s">
        <v>1202</v>
      </c>
      <c r="D3381" s="6" t="s">
        <v>14705</v>
      </c>
      <c r="E3381" s="22">
        <v>44333</v>
      </c>
      <c r="F3381" s="22">
        <v>46158</v>
      </c>
      <c r="G3381" s="6" t="s">
        <v>14706</v>
      </c>
      <c r="H3381" s="6" t="s">
        <v>18</v>
      </c>
      <c r="I3381" s="6" t="s">
        <v>5029</v>
      </c>
      <c r="J3381" s="6" t="s">
        <v>14707</v>
      </c>
      <c r="K3381" s="9" t="s">
        <v>14708</v>
      </c>
      <c r="L3381" s="10" t="s">
        <v>22</v>
      </c>
      <c r="M3381" s="10" t="s">
        <v>22</v>
      </c>
      <c r="N3381" s="10" t="s">
        <v>22</v>
      </c>
      <c r="O3381" s="10" t="s">
        <v>22</v>
      </c>
      <c r="P3381" s="10" t="s">
        <v>22</v>
      </c>
      <c r="Q3381" s="10" t="s">
        <v>22</v>
      </c>
      <c r="R3381" s="10" t="s">
        <v>22</v>
      </c>
      <c r="S3381" s="10" t="s">
        <v>22</v>
      </c>
      <c r="T3381" s="10" t="s">
        <v>22</v>
      </c>
      <c r="U3381" s="10" t="s">
        <v>22</v>
      </c>
      <c r="V3381" s="10" t="s">
        <v>22</v>
      </c>
      <c r="W3381" s="10" t="s">
        <v>22</v>
      </c>
      <c r="X3381" s="10" t="s">
        <v>22</v>
      </c>
      <c r="Y3381" s="10" t="s">
        <v>22</v>
      </c>
      <c r="Z3381" s="10" t="s">
        <v>22</v>
      </c>
    </row>
    <row r="3382" spans="1:26" ht="24" customHeight="1" x14ac:dyDescent="0.2">
      <c r="A3382" s="9" t="s">
        <v>20552</v>
      </c>
      <c r="B3382" s="9" t="s">
        <v>13966</v>
      </c>
      <c r="C3382" s="9" t="s">
        <v>1207</v>
      </c>
      <c r="D3382" s="6" t="s">
        <v>14709</v>
      </c>
      <c r="E3382" s="22">
        <v>44339</v>
      </c>
      <c r="F3382" s="22">
        <v>46164</v>
      </c>
      <c r="G3382" s="6" t="s">
        <v>14710</v>
      </c>
      <c r="H3382" s="6" t="s">
        <v>18</v>
      </c>
      <c r="I3382" s="6" t="s">
        <v>1145</v>
      </c>
      <c r="J3382" s="6" t="s">
        <v>14711</v>
      </c>
      <c r="K3382" s="9" t="s">
        <v>14712</v>
      </c>
      <c r="L3382" s="10" t="s">
        <v>22</v>
      </c>
      <c r="M3382" s="10" t="s">
        <v>22</v>
      </c>
      <c r="N3382" s="10" t="s">
        <v>22</v>
      </c>
      <c r="O3382" s="10" t="s">
        <v>22</v>
      </c>
      <c r="P3382" s="10" t="s">
        <v>22</v>
      </c>
      <c r="Q3382" s="10" t="s">
        <v>22</v>
      </c>
      <c r="R3382" s="10" t="s">
        <v>22</v>
      </c>
      <c r="S3382" s="10" t="s">
        <v>22</v>
      </c>
      <c r="T3382" s="10" t="s">
        <v>22</v>
      </c>
      <c r="U3382" s="10" t="s">
        <v>22</v>
      </c>
      <c r="V3382" s="10" t="s">
        <v>22</v>
      </c>
      <c r="W3382" s="10" t="s">
        <v>22</v>
      </c>
      <c r="X3382" s="10" t="s">
        <v>22</v>
      </c>
      <c r="Y3382" s="10" t="s">
        <v>22</v>
      </c>
      <c r="Z3382" s="10" t="s">
        <v>22</v>
      </c>
    </row>
    <row r="3383" spans="1:26" ht="24" customHeight="1" x14ac:dyDescent="0.2">
      <c r="A3383" s="9" t="s">
        <v>20553</v>
      </c>
      <c r="B3383" s="9" t="s">
        <v>13966</v>
      </c>
      <c r="C3383" s="9" t="s">
        <v>14713</v>
      </c>
      <c r="D3383" s="6" t="s">
        <v>14714</v>
      </c>
      <c r="E3383" s="22">
        <v>44368</v>
      </c>
      <c r="F3383" s="22">
        <v>46193</v>
      </c>
      <c r="G3383" s="6" t="s">
        <v>14715</v>
      </c>
      <c r="H3383" s="6" t="s">
        <v>18</v>
      </c>
      <c r="I3383" s="6" t="s">
        <v>1145</v>
      </c>
      <c r="J3383" s="6" t="s">
        <v>14716</v>
      </c>
      <c r="K3383" s="9" t="s">
        <v>14717</v>
      </c>
      <c r="L3383" s="10" t="s">
        <v>22</v>
      </c>
      <c r="M3383" s="10" t="s">
        <v>22</v>
      </c>
      <c r="N3383" s="10" t="s">
        <v>22</v>
      </c>
      <c r="O3383" s="10" t="s">
        <v>22</v>
      </c>
      <c r="P3383" s="10" t="s">
        <v>22</v>
      </c>
      <c r="Q3383" s="10" t="s">
        <v>22</v>
      </c>
      <c r="R3383" s="10" t="s">
        <v>22</v>
      </c>
      <c r="S3383" s="10" t="s">
        <v>22</v>
      </c>
      <c r="T3383" s="10" t="s">
        <v>22</v>
      </c>
      <c r="U3383" s="10" t="s">
        <v>22</v>
      </c>
      <c r="V3383" s="10" t="s">
        <v>22</v>
      </c>
      <c r="W3383" s="10" t="s">
        <v>22</v>
      </c>
      <c r="X3383" s="10" t="s">
        <v>22</v>
      </c>
      <c r="Y3383" s="10" t="s">
        <v>22</v>
      </c>
      <c r="Z3383" s="10" t="s">
        <v>22</v>
      </c>
    </row>
    <row r="3384" spans="1:26" ht="24" customHeight="1" x14ac:dyDescent="0.2">
      <c r="A3384" s="9" t="s">
        <v>20554</v>
      </c>
      <c r="B3384" s="9" t="s">
        <v>13966</v>
      </c>
      <c r="C3384" s="9" t="s">
        <v>14718</v>
      </c>
      <c r="D3384" s="6" t="s">
        <v>14719</v>
      </c>
      <c r="E3384" s="22">
        <v>44489</v>
      </c>
      <c r="F3384" s="22">
        <v>46314</v>
      </c>
      <c r="G3384" s="6" t="s">
        <v>14720</v>
      </c>
      <c r="H3384" s="6" t="s">
        <v>18</v>
      </c>
      <c r="I3384" s="6" t="s">
        <v>5029</v>
      </c>
      <c r="J3384" s="6" t="s">
        <v>14721</v>
      </c>
      <c r="K3384" s="9" t="s">
        <v>14722</v>
      </c>
      <c r="L3384" s="10" t="s">
        <v>22</v>
      </c>
      <c r="M3384" s="10" t="s">
        <v>22</v>
      </c>
      <c r="N3384" s="10" t="s">
        <v>22</v>
      </c>
      <c r="O3384" s="10" t="s">
        <v>22</v>
      </c>
      <c r="P3384" s="10" t="s">
        <v>22</v>
      </c>
      <c r="Q3384" s="10" t="s">
        <v>22</v>
      </c>
      <c r="U3384" s="10" t="s">
        <v>22</v>
      </c>
      <c r="V3384" s="10" t="s">
        <v>22</v>
      </c>
      <c r="W3384" s="10" t="s">
        <v>22</v>
      </c>
      <c r="X3384" s="10" t="s">
        <v>22</v>
      </c>
      <c r="Y3384" s="10" t="s">
        <v>22</v>
      </c>
      <c r="Z3384" s="10" t="s">
        <v>22</v>
      </c>
    </row>
    <row r="3385" spans="1:26" ht="24" customHeight="1" x14ac:dyDescent="0.2">
      <c r="A3385" s="9" t="s">
        <v>20555</v>
      </c>
      <c r="B3385" s="9" t="s">
        <v>13966</v>
      </c>
      <c r="C3385" s="9" t="s">
        <v>14723</v>
      </c>
      <c r="D3385" s="6" t="s">
        <v>14724</v>
      </c>
      <c r="E3385" s="22">
        <v>44494</v>
      </c>
      <c r="F3385" s="22">
        <v>46319</v>
      </c>
      <c r="G3385" s="6" t="s">
        <v>14725</v>
      </c>
      <c r="H3385" s="6" t="s">
        <v>18</v>
      </c>
      <c r="I3385" s="6" t="s">
        <v>1691</v>
      </c>
      <c r="J3385" s="6" t="s">
        <v>14726</v>
      </c>
      <c r="K3385" s="9" t="s">
        <v>14727</v>
      </c>
      <c r="L3385" s="10" t="s">
        <v>22</v>
      </c>
      <c r="M3385" s="10" t="s">
        <v>22</v>
      </c>
      <c r="N3385" s="10" t="s">
        <v>22</v>
      </c>
      <c r="O3385" s="10" t="s">
        <v>22</v>
      </c>
      <c r="P3385" s="10" t="s">
        <v>22</v>
      </c>
      <c r="Q3385" s="10" t="s">
        <v>22</v>
      </c>
      <c r="U3385" s="10" t="s">
        <v>22</v>
      </c>
      <c r="V3385" s="10" t="s">
        <v>22</v>
      </c>
      <c r="W3385" s="10" t="s">
        <v>22</v>
      </c>
      <c r="X3385" s="10" t="s">
        <v>22</v>
      </c>
      <c r="Y3385" s="10" t="s">
        <v>22</v>
      </c>
      <c r="Z3385" s="10" t="s">
        <v>22</v>
      </c>
    </row>
    <row r="3386" spans="1:26" ht="24" customHeight="1" x14ac:dyDescent="0.2">
      <c r="A3386" s="9" t="s">
        <v>20556</v>
      </c>
      <c r="B3386" s="9" t="s">
        <v>13966</v>
      </c>
      <c r="C3386" s="9" t="s">
        <v>14728</v>
      </c>
      <c r="D3386" s="6" t="s">
        <v>14729</v>
      </c>
      <c r="E3386" s="22">
        <v>44529</v>
      </c>
      <c r="F3386" s="22">
        <v>46354</v>
      </c>
      <c r="G3386" s="6" t="s">
        <v>14730</v>
      </c>
      <c r="H3386" s="6" t="s">
        <v>18</v>
      </c>
      <c r="I3386" s="6" t="s">
        <v>392</v>
      </c>
      <c r="J3386" s="6" t="s">
        <v>14731</v>
      </c>
      <c r="K3386" s="9" t="s">
        <v>14732</v>
      </c>
      <c r="L3386" s="10" t="s">
        <v>22</v>
      </c>
      <c r="M3386" s="10" t="s">
        <v>22</v>
      </c>
      <c r="N3386" s="10" t="s">
        <v>22</v>
      </c>
      <c r="O3386" s="10" t="s">
        <v>22</v>
      </c>
      <c r="P3386" s="10" t="s">
        <v>22</v>
      </c>
      <c r="Q3386" s="10" t="s">
        <v>22</v>
      </c>
      <c r="R3386" s="10" t="s">
        <v>22</v>
      </c>
      <c r="S3386" s="10" t="s">
        <v>22</v>
      </c>
      <c r="T3386" s="10" t="s">
        <v>22</v>
      </c>
      <c r="U3386" s="10" t="s">
        <v>22</v>
      </c>
      <c r="V3386" s="10" t="s">
        <v>22</v>
      </c>
      <c r="W3386" s="10" t="s">
        <v>22</v>
      </c>
      <c r="X3386" s="10" t="s">
        <v>22</v>
      </c>
      <c r="Y3386" s="10" t="s">
        <v>22</v>
      </c>
      <c r="Z3386" s="10" t="s">
        <v>22</v>
      </c>
    </row>
    <row r="3387" spans="1:26" ht="24" customHeight="1" x14ac:dyDescent="0.2">
      <c r="A3387" s="9" t="s">
        <v>20557</v>
      </c>
      <c r="B3387" s="9" t="s">
        <v>13966</v>
      </c>
      <c r="C3387" s="9" t="s">
        <v>14733</v>
      </c>
      <c r="D3387" s="6" t="s">
        <v>14734</v>
      </c>
      <c r="E3387" s="22">
        <v>44536</v>
      </c>
      <c r="F3387" s="22">
        <v>46361</v>
      </c>
      <c r="G3387" s="6" t="s">
        <v>14735</v>
      </c>
      <c r="H3387" s="6" t="s">
        <v>18</v>
      </c>
      <c r="I3387" s="6" t="s">
        <v>392</v>
      </c>
      <c r="J3387" s="6" t="s">
        <v>14736</v>
      </c>
      <c r="K3387" s="9" t="s">
        <v>14737</v>
      </c>
      <c r="L3387" s="10" t="s">
        <v>22</v>
      </c>
      <c r="M3387" s="10" t="s">
        <v>22</v>
      </c>
      <c r="N3387" s="10" t="s">
        <v>22</v>
      </c>
      <c r="O3387" s="10" t="s">
        <v>22</v>
      </c>
      <c r="P3387" s="10" t="s">
        <v>22</v>
      </c>
      <c r="Q3387" s="10" t="s">
        <v>22</v>
      </c>
      <c r="R3387" s="10" t="s">
        <v>22</v>
      </c>
      <c r="S3387" s="10" t="s">
        <v>22</v>
      </c>
      <c r="T3387" s="10" t="s">
        <v>22</v>
      </c>
      <c r="U3387" s="10" t="s">
        <v>22</v>
      </c>
      <c r="V3387" s="10" t="s">
        <v>22</v>
      </c>
      <c r="W3387" s="10" t="s">
        <v>22</v>
      </c>
      <c r="X3387" s="10" t="s">
        <v>22</v>
      </c>
      <c r="Y3387" s="10" t="s">
        <v>22</v>
      </c>
      <c r="Z3387" s="10" t="s">
        <v>22</v>
      </c>
    </row>
    <row r="3388" spans="1:26" ht="24" customHeight="1" x14ac:dyDescent="0.2">
      <c r="A3388" s="9" t="s">
        <v>20558</v>
      </c>
      <c r="B3388" s="9" t="s">
        <v>13966</v>
      </c>
      <c r="C3388" s="9" t="s">
        <v>14738</v>
      </c>
      <c r="D3388" s="6" t="s">
        <v>14739</v>
      </c>
      <c r="E3388" s="22">
        <v>44591</v>
      </c>
      <c r="F3388" s="22">
        <v>46416</v>
      </c>
      <c r="G3388" s="6" t="s">
        <v>14740</v>
      </c>
      <c r="H3388" s="6" t="s">
        <v>18</v>
      </c>
      <c r="I3388" s="6" t="s">
        <v>1691</v>
      </c>
      <c r="J3388" s="6" t="s">
        <v>14741</v>
      </c>
      <c r="K3388" s="9" t="s">
        <v>14742</v>
      </c>
      <c r="L3388" s="10" t="s">
        <v>22</v>
      </c>
      <c r="M3388" s="10" t="s">
        <v>22</v>
      </c>
      <c r="N3388" s="10" t="s">
        <v>22</v>
      </c>
      <c r="O3388" s="10" t="s">
        <v>22</v>
      </c>
      <c r="P3388" s="10" t="s">
        <v>22</v>
      </c>
      <c r="Q3388" s="10" t="s">
        <v>22</v>
      </c>
      <c r="U3388" s="10" t="s">
        <v>22</v>
      </c>
      <c r="V3388" s="10" t="s">
        <v>22</v>
      </c>
      <c r="W3388" s="10" t="s">
        <v>22</v>
      </c>
      <c r="X3388" s="10" t="s">
        <v>22</v>
      </c>
      <c r="Y3388" s="10" t="s">
        <v>22</v>
      </c>
      <c r="Z3388" s="10" t="s">
        <v>22</v>
      </c>
    </row>
    <row r="3389" spans="1:26" ht="24" customHeight="1" x14ac:dyDescent="0.2">
      <c r="A3389" s="9" t="s">
        <v>20559</v>
      </c>
      <c r="B3389" s="9" t="s">
        <v>13966</v>
      </c>
      <c r="C3389" s="9" t="s">
        <v>14743</v>
      </c>
      <c r="D3389" s="6" t="s">
        <v>14744</v>
      </c>
      <c r="E3389" s="22">
        <v>44606</v>
      </c>
      <c r="F3389" s="22">
        <v>46431</v>
      </c>
      <c r="G3389" s="6" t="s">
        <v>14745</v>
      </c>
      <c r="H3389" s="6" t="s">
        <v>18</v>
      </c>
      <c r="I3389" s="6" t="s">
        <v>1145</v>
      </c>
      <c r="J3389" s="6" t="s">
        <v>14746</v>
      </c>
      <c r="K3389" s="9" t="s">
        <v>14747</v>
      </c>
      <c r="M3389" s="10" t="s">
        <v>22</v>
      </c>
      <c r="N3389" s="10" t="s">
        <v>22</v>
      </c>
      <c r="V3389" s="10" t="s">
        <v>22</v>
      </c>
      <c r="W3389" s="10" t="s">
        <v>22</v>
      </c>
    </row>
    <row r="3390" spans="1:26" ht="24" customHeight="1" x14ac:dyDescent="0.2">
      <c r="A3390" s="9" t="s">
        <v>20560</v>
      </c>
      <c r="B3390" s="9" t="s">
        <v>13966</v>
      </c>
      <c r="C3390" s="9" t="s">
        <v>1212</v>
      </c>
      <c r="D3390" s="6" t="s">
        <v>14748</v>
      </c>
      <c r="E3390" s="22">
        <v>44663</v>
      </c>
      <c r="F3390" s="22">
        <v>46488</v>
      </c>
      <c r="G3390" s="6" t="s">
        <v>14749</v>
      </c>
      <c r="H3390" s="6" t="s">
        <v>18</v>
      </c>
      <c r="I3390" s="6" t="s">
        <v>5029</v>
      </c>
      <c r="J3390" s="6" t="s">
        <v>14750</v>
      </c>
      <c r="K3390" s="9" t="s">
        <v>14751</v>
      </c>
      <c r="L3390" s="10" t="s">
        <v>22</v>
      </c>
      <c r="M3390" s="10" t="s">
        <v>22</v>
      </c>
      <c r="N3390" s="10" t="s">
        <v>22</v>
      </c>
      <c r="O3390" s="10" t="s">
        <v>22</v>
      </c>
      <c r="P3390" s="10" t="s">
        <v>22</v>
      </c>
      <c r="Q3390" s="10" t="s">
        <v>22</v>
      </c>
      <c r="R3390" s="10" t="s">
        <v>22</v>
      </c>
      <c r="S3390" s="10" t="s">
        <v>22</v>
      </c>
      <c r="T3390" s="10" t="s">
        <v>22</v>
      </c>
      <c r="U3390" s="10" t="s">
        <v>22</v>
      </c>
      <c r="V3390" s="10" t="s">
        <v>22</v>
      </c>
      <c r="W3390" s="10" t="s">
        <v>22</v>
      </c>
      <c r="X3390" s="10" t="s">
        <v>22</v>
      </c>
      <c r="Y3390" s="10" t="s">
        <v>22</v>
      </c>
      <c r="Z3390" s="10" t="s">
        <v>22</v>
      </c>
    </row>
    <row r="3391" spans="1:26" ht="24" customHeight="1" x14ac:dyDescent="0.2">
      <c r="A3391" s="9" t="s">
        <v>20561</v>
      </c>
      <c r="B3391" s="9" t="s">
        <v>13966</v>
      </c>
      <c r="C3391" s="9" t="s">
        <v>14752</v>
      </c>
      <c r="D3391" s="6" t="s">
        <v>14753</v>
      </c>
      <c r="E3391" s="22">
        <v>44665</v>
      </c>
      <c r="F3391" s="22">
        <v>46490</v>
      </c>
      <c r="G3391" s="6" t="s">
        <v>14754</v>
      </c>
      <c r="H3391" s="6" t="s">
        <v>18</v>
      </c>
      <c r="I3391" s="6" t="s">
        <v>1145</v>
      </c>
      <c r="J3391" s="6" t="s">
        <v>14755</v>
      </c>
      <c r="L3391" s="10" t="s">
        <v>22</v>
      </c>
      <c r="M3391" s="10" t="s">
        <v>22</v>
      </c>
      <c r="N3391" s="10" t="s">
        <v>22</v>
      </c>
      <c r="O3391" s="10" t="s">
        <v>22</v>
      </c>
      <c r="P3391" s="10" t="s">
        <v>22</v>
      </c>
      <c r="Q3391" s="10" t="s">
        <v>22</v>
      </c>
      <c r="R3391" s="10" t="s">
        <v>22</v>
      </c>
      <c r="S3391" s="10" t="s">
        <v>22</v>
      </c>
      <c r="T3391" s="10" t="s">
        <v>22</v>
      </c>
      <c r="U3391" s="10" t="s">
        <v>22</v>
      </c>
      <c r="V3391" s="10" t="s">
        <v>22</v>
      </c>
      <c r="W3391" s="10" t="s">
        <v>22</v>
      </c>
      <c r="X3391" s="10" t="s">
        <v>22</v>
      </c>
      <c r="Y3391" s="10" t="s">
        <v>22</v>
      </c>
      <c r="Z3391" s="10" t="s">
        <v>22</v>
      </c>
    </row>
    <row r="3392" spans="1:26" ht="24" customHeight="1" x14ac:dyDescent="0.2">
      <c r="A3392" s="9" t="s">
        <v>20562</v>
      </c>
      <c r="B3392" s="9" t="s">
        <v>13966</v>
      </c>
      <c r="C3392" s="9" t="s">
        <v>1217</v>
      </c>
      <c r="D3392" s="6" t="s">
        <v>14756</v>
      </c>
      <c r="E3392" s="22">
        <v>44672</v>
      </c>
      <c r="F3392" s="22">
        <v>46497</v>
      </c>
      <c r="G3392" s="6" t="s">
        <v>14757</v>
      </c>
      <c r="H3392" s="6" t="s">
        <v>18</v>
      </c>
      <c r="I3392" s="6" t="s">
        <v>1145</v>
      </c>
      <c r="J3392" s="6" t="s">
        <v>14758</v>
      </c>
      <c r="K3392" s="9" t="s">
        <v>14759</v>
      </c>
      <c r="L3392" s="10" t="s">
        <v>22</v>
      </c>
      <c r="M3392" s="10" t="s">
        <v>22</v>
      </c>
      <c r="N3392" s="10" t="s">
        <v>22</v>
      </c>
      <c r="O3392" s="10" t="s">
        <v>22</v>
      </c>
      <c r="P3392" s="10" t="s">
        <v>22</v>
      </c>
      <c r="Q3392" s="10" t="s">
        <v>22</v>
      </c>
      <c r="R3392" s="10" t="s">
        <v>22</v>
      </c>
      <c r="S3392" s="10" t="s">
        <v>22</v>
      </c>
      <c r="T3392" s="10" t="s">
        <v>22</v>
      </c>
      <c r="U3392" s="10" t="s">
        <v>22</v>
      </c>
      <c r="V3392" s="10" t="s">
        <v>22</v>
      </c>
      <c r="W3392" s="10" t="s">
        <v>22</v>
      </c>
      <c r="X3392" s="10" t="s">
        <v>22</v>
      </c>
      <c r="Y3392" s="10" t="s">
        <v>22</v>
      </c>
      <c r="Z3392" s="10" t="s">
        <v>22</v>
      </c>
    </row>
    <row r="3393" spans="1:26" ht="24" customHeight="1" x14ac:dyDescent="0.2">
      <c r="A3393" s="9" t="s">
        <v>20563</v>
      </c>
      <c r="B3393" s="9" t="s">
        <v>13966</v>
      </c>
      <c r="C3393" s="9" t="s">
        <v>14760</v>
      </c>
      <c r="D3393" s="6" t="s">
        <v>14761</v>
      </c>
      <c r="E3393" s="22">
        <v>44672</v>
      </c>
      <c r="F3393" s="22">
        <v>46497</v>
      </c>
      <c r="G3393" s="6" t="s">
        <v>14762</v>
      </c>
      <c r="H3393" s="6" t="s">
        <v>18</v>
      </c>
      <c r="I3393" s="6" t="s">
        <v>5029</v>
      </c>
      <c r="J3393" s="6" t="s">
        <v>14763</v>
      </c>
      <c r="L3393" s="10" t="s">
        <v>22</v>
      </c>
      <c r="M3393" s="10" t="s">
        <v>22</v>
      </c>
      <c r="N3393" s="10" t="s">
        <v>22</v>
      </c>
      <c r="U3393" s="10" t="s">
        <v>22</v>
      </c>
      <c r="V3393" s="10" t="s">
        <v>22</v>
      </c>
      <c r="W3393" s="10" t="s">
        <v>22</v>
      </c>
    </row>
    <row r="3394" spans="1:26" ht="24" customHeight="1" x14ac:dyDescent="0.2">
      <c r="A3394" s="9" t="s">
        <v>20564</v>
      </c>
      <c r="B3394" s="9" t="s">
        <v>13966</v>
      </c>
      <c r="C3394" s="9" t="s">
        <v>14764</v>
      </c>
      <c r="D3394" s="6" t="s">
        <v>14765</v>
      </c>
      <c r="E3394" s="22">
        <v>44683</v>
      </c>
      <c r="F3394" s="22">
        <v>46508</v>
      </c>
      <c r="G3394" s="6" t="s">
        <v>14766</v>
      </c>
      <c r="H3394" s="6" t="s">
        <v>18</v>
      </c>
      <c r="I3394" s="6" t="s">
        <v>1691</v>
      </c>
      <c r="J3394" s="6" t="s">
        <v>14767</v>
      </c>
      <c r="L3394" s="10" t="s">
        <v>22</v>
      </c>
      <c r="M3394" s="10" t="s">
        <v>22</v>
      </c>
      <c r="N3394" s="10" t="s">
        <v>22</v>
      </c>
      <c r="O3394" s="10" t="s">
        <v>22</v>
      </c>
      <c r="P3394" s="10" t="s">
        <v>22</v>
      </c>
      <c r="Q3394" s="10" t="s">
        <v>22</v>
      </c>
      <c r="U3394" s="10" t="s">
        <v>22</v>
      </c>
      <c r="V3394" s="10" t="s">
        <v>22</v>
      </c>
      <c r="W3394" s="10" t="s">
        <v>22</v>
      </c>
      <c r="X3394" s="10" t="s">
        <v>22</v>
      </c>
      <c r="Y3394" s="10" t="s">
        <v>22</v>
      </c>
      <c r="Z3394" s="10" t="s">
        <v>22</v>
      </c>
    </row>
    <row r="3395" spans="1:26" ht="24" customHeight="1" x14ac:dyDescent="0.2">
      <c r="A3395" s="9" t="s">
        <v>20565</v>
      </c>
      <c r="B3395" s="9" t="s">
        <v>13966</v>
      </c>
      <c r="C3395" s="9" t="s">
        <v>14768</v>
      </c>
      <c r="D3395" s="6" t="s">
        <v>14769</v>
      </c>
      <c r="E3395" s="22">
        <v>44706</v>
      </c>
      <c r="F3395" s="22">
        <v>46531</v>
      </c>
      <c r="G3395" s="6" t="s">
        <v>14770</v>
      </c>
      <c r="H3395" s="6" t="s">
        <v>18</v>
      </c>
      <c r="I3395" s="6" t="s">
        <v>1145</v>
      </c>
      <c r="J3395" s="6" t="s">
        <v>14771</v>
      </c>
      <c r="K3395" s="9" t="s">
        <v>14772</v>
      </c>
      <c r="L3395" s="10" t="s">
        <v>22</v>
      </c>
      <c r="M3395" s="10" t="s">
        <v>22</v>
      </c>
      <c r="N3395" s="10" t="s">
        <v>22</v>
      </c>
      <c r="O3395" s="10" t="s">
        <v>22</v>
      </c>
      <c r="P3395" s="10" t="s">
        <v>22</v>
      </c>
      <c r="Q3395" s="10" t="s">
        <v>22</v>
      </c>
      <c r="R3395" s="10" t="s">
        <v>22</v>
      </c>
      <c r="S3395" s="10" t="s">
        <v>22</v>
      </c>
      <c r="T3395" s="10" t="s">
        <v>22</v>
      </c>
      <c r="U3395" s="10" t="s">
        <v>22</v>
      </c>
      <c r="V3395" s="10" t="s">
        <v>22</v>
      </c>
      <c r="W3395" s="10" t="s">
        <v>22</v>
      </c>
      <c r="X3395" s="10" t="s">
        <v>22</v>
      </c>
      <c r="Y3395" s="10" t="s">
        <v>22</v>
      </c>
      <c r="Z3395" s="10" t="s">
        <v>22</v>
      </c>
    </row>
    <row r="3396" spans="1:26" ht="24" customHeight="1" x14ac:dyDescent="0.2">
      <c r="A3396" s="9" t="s">
        <v>20566</v>
      </c>
      <c r="B3396" s="9" t="s">
        <v>13966</v>
      </c>
      <c r="C3396" s="9" t="s">
        <v>14773</v>
      </c>
      <c r="D3396" s="6" t="s">
        <v>14774</v>
      </c>
      <c r="E3396" s="22">
        <v>44717</v>
      </c>
      <c r="F3396" s="22">
        <v>46542</v>
      </c>
      <c r="G3396" s="6" t="s">
        <v>14775</v>
      </c>
      <c r="H3396" s="6" t="s">
        <v>18</v>
      </c>
      <c r="I3396" s="6" t="s">
        <v>1691</v>
      </c>
      <c r="J3396" s="6" t="s">
        <v>14776</v>
      </c>
      <c r="K3396" s="9" t="s">
        <v>14777</v>
      </c>
      <c r="L3396" s="10" t="s">
        <v>22</v>
      </c>
      <c r="M3396" s="10" t="s">
        <v>22</v>
      </c>
      <c r="N3396" s="10" t="s">
        <v>22</v>
      </c>
      <c r="O3396" s="10" t="s">
        <v>22</v>
      </c>
      <c r="P3396" s="10" t="s">
        <v>22</v>
      </c>
      <c r="Q3396" s="10" t="s">
        <v>22</v>
      </c>
      <c r="R3396" s="10" t="s">
        <v>22</v>
      </c>
      <c r="S3396" s="10" t="s">
        <v>22</v>
      </c>
      <c r="T3396" s="10" t="s">
        <v>22</v>
      </c>
      <c r="U3396" s="10" t="s">
        <v>22</v>
      </c>
      <c r="V3396" s="10" t="s">
        <v>22</v>
      </c>
      <c r="W3396" s="10" t="s">
        <v>22</v>
      </c>
      <c r="X3396" s="10" t="s">
        <v>22</v>
      </c>
      <c r="Y3396" s="10" t="s">
        <v>22</v>
      </c>
      <c r="Z3396" s="10" t="s">
        <v>22</v>
      </c>
    </row>
    <row r="3397" spans="1:26" ht="24" customHeight="1" x14ac:dyDescent="0.2">
      <c r="A3397" s="9" t="s">
        <v>20567</v>
      </c>
      <c r="B3397" s="9" t="s">
        <v>13966</v>
      </c>
      <c r="C3397" s="9" t="s">
        <v>1228</v>
      </c>
      <c r="D3397" s="6" t="s">
        <v>14778</v>
      </c>
      <c r="E3397" s="22">
        <v>44768</v>
      </c>
      <c r="F3397" s="22">
        <v>46593</v>
      </c>
      <c r="G3397" s="6" t="s">
        <v>14779</v>
      </c>
      <c r="H3397" s="6" t="s">
        <v>18</v>
      </c>
      <c r="I3397" s="6" t="s">
        <v>1145</v>
      </c>
      <c r="J3397" s="6" t="s">
        <v>14780</v>
      </c>
      <c r="K3397" s="9" t="s">
        <v>14781</v>
      </c>
      <c r="L3397" s="10" t="s">
        <v>22</v>
      </c>
      <c r="M3397" s="10" t="s">
        <v>22</v>
      </c>
      <c r="N3397" s="10" t="s">
        <v>22</v>
      </c>
      <c r="O3397" s="10" t="s">
        <v>22</v>
      </c>
      <c r="P3397" s="10" t="s">
        <v>22</v>
      </c>
      <c r="Q3397" s="10" t="s">
        <v>22</v>
      </c>
      <c r="R3397" s="10" t="s">
        <v>22</v>
      </c>
      <c r="S3397" s="10" t="s">
        <v>22</v>
      </c>
      <c r="T3397" s="10" t="s">
        <v>22</v>
      </c>
      <c r="U3397" s="10" t="s">
        <v>22</v>
      </c>
      <c r="V3397" s="10" t="s">
        <v>22</v>
      </c>
      <c r="W3397" s="10" t="s">
        <v>22</v>
      </c>
      <c r="X3397" s="10" t="s">
        <v>22</v>
      </c>
      <c r="Y3397" s="10" t="s">
        <v>22</v>
      </c>
      <c r="Z3397" s="10" t="s">
        <v>22</v>
      </c>
    </row>
    <row r="3398" spans="1:26" ht="24" customHeight="1" x14ac:dyDescent="0.2">
      <c r="A3398" s="9" t="s">
        <v>20568</v>
      </c>
      <c r="B3398" s="9" t="s">
        <v>13966</v>
      </c>
      <c r="C3398" s="9" t="s">
        <v>1233</v>
      </c>
      <c r="D3398" s="6" t="s">
        <v>14782</v>
      </c>
      <c r="E3398" s="22">
        <v>44815</v>
      </c>
      <c r="F3398" s="22">
        <v>46640</v>
      </c>
      <c r="G3398" s="6" t="s">
        <v>14783</v>
      </c>
      <c r="H3398" s="6" t="s">
        <v>18</v>
      </c>
      <c r="I3398" s="6" t="s">
        <v>392</v>
      </c>
      <c r="J3398" s="6" t="s">
        <v>14784</v>
      </c>
      <c r="O3398" s="10" t="s">
        <v>22</v>
      </c>
      <c r="P3398" s="10" t="s">
        <v>22</v>
      </c>
      <c r="Q3398" s="10" t="s">
        <v>22</v>
      </c>
    </row>
    <row r="3399" spans="1:26" ht="24" customHeight="1" x14ac:dyDescent="0.2">
      <c r="A3399" s="9" t="s">
        <v>20569</v>
      </c>
      <c r="B3399" s="9" t="s">
        <v>13966</v>
      </c>
      <c r="C3399" s="9" t="s">
        <v>14785</v>
      </c>
      <c r="D3399" s="6" t="s">
        <v>14786</v>
      </c>
      <c r="E3399" s="22">
        <v>44826</v>
      </c>
      <c r="F3399" s="22">
        <v>46651</v>
      </c>
      <c r="G3399" s="6" t="s">
        <v>14787</v>
      </c>
      <c r="H3399" s="6" t="s">
        <v>18</v>
      </c>
      <c r="I3399" s="6" t="s">
        <v>1145</v>
      </c>
      <c r="J3399" s="6" t="s">
        <v>14788</v>
      </c>
      <c r="K3399" s="9" t="s">
        <v>14789</v>
      </c>
      <c r="L3399" s="10" t="s">
        <v>22</v>
      </c>
      <c r="M3399" s="10" t="s">
        <v>22</v>
      </c>
      <c r="N3399" s="10" t="s">
        <v>22</v>
      </c>
      <c r="O3399" s="10" t="s">
        <v>22</v>
      </c>
      <c r="P3399" s="10" t="s">
        <v>22</v>
      </c>
      <c r="Q3399" s="10" t="s">
        <v>22</v>
      </c>
      <c r="U3399" s="10" t="s">
        <v>22</v>
      </c>
      <c r="V3399" s="10" t="s">
        <v>22</v>
      </c>
      <c r="W3399" s="10" t="s">
        <v>22</v>
      </c>
      <c r="X3399" s="10" t="s">
        <v>22</v>
      </c>
      <c r="Y3399" s="10" t="s">
        <v>22</v>
      </c>
      <c r="Z3399" s="10" t="s">
        <v>22</v>
      </c>
    </row>
    <row r="3400" spans="1:26" ht="24" customHeight="1" x14ac:dyDescent="0.2">
      <c r="A3400" s="9" t="s">
        <v>20570</v>
      </c>
      <c r="B3400" s="9" t="s">
        <v>13966</v>
      </c>
      <c r="C3400" s="9" t="s">
        <v>1243</v>
      </c>
      <c r="D3400" s="6" t="s">
        <v>14790</v>
      </c>
      <c r="E3400" s="22">
        <v>44965</v>
      </c>
      <c r="F3400" s="22">
        <v>46790</v>
      </c>
      <c r="G3400" s="6" t="s">
        <v>14791</v>
      </c>
      <c r="H3400" s="6" t="s">
        <v>18</v>
      </c>
      <c r="I3400" s="6" t="s">
        <v>172</v>
      </c>
      <c r="J3400" s="6" t="s">
        <v>14792</v>
      </c>
      <c r="K3400" s="9" t="s">
        <v>14793</v>
      </c>
      <c r="L3400" s="10" t="s">
        <v>22</v>
      </c>
      <c r="M3400" s="10" t="s">
        <v>22</v>
      </c>
      <c r="N3400" s="10" t="s">
        <v>22</v>
      </c>
      <c r="O3400" s="10" t="s">
        <v>22</v>
      </c>
      <c r="P3400" s="10" t="s">
        <v>22</v>
      </c>
      <c r="Q3400" s="10" t="s">
        <v>22</v>
      </c>
      <c r="R3400" s="10" t="s">
        <v>22</v>
      </c>
      <c r="S3400" s="10" t="s">
        <v>22</v>
      </c>
      <c r="T3400" s="10" t="s">
        <v>22</v>
      </c>
      <c r="U3400" s="10" t="s">
        <v>22</v>
      </c>
      <c r="V3400" s="10" t="s">
        <v>22</v>
      </c>
      <c r="W3400" s="10" t="s">
        <v>22</v>
      </c>
      <c r="X3400" s="10" t="s">
        <v>22</v>
      </c>
      <c r="Y3400" s="10" t="s">
        <v>22</v>
      </c>
      <c r="Z3400" s="10" t="s">
        <v>22</v>
      </c>
    </row>
    <row r="3401" spans="1:26" ht="24" customHeight="1" x14ac:dyDescent="0.2">
      <c r="A3401" s="9" t="s">
        <v>20571</v>
      </c>
      <c r="B3401" s="9" t="s">
        <v>13966</v>
      </c>
      <c r="C3401" s="9" t="s">
        <v>1287</v>
      </c>
      <c r="D3401" s="6" t="s">
        <v>14794</v>
      </c>
      <c r="E3401" s="22">
        <v>44998</v>
      </c>
      <c r="F3401" s="22">
        <v>46824</v>
      </c>
      <c r="G3401" s="6" t="s">
        <v>14795</v>
      </c>
      <c r="H3401" s="6" t="s">
        <v>18</v>
      </c>
      <c r="I3401" s="6" t="s">
        <v>1145</v>
      </c>
      <c r="J3401" s="6" t="s">
        <v>14796</v>
      </c>
      <c r="K3401" s="9" t="s">
        <v>14797</v>
      </c>
      <c r="O3401" s="10" t="s">
        <v>22</v>
      </c>
      <c r="P3401" s="10" t="s">
        <v>22</v>
      </c>
      <c r="Q3401" s="10" t="s">
        <v>22</v>
      </c>
      <c r="X3401" s="10" t="s">
        <v>22</v>
      </c>
      <c r="Y3401" s="10" t="s">
        <v>22</v>
      </c>
      <c r="Z3401" s="10" t="s">
        <v>22</v>
      </c>
    </row>
    <row r="3402" spans="1:26" ht="24" customHeight="1" x14ac:dyDescent="0.2">
      <c r="A3402" s="9" t="s">
        <v>20572</v>
      </c>
      <c r="B3402" s="9" t="s">
        <v>13966</v>
      </c>
      <c r="C3402" s="9" t="s">
        <v>14798</v>
      </c>
      <c r="D3402" s="6" t="s">
        <v>14799</v>
      </c>
      <c r="E3402" s="22">
        <v>45029</v>
      </c>
      <c r="F3402" s="22">
        <v>46855</v>
      </c>
      <c r="G3402" s="6" t="s">
        <v>14800</v>
      </c>
      <c r="H3402" s="6" t="s">
        <v>18</v>
      </c>
      <c r="I3402" s="6" t="s">
        <v>1145</v>
      </c>
      <c r="J3402" s="6" t="s">
        <v>14801</v>
      </c>
      <c r="K3402" s="9" t="s">
        <v>14802</v>
      </c>
      <c r="L3402" s="10" t="s">
        <v>22</v>
      </c>
      <c r="M3402" s="10" t="s">
        <v>22</v>
      </c>
      <c r="N3402" s="10" t="s">
        <v>22</v>
      </c>
      <c r="O3402" s="10" t="s">
        <v>22</v>
      </c>
      <c r="P3402" s="10" t="s">
        <v>22</v>
      </c>
      <c r="Q3402" s="10" t="s">
        <v>22</v>
      </c>
      <c r="U3402" s="10" t="s">
        <v>22</v>
      </c>
      <c r="V3402" s="10" t="s">
        <v>22</v>
      </c>
      <c r="W3402" s="10" t="s">
        <v>22</v>
      </c>
      <c r="X3402" s="10" t="s">
        <v>22</v>
      </c>
      <c r="Y3402" s="10" t="s">
        <v>22</v>
      </c>
      <c r="Z3402" s="10" t="s">
        <v>22</v>
      </c>
    </row>
    <row r="3403" spans="1:26" ht="24" customHeight="1" x14ac:dyDescent="0.2">
      <c r="A3403" s="9" t="s">
        <v>20573</v>
      </c>
      <c r="B3403" s="9" t="s">
        <v>13966</v>
      </c>
      <c r="C3403" s="9" t="s">
        <v>14803</v>
      </c>
      <c r="D3403" s="6" t="s">
        <v>14804</v>
      </c>
      <c r="E3403" s="22">
        <v>45139</v>
      </c>
      <c r="F3403" s="22">
        <v>46965</v>
      </c>
      <c r="G3403" s="6" t="s">
        <v>14805</v>
      </c>
      <c r="H3403" s="6" t="s">
        <v>18</v>
      </c>
      <c r="I3403" s="6" t="s">
        <v>1145</v>
      </c>
      <c r="J3403" s="6" t="s">
        <v>14806</v>
      </c>
      <c r="K3403" s="9" t="s">
        <v>14807</v>
      </c>
      <c r="L3403" s="10" t="s">
        <v>22</v>
      </c>
      <c r="M3403" s="10" t="s">
        <v>22</v>
      </c>
      <c r="N3403" s="10" t="s">
        <v>22</v>
      </c>
      <c r="O3403" s="10" t="s">
        <v>22</v>
      </c>
      <c r="P3403" s="10" t="s">
        <v>22</v>
      </c>
      <c r="Q3403" s="10" t="s">
        <v>22</v>
      </c>
      <c r="R3403" s="10" t="s">
        <v>22</v>
      </c>
      <c r="S3403" s="10" t="s">
        <v>22</v>
      </c>
      <c r="T3403" s="10" t="s">
        <v>22</v>
      </c>
      <c r="U3403" s="10" t="s">
        <v>22</v>
      </c>
      <c r="V3403" s="10" t="s">
        <v>22</v>
      </c>
      <c r="W3403" s="10" t="s">
        <v>22</v>
      </c>
      <c r="X3403" s="10" t="s">
        <v>22</v>
      </c>
      <c r="Y3403" s="10" t="s">
        <v>22</v>
      </c>
      <c r="Z3403" s="10" t="s">
        <v>22</v>
      </c>
    </row>
    <row r="3404" spans="1:26" ht="24" customHeight="1" x14ac:dyDescent="0.2">
      <c r="A3404" s="9" t="s">
        <v>20574</v>
      </c>
      <c r="B3404" s="9" t="s">
        <v>13966</v>
      </c>
      <c r="C3404" s="9" t="s">
        <v>1297</v>
      </c>
      <c r="D3404" s="6" t="s">
        <v>14808</v>
      </c>
      <c r="E3404" s="22">
        <v>45165</v>
      </c>
      <c r="F3404" s="22">
        <v>46991</v>
      </c>
      <c r="G3404" s="6" t="s">
        <v>14809</v>
      </c>
      <c r="H3404" s="6" t="s">
        <v>18</v>
      </c>
      <c r="I3404" s="6" t="s">
        <v>1145</v>
      </c>
      <c r="J3404" s="6" t="s">
        <v>14810</v>
      </c>
      <c r="K3404" s="9" t="s">
        <v>14811</v>
      </c>
      <c r="L3404" s="10" t="s">
        <v>22</v>
      </c>
      <c r="M3404" s="10" t="s">
        <v>22</v>
      </c>
      <c r="N3404" s="10" t="s">
        <v>22</v>
      </c>
      <c r="O3404" s="10" t="s">
        <v>22</v>
      </c>
      <c r="P3404" s="10" t="s">
        <v>22</v>
      </c>
      <c r="Q3404" s="10" t="s">
        <v>22</v>
      </c>
      <c r="R3404" s="10" t="s">
        <v>22</v>
      </c>
      <c r="S3404" s="10" t="s">
        <v>22</v>
      </c>
      <c r="T3404" s="10" t="s">
        <v>22</v>
      </c>
      <c r="U3404" s="10" t="s">
        <v>22</v>
      </c>
      <c r="V3404" s="10" t="s">
        <v>22</v>
      </c>
      <c r="W3404" s="10" t="s">
        <v>22</v>
      </c>
      <c r="X3404" s="10" t="s">
        <v>22</v>
      </c>
      <c r="Y3404" s="10" t="s">
        <v>22</v>
      </c>
      <c r="Z3404" s="10" t="s">
        <v>22</v>
      </c>
    </row>
    <row r="3405" spans="1:26" ht="24" customHeight="1" x14ac:dyDescent="0.2">
      <c r="A3405" s="9" t="s">
        <v>20575</v>
      </c>
      <c r="B3405" s="9" t="s">
        <v>13966</v>
      </c>
      <c r="C3405" s="9" t="s">
        <v>14812</v>
      </c>
      <c r="D3405" s="6" t="s">
        <v>14813</v>
      </c>
      <c r="E3405" s="22">
        <v>45169</v>
      </c>
      <c r="F3405" s="22">
        <v>46995</v>
      </c>
      <c r="G3405" s="6" t="s">
        <v>14813</v>
      </c>
      <c r="H3405" s="6" t="s">
        <v>18</v>
      </c>
      <c r="I3405" s="6" t="s">
        <v>1145</v>
      </c>
      <c r="J3405" s="6" t="s">
        <v>14814</v>
      </c>
      <c r="L3405" s="10" t="s">
        <v>22</v>
      </c>
      <c r="M3405" s="10" t="s">
        <v>22</v>
      </c>
      <c r="N3405" s="10" t="s">
        <v>22</v>
      </c>
      <c r="O3405" s="10" t="s">
        <v>22</v>
      </c>
      <c r="P3405" s="10" t="s">
        <v>22</v>
      </c>
      <c r="Q3405" s="10" t="s">
        <v>22</v>
      </c>
      <c r="R3405" s="10" t="s">
        <v>22</v>
      </c>
      <c r="S3405" s="10" t="s">
        <v>22</v>
      </c>
      <c r="T3405" s="10" t="s">
        <v>22</v>
      </c>
    </row>
    <row r="3406" spans="1:26" ht="24" customHeight="1" x14ac:dyDescent="0.2">
      <c r="A3406" s="9" t="s">
        <v>20576</v>
      </c>
      <c r="B3406" s="9" t="s">
        <v>13966</v>
      </c>
      <c r="C3406" s="9" t="s">
        <v>1302</v>
      </c>
      <c r="D3406" s="6" t="s">
        <v>14815</v>
      </c>
      <c r="E3406" s="22">
        <v>45208</v>
      </c>
      <c r="F3406" s="22">
        <v>47034</v>
      </c>
      <c r="G3406" s="6" t="s">
        <v>14816</v>
      </c>
      <c r="H3406" s="6" t="s">
        <v>18</v>
      </c>
      <c r="I3406" s="6" t="s">
        <v>1691</v>
      </c>
      <c r="J3406" s="6" t="s">
        <v>14817</v>
      </c>
      <c r="K3406" s="9" t="s">
        <v>14818</v>
      </c>
      <c r="L3406" s="10" t="s">
        <v>22</v>
      </c>
      <c r="M3406" s="10" t="s">
        <v>22</v>
      </c>
      <c r="N3406" s="10" t="s">
        <v>22</v>
      </c>
      <c r="O3406" s="10" t="s">
        <v>22</v>
      </c>
      <c r="P3406" s="10" t="s">
        <v>22</v>
      </c>
      <c r="Q3406" s="10" t="s">
        <v>22</v>
      </c>
      <c r="R3406" s="10" t="s">
        <v>22</v>
      </c>
      <c r="S3406" s="10" t="s">
        <v>22</v>
      </c>
      <c r="T3406" s="10" t="s">
        <v>22</v>
      </c>
      <c r="U3406" s="10" t="s">
        <v>22</v>
      </c>
      <c r="V3406" s="10" t="s">
        <v>22</v>
      </c>
      <c r="W3406" s="10" t="s">
        <v>22</v>
      </c>
      <c r="X3406" s="10" t="s">
        <v>22</v>
      </c>
      <c r="Y3406" s="10" t="s">
        <v>22</v>
      </c>
      <c r="Z3406" s="10" t="s">
        <v>22</v>
      </c>
    </row>
    <row r="3407" spans="1:26" ht="24" customHeight="1" x14ac:dyDescent="0.2">
      <c r="A3407" s="9" t="s">
        <v>20577</v>
      </c>
      <c r="B3407" s="9" t="s">
        <v>13966</v>
      </c>
      <c r="C3407" s="9" t="s">
        <v>1307</v>
      </c>
      <c r="D3407" s="6" t="s">
        <v>14819</v>
      </c>
      <c r="E3407" s="22">
        <v>45228</v>
      </c>
      <c r="F3407" s="22">
        <v>47054</v>
      </c>
      <c r="G3407" s="6" t="s">
        <v>14820</v>
      </c>
      <c r="H3407" s="6" t="s">
        <v>18</v>
      </c>
      <c r="I3407" s="6" t="s">
        <v>1691</v>
      </c>
      <c r="J3407" s="6" t="s">
        <v>14821</v>
      </c>
      <c r="K3407" s="9" t="s">
        <v>14822</v>
      </c>
      <c r="L3407" s="10" t="s">
        <v>22</v>
      </c>
      <c r="M3407" s="10" t="s">
        <v>22</v>
      </c>
      <c r="N3407" s="10" t="s">
        <v>22</v>
      </c>
      <c r="O3407" s="10" t="s">
        <v>22</v>
      </c>
      <c r="P3407" s="10" t="s">
        <v>22</v>
      </c>
      <c r="Q3407" s="10" t="s">
        <v>22</v>
      </c>
      <c r="R3407" s="10" t="s">
        <v>22</v>
      </c>
      <c r="S3407" s="10" t="s">
        <v>22</v>
      </c>
      <c r="T3407" s="10" t="s">
        <v>22</v>
      </c>
      <c r="U3407" s="10" t="s">
        <v>22</v>
      </c>
      <c r="V3407" s="10" t="s">
        <v>22</v>
      </c>
      <c r="W3407" s="10" t="s">
        <v>22</v>
      </c>
      <c r="X3407" s="10" t="s">
        <v>22</v>
      </c>
      <c r="Y3407" s="10" t="s">
        <v>22</v>
      </c>
      <c r="Z3407" s="10" t="s">
        <v>22</v>
      </c>
    </row>
    <row r="3408" spans="1:26" ht="24" customHeight="1" x14ac:dyDescent="0.2">
      <c r="A3408" s="9" t="s">
        <v>20578</v>
      </c>
      <c r="B3408" s="9" t="s">
        <v>13966</v>
      </c>
      <c r="C3408" s="9" t="s">
        <v>1312</v>
      </c>
      <c r="D3408" s="6" t="s">
        <v>14823</v>
      </c>
      <c r="E3408" s="22">
        <v>45397</v>
      </c>
      <c r="F3408" s="22">
        <v>47222</v>
      </c>
      <c r="G3408" s="6" t="s">
        <v>14824</v>
      </c>
      <c r="H3408" s="6" t="s">
        <v>18</v>
      </c>
      <c r="I3408" s="6" t="s">
        <v>392</v>
      </c>
      <c r="J3408" s="6" t="s">
        <v>14825</v>
      </c>
      <c r="K3408" s="9" t="s">
        <v>14826</v>
      </c>
      <c r="L3408" s="10" t="s">
        <v>22</v>
      </c>
      <c r="M3408" s="10" t="s">
        <v>22</v>
      </c>
      <c r="N3408" s="10" t="s">
        <v>22</v>
      </c>
      <c r="O3408" s="10" t="s">
        <v>22</v>
      </c>
      <c r="P3408" s="10" t="s">
        <v>22</v>
      </c>
      <c r="Q3408" s="10" t="s">
        <v>22</v>
      </c>
      <c r="R3408" s="10" t="s">
        <v>22</v>
      </c>
      <c r="S3408" s="10" t="s">
        <v>22</v>
      </c>
      <c r="T3408" s="10" t="s">
        <v>22</v>
      </c>
      <c r="U3408" s="10" t="s">
        <v>22</v>
      </c>
      <c r="V3408" s="10" t="s">
        <v>22</v>
      </c>
      <c r="W3408" s="10" t="s">
        <v>22</v>
      </c>
      <c r="X3408" s="10" t="s">
        <v>22</v>
      </c>
      <c r="Y3408" s="10" t="s">
        <v>22</v>
      </c>
      <c r="Z3408" s="10" t="s">
        <v>22</v>
      </c>
    </row>
    <row r="3409" spans="1:26" ht="24" customHeight="1" x14ac:dyDescent="0.2">
      <c r="A3409" s="9" t="s">
        <v>20579</v>
      </c>
      <c r="B3409" s="9" t="s">
        <v>13966</v>
      </c>
      <c r="C3409" s="9" t="s">
        <v>14827</v>
      </c>
      <c r="D3409" s="6" t="s">
        <v>14828</v>
      </c>
      <c r="E3409" s="22">
        <v>45295</v>
      </c>
      <c r="F3409" s="22">
        <v>47121</v>
      </c>
      <c r="G3409" s="6" t="s">
        <v>14829</v>
      </c>
      <c r="H3409" s="6" t="s">
        <v>18</v>
      </c>
      <c r="I3409" s="6" t="s">
        <v>1691</v>
      </c>
      <c r="J3409" s="6" t="s">
        <v>14830</v>
      </c>
      <c r="K3409" s="9" t="s">
        <v>14831</v>
      </c>
      <c r="L3409" s="10" t="s">
        <v>22</v>
      </c>
      <c r="M3409" s="10" t="s">
        <v>22</v>
      </c>
      <c r="N3409" s="10" t="s">
        <v>22</v>
      </c>
      <c r="O3409" s="10" t="s">
        <v>22</v>
      </c>
      <c r="P3409" s="10" t="s">
        <v>22</v>
      </c>
      <c r="Q3409" s="10" t="s">
        <v>22</v>
      </c>
      <c r="R3409" s="10" t="s">
        <v>22</v>
      </c>
      <c r="S3409" s="10" t="s">
        <v>22</v>
      </c>
      <c r="T3409" s="10" t="s">
        <v>22</v>
      </c>
    </row>
    <row r="3410" spans="1:26" ht="24" customHeight="1" x14ac:dyDescent="0.2">
      <c r="A3410" s="9" t="s">
        <v>20580</v>
      </c>
      <c r="B3410" s="9" t="s">
        <v>13966</v>
      </c>
      <c r="C3410" s="9" t="s">
        <v>14832</v>
      </c>
      <c r="D3410" s="6" t="s">
        <v>14833</v>
      </c>
      <c r="E3410" s="22">
        <v>45323</v>
      </c>
      <c r="F3410" s="22">
        <v>47149</v>
      </c>
      <c r="G3410" s="6" t="s">
        <v>14834</v>
      </c>
      <c r="H3410" s="6" t="s">
        <v>18</v>
      </c>
      <c r="I3410" s="6" t="s">
        <v>1691</v>
      </c>
      <c r="J3410" s="6" t="s">
        <v>14835</v>
      </c>
      <c r="K3410" s="9" t="s">
        <v>14836</v>
      </c>
      <c r="L3410" s="10" t="s">
        <v>22</v>
      </c>
      <c r="M3410" s="10" t="s">
        <v>22</v>
      </c>
      <c r="N3410" s="10" t="s">
        <v>22</v>
      </c>
      <c r="O3410" s="10" t="s">
        <v>22</v>
      </c>
      <c r="P3410" s="10" t="s">
        <v>22</v>
      </c>
      <c r="Q3410" s="10" t="s">
        <v>22</v>
      </c>
      <c r="R3410" s="10" t="s">
        <v>22</v>
      </c>
      <c r="S3410" s="10" t="s">
        <v>22</v>
      </c>
      <c r="T3410" s="10" t="s">
        <v>22</v>
      </c>
      <c r="U3410" s="10" t="s">
        <v>22</v>
      </c>
      <c r="V3410" s="10" t="s">
        <v>22</v>
      </c>
      <c r="W3410" s="10" t="s">
        <v>22</v>
      </c>
      <c r="X3410" s="10" t="s">
        <v>22</v>
      </c>
      <c r="Y3410" s="10" t="s">
        <v>22</v>
      </c>
      <c r="Z3410" s="10" t="s">
        <v>22</v>
      </c>
    </row>
    <row r="3411" spans="1:26" ht="24" customHeight="1" x14ac:dyDescent="0.2">
      <c r="A3411" s="9" t="s">
        <v>20581</v>
      </c>
      <c r="B3411" s="9" t="s">
        <v>13966</v>
      </c>
      <c r="C3411" s="9" t="s">
        <v>14837</v>
      </c>
      <c r="D3411" s="6" t="s">
        <v>14838</v>
      </c>
      <c r="E3411" s="22">
        <v>45433</v>
      </c>
      <c r="F3411" s="22">
        <v>47258</v>
      </c>
      <c r="G3411" s="6" t="s">
        <v>14839</v>
      </c>
      <c r="H3411" s="6" t="s">
        <v>18</v>
      </c>
      <c r="I3411" s="6" t="s">
        <v>392</v>
      </c>
      <c r="J3411" s="6" t="s">
        <v>17134</v>
      </c>
      <c r="K3411" s="9" t="s">
        <v>14840</v>
      </c>
      <c r="L3411" s="10" t="s">
        <v>22</v>
      </c>
      <c r="M3411" s="10" t="s">
        <v>22</v>
      </c>
      <c r="N3411" s="10" t="s">
        <v>22</v>
      </c>
      <c r="O3411" s="10" t="s">
        <v>22</v>
      </c>
      <c r="P3411" s="10" t="s">
        <v>22</v>
      </c>
      <c r="Q3411" s="10" t="s">
        <v>22</v>
      </c>
      <c r="U3411" s="10" t="s">
        <v>22</v>
      </c>
      <c r="V3411" s="10" t="s">
        <v>22</v>
      </c>
      <c r="W3411" s="10" t="s">
        <v>22</v>
      </c>
      <c r="X3411" s="10" t="s">
        <v>22</v>
      </c>
      <c r="Y3411" s="10" t="s">
        <v>22</v>
      </c>
      <c r="Z3411" s="10" t="s">
        <v>22</v>
      </c>
    </row>
    <row r="3412" spans="1:26" ht="24" customHeight="1" x14ac:dyDescent="0.2">
      <c r="A3412" s="9" t="s">
        <v>20582</v>
      </c>
      <c r="B3412" s="9" t="s">
        <v>13966</v>
      </c>
      <c r="C3412" s="9" t="s">
        <v>14841</v>
      </c>
      <c r="D3412" s="6" t="s">
        <v>14842</v>
      </c>
      <c r="E3412" s="22">
        <v>45439</v>
      </c>
      <c r="F3412" s="22">
        <v>47264</v>
      </c>
      <c r="G3412" s="6" t="s">
        <v>14843</v>
      </c>
      <c r="H3412" s="6" t="s">
        <v>18</v>
      </c>
      <c r="I3412" s="6" t="s">
        <v>392</v>
      </c>
      <c r="J3412" s="6" t="s">
        <v>14844</v>
      </c>
      <c r="K3412" s="9" t="s">
        <v>14845</v>
      </c>
      <c r="L3412" s="10" t="s">
        <v>22</v>
      </c>
      <c r="M3412" s="10" t="s">
        <v>22</v>
      </c>
      <c r="N3412" s="10" t="s">
        <v>22</v>
      </c>
      <c r="O3412" s="10" t="s">
        <v>22</v>
      </c>
      <c r="P3412" s="10" t="s">
        <v>22</v>
      </c>
      <c r="Q3412" s="10" t="s">
        <v>22</v>
      </c>
      <c r="R3412" s="10" t="s">
        <v>22</v>
      </c>
      <c r="S3412" s="10" t="s">
        <v>22</v>
      </c>
      <c r="T3412" s="10" t="s">
        <v>22</v>
      </c>
      <c r="U3412" s="10" t="s">
        <v>22</v>
      </c>
      <c r="V3412" s="10" t="s">
        <v>22</v>
      </c>
      <c r="W3412" s="10" t="s">
        <v>22</v>
      </c>
      <c r="X3412" s="10" t="s">
        <v>22</v>
      </c>
      <c r="Y3412" s="10" t="s">
        <v>22</v>
      </c>
      <c r="Z3412" s="10" t="s">
        <v>22</v>
      </c>
    </row>
    <row r="3413" spans="1:26" ht="24" customHeight="1" x14ac:dyDescent="0.2">
      <c r="A3413" s="9" t="s">
        <v>20583</v>
      </c>
      <c r="B3413" s="9" t="s">
        <v>13966</v>
      </c>
      <c r="C3413" s="9" t="s">
        <v>1317</v>
      </c>
      <c r="D3413" s="6" t="s">
        <v>14846</v>
      </c>
      <c r="E3413" s="22">
        <v>45447</v>
      </c>
      <c r="F3413" s="22">
        <v>47272</v>
      </c>
      <c r="G3413" s="6" t="s">
        <v>14847</v>
      </c>
      <c r="H3413" s="6" t="s">
        <v>18</v>
      </c>
      <c r="I3413" s="6" t="s">
        <v>392</v>
      </c>
      <c r="J3413" s="6" t="s">
        <v>14848</v>
      </c>
      <c r="K3413" s="9" t="s">
        <v>14849</v>
      </c>
      <c r="L3413" s="10" t="s">
        <v>22</v>
      </c>
      <c r="M3413" s="10" t="s">
        <v>22</v>
      </c>
      <c r="N3413" s="10" t="s">
        <v>22</v>
      </c>
      <c r="O3413" s="10" t="s">
        <v>22</v>
      </c>
      <c r="P3413" s="10" t="s">
        <v>22</v>
      </c>
      <c r="Q3413" s="10" t="s">
        <v>22</v>
      </c>
      <c r="R3413" s="10" t="s">
        <v>22</v>
      </c>
      <c r="S3413" s="10" t="s">
        <v>22</v>
      </c>
      <c r="T3413" s="10" t="s">
        <v>22</v>
      </c>
    </row>
    <row r="3414" spans="1:26" ht="24" customHeight="1" x14ac:dyDescent="0.2">
      <c r="A3414" s="9" t="s">
        <v>20584</v>
      </c>
      <c r="B3414" s="9" t="s">
        <v>13966</v>
      </c>
      <c r="C3414" s="9" t="s">
        <v>1322</v>
      </c>
      <c r="D3414" s="6" t="s">
        <v>14850</v>
      </c>
      <c r="E3414" s="22">
        <v>45476</v>
      </c>
      <c r="F3414" s="22">
        <v>47301</v>
      </c>
      <c r="G3414" s="6" t="s">
        <v>14851</v>
      </c>
      <c r="H3414" s="6" t="s">
        <v>18</v>
      </c>
      <c r="I3414" s="6" t="s">
        <v>1145</v>
      </c>
      <c r="J3414" s="6" t="s">
        <v>14852</v>
      </c>
      <c r="K3414" s="9" t="s">
        <v>14853</v>
      </c>
      <c r="L3414" s="10" t="s">
        <v>22</v>
      </c>
      <c r="M3414" s="10" t="s">
        <v>22</v>
      </c>
      <c r="N3414" s="10" t="s">
        <v>22</v>
      </c>
      <c r="O3414" s="10" t="s">
        <v>22</v>
      </c>
      <c r="P3414" s="10" t="s">
        <v>22</v>
      </c>
      <c r="Q3414" s="10" t="s">
        <v>22</v>
      </c>
      <c r="U3414" s="10" t="s">
        <v>22</v>
      </c>
      <c r="V3414" s="10" t="s">
        <v>22</v>
      </c>
      <c r="W3414" s="10" t="s">
        <v>22</v>
      </c>
      <c r="X3414" s="10" t="s">
        <v>22</v>
      </c>
      <c r="Y3414" s="10" t="s">
        <v>22</v>
      </c>
      <c r="Z3414" s="10" t="s">
        <v>22</v>
      </c>
    </row>
    <row r="3415" spans="1:26" ht="24" customHeight="1" x14ac:dyDescent="0.2">
      <c r="A3415" s="9" t="s">
        <v>20585</v>
      </c>
      <c r="B3415" s="9" t="s">
        <v>13966</v>
      </c>
      <c r="C3415" s="9" t="s">
        <v>14854</v>
      </c>
      <c r="D3415" s="6" t="s">
        <v>14855</v>
      </c>
      <c r="E3415" s="22">
        <v>45495</v>
      </c>
      <c r="F3415" s="22">
        <v>47320</v>
      </c>
      <c r="G3415" s="6" t="s">
        <v>14856</v>
      </c>
      <c r="H3415" s="6" t="s">
        <v>18</v>
      </c>
      <c r="I3415" s="6" t="s">
        <v>1691</v>
      </c>
      <c r="J3415" s="6" t="s">
        <v>14857</v>
      </c>
      <c r="K3415" s="9" t="s">
        <v>14858</v>
      </c>
      <c r="L3415" s="10" t="s">
        <v>22</v>
      </c>
      <c r="M3415" s="10" t="s">
        <v>22</v>
      </c>
      <c r="N3415" s="10" t="s">
        <v>22</v>
      </c>
      <c r="O3415" s="10" t="s">
        <v>22</v>
      </c>
      <c r="P3415" s="10" t="s">
        <v>22</v>
      </c>
      <c r="Q3415" s="10" t="s">
        <v>22</v>
      </c>
      <c r="R3415" s="10" t="s">
        <v>22</v>
      </c>
      <c r="S3415" s="10" t="s">
        <v>22</v>
      </c>
      <c r="T3415" s="10" t="s">
        <v>22</v>
      </c>
      <c r="U3415" s="10" t="s">
        <v>22</v>
      </c>
      <c r="V3415" s="10" t="s">
        <v>22</v>
      </c>
      <c r="W3415" s="10" t="s">
        <v>22</v>
      </c>
      <c r="X3415" s="10" t="s">
        <v>22</v>
      </c>
      <c r="Y3415" s="10" t="s">
        <v>22</v>
      </c>
      <c r="Z3415" s="10" t="s">
        <v>22</v>
      </c>
    </row>
    <row r="3416" spans="1:26" ht="24" customHeight="1" x14ac:dyDescent="0.2">
      <c r="A3416" s="9" t="s">
        <v>20586</v>
      </c>
      <c r="B3416" s="9" t="s">
        <v>13966</v>
      </c>
      <c r="C3416" s="9" t="s">
        <v>14859</v>
      </c>
      <c r="D3416" s="6" t="s">
        <v>3759</v>
      </c>
      <c r="E3416" s="22">
        <v>45544</v>
      </c>
      <c r="F3416" s="22">
        <v>47369</v>
      </c>
      <c r="G3416" s="6" t="s">
        <v>3760</v>
      </c>
      <c r="H3416" s="6" t="s">
        <v>18</v>
      </c>
      <c r="I3416" s="6" t="s">
        <v>1691</v>
      </c>
      <c r="J3416" s="6" t="s">
        <v>14860</v>
      </c>
      <c r="K3416" s="9" t="s">
        <v>14861</v>
      </c>
      <c r="L3416" s="10" t="s">
        <v>22</v>
      </c>
      <c r="M3416" s="10" t="s">
        <v>22</v>
      </c>
      <c r="N3416" s="10" t="s">
        <v>22</v>
      </c>
      <c r="O3416" s="10" t="s">
        <v>22</v>
      </c>
      <c r="P3416" s="10" t="s">
        <v>22</v>
      </c>
      <c r="Q3416" s="10" t="s">
        <v>22</v>
      </c>
      <c r="R3416" s="10" t="s">
        <v>22</v>
      </c>
      <c r="S3416" s="10" t="s">
        <v>22</v>
      </c>
      <c r="T3416" s="10" t="s">
        <v>22</v>
      </c>
      <c r="U3416" s="10" t="s">
        <v>22</v>
      </c>
      <c r="V3416" s="10" t="s">
        <v>22</v>
      </c>
      <c r="W3416" s="10" t="s">
        <v>22</v>
      </c>
      <c r="X3416" s="10" t="s">
        <v>22</v>
      </c>
      <c r="Y3416" s="10" t="s">
        <v>22</v>
      </c>
      <c r="Z3416" s="10" t="s">
        <v>22</v>
      </c>
    </row>
    <row r="3417" spans="1:26" ht="24" customHeight="1" x14ac:dyDescent="0.2">
      <c r="A3417" s="9" t="s">
        <v>21341</v>
      </c>
      <c r="B3417" s="9" t="s">
        <v>13966</v>
      </c>
      <c r="C3417" s="9" t="s">
        <v>14862</v>
      </c>
      <c r="D3417" s="6" t="s">
        <v>14863</v>
      </c>
      <c r="E3417" s="22">
        <v>45611</v>
      </c>
      <c r="F3417" s="22">
        <v>47436</v>
      </c>
      <c r="G3417" s="6" t="s">
        <v>14864</v>
      </c>
      <c r="H3417" s="6" t="s">
        <v>18</v>
      </c>
      <c r="I3417" s="6" t="s">
        <v>1145</v>
      </c>
      <c r="J3417" s="6" t="s">
        <v>21209</v>
      </c>
      <c r="L3417" s="10" t="s">
        <v>22</v>
      </c>
      <c r="M3417" s="10" t="s">
        <v>22</v>
      </c>
      <c r="N3417" s="10" t="s">
        <v>22</v>
      </c>
      <c r="O3417" s="10" t="s">
        <v>22</v>
      </c>
      <c r="P3417" s="10" t="s">
        <v>22</v>
      </c>
      <c r="Q3417" s="10" t="s">
        <v>22</v>
      </c>
      <c r="R3417" s="10" t="s">
        <v>22</v>
      </c>
      <c r="S3417" s="10" t="s">
        <v>22</v>
      </c>
      <c r="T3417" s="10" t="s">
        <v>22</v>
      </c>
      <c r="U3417" s="10" t="s">
        <v>22</v>
      </c>
      <c r="V3417" s="10" t="s">
        <v>22</v>
      </c>
      <c r="W3417" s="10" t="s">
        <v>22</v>
      </c>
      <c r="X3417" s="10" t="s">
        <v>22</v>
      </c>
      <c r="Y3417" s="10" t="s">
        <v>22</v>
      </c>
      <c r="Z3417" s="10" t="s">
        <v>22</v>
      </c>
    </row>
    <row r="3418" spans="1:26" ht="24" customHeight="1" x14ac:dyDescent="0.2">
      <c r="A3418" s="9" t="s">
        <v>20587</v>
      </c>
      <c r="B3418" s="9" t="s">
        <v>13966</v>
      </c>
      <c r="C3418" s="9" t="s">
        <v>14865</v>
      </c>
      <c r="D3418" s="6" t="s">
        <v>14866</v>
      </c>
      <c r="E3418" s="22">
        <v>43920</v>
      </c>
      <c r="F3418" s="22">
        <v>45745</v>
      </c>
      <c r="G3418" s="6" t="s">
        <v>14867</v>
      </c>
      <c r="H3418" s="6" t="s">
        <v>18</v>
      </c>
      <c r="I3418" s="6" t="s">
        <v>1691</v>
      </c>
      <c r="J3418" s="6" t="s">
        <v>14868</v>
      </c>
      <c r="K3418" s="9" t="s">
        <v>14869</v>
      </c>
      <c r="L3418" s="10" t="s">
        <v>22</v>
      </c>
      <c r="M3418" s="10" t="s">
        <v>22</v>
      </c>
      <c r="N3418" s="10" t="s">
        <v>22</v>
      </c>
      <c r="O3418" s="10" t="s">
        <v>22</v>
      </c>
      <c r="P3418" s="10" t="s">
        <v>22</v>
      </c>
      <c r="Q3418" s="10" t="s">
        <v>22</v>
      </c>
      <c r="R3418" s="10" t="s">
        <v>22</v>
      </c>
      <c r="S3418" s="10" t="s">
        <v>22</v>
      </c>
      <c r="T3418" s="10" t="s">
        <v>22</v>
      </c>
      <c r="U3418" s="10" t="s">
        <v>22</v>
      </c>
      <c r="V3418" s="10" t="s">
        <v>22</v>
      </c>
      <c r="W3418" s="10" t="s">
        <v>22</v>
      </c>
      <c r="X3418" s="10" t="s">
        <v>22</v>
      </c>
      <c r="Y3418" s="10" t="s">
        <v>22</v>
      </c>
      <c r="Z3418" s="10" t="s">
        <v>22</v>
      </c>
    </row>
    <row r="3419" spans="1:26" ht="34" customHeight="1" x14ac:dyDescent="0.2">
      <c r="A3419" s="9" t="s">
        <v>20588</v>
      </c>
      <c r="B3419" s="9" t="s">
        <v>13966</v>
      </c>
      <c r="C3419" s="9" t="s">
        <v>14870</v>
      </c>
      <c r="D3419" s="6" t="s">
        <v>14871</v>
      </c>
      <c r="E3419" s="22">
        <v>43922</v>
      </c>
      <c r="F3419" s="22">
        <v>45747</v>
      </c>
      <c r="G3419" s="6" t="s">
        <v>14872</v>
      </c>
      <c r="H3419" s="6" t="s">
        <v>18</v>
      </c>
      <c r="I3419" s="6" t="s">
        <v>1145</v>
      </c>
      <c r="J3419" s="6" t="s">
        <v>14873</v>
      </c>
      <c r="K3419" s="9" t="s">
        <v>14874</v>
      </c>
      <c r="L3419" s="10" t="s">
        <v>22</v>
      </c>
      <c r="M3419" s="10" t="s">
        <v>22</v>
      </c>
      <c r="N3419" s="10" t="s">
        <v>22</v>
      </c>
      <c r="O3419" s="10" t="s">
        <v>22</v>
      </c>
      <c r="P3419" s="10" t="s">
        <v>22</v>
      </c>
      <c r="Q3419" s="10" t="s">
        <v>22</v>
      </c>
      <c r="R3419" s="10" t="s">
        <v>22</v>
      </c>
      <c r="S3419" s="10" t="s">
        <v>22</v>
      </c>
      <c r="T3419" s="10" t="s">
        <v>22</v>
      </c>
      <c r="U3419" s="10" t="s">
        <v>22</v>
      </c>
      <c r="V3419" s="10" t="s">
        <v>22</v>
      </c>
      <c r="W3419" s="10" t="s">
        <v>22</v>
      </c>
      <c r="X3419" s="10" t="s">
        <v>22</v>
      </c>
      <c r="Y3419" s="10" t="s">
        <v>22</v>
      </c>
      <c r="Z3419" s="10" t="s">
        <v>22</v>
      </c>
    </row>
    <row r="3420" spans="1:26" ht="24" customHeight="1" x14ac:dyDescent="0.2">
      <c r="A3420" s="9" t="s">
        <v>20589</v>
      </c>
      <c r="B3420" s="9" t="s">
        <v>13966</v>
      </c>
      <c r="C3420" s="9" t="s">
        <v>1332</v>
      </c>
      <c r="D3420" s="6" t="s">
        <v>14875</v>
      </c>
      <c r="E3420" s="22">
        <v>43937</v>
      </c>
      <c r="F3420" s="22">
        <v>45762</v>
      </c>
      <c r="G3420" s="6" t="s">
        <v>14876</v>
      </c>
      <c r="H3420" s="6" t="s">
        <v>18</v>
      </c>
      <c r="I3420" s="6" t="s">
        <v>1145</v>
      </c>
      <c r="J3420" s="6" t="s">
        <v>14877</v>
      </c>
      <c r="K3420" s="9" t="s">
        <v>14878</v>
      </c>
      <c r="M3420" s="10" t="s">
        <v>22</v>
      </c>
      <c r="N3420" s="10" t="s">
        <v>22</v>
      </c>
      <c r="P3420" s="10" t="s">
        <v>22</v>
      </c>
      <c r="Q3420" s="10" t="s">
        <v>22</v>
      </c>
      <c r="V3420" s="10" t="s">
        <v>22</v>
      </c>
      <c r="W3420" s="10" t="s">
        <v>22</v>
      </c>
      <c r="Y3420" s="10" t="s">
        <v>22</v>
      </c>
      <c r="Z3420" s="10" t="s">
        <v>22</v>
      </c>
    </row>
    <row r="3421" spans="1:26" ht="24" customHeight="1" x14ac:dyDescent="0.2">
      <c r="A3421" s="9" t="s">
        <v>20590</v>
      </c>
      <c r="B3421" s="9" t="s">
        <v>13966</v>
      </c>
      <c r="C3421" s="9" t="s">
        <v>14879</v>
      </c>
      <c r="D3421" s="6" t="s">
        <v>14880</v>
      </c>
      <c r="E3421" s="22">
        <v>43952</v>
      </c>
      <c r="F3421" s="22">
        <v>45777</v>
      </c>
      <c r="G3421" s="6" t="s">
        <v>14881</v>
      </c>
      <c r="H3421" s="6" t="s">
        <v>18</v>
      </c>
      <c r="I3421" s="6" t="s">
        <v>1194</v>
      </c>
      <c r="J3421" s="6" t="s">
        <v>14882</v>
      </c>
      <c r="K3421" s="9" t="s">
        <v>14883</v>
      </c>
      <c r="L3421" s="10" t="s">
        <v>22</v>
      </c>
      <c r="M3421" s="10" t="s">
        <v>22</v>
      </c>
      <c r="N3421" s="10" t="s">
        <v>22</v>
      </c>
      <c r="O3421" s="10" t="s">
        <v>22</v>
      </c>
      <c r="P3421" s="10" t="s">
        <v>22</v>
      </c>
      <c r="Q3421" s="10" t="s">
        <v>22</v>
      </c>
      <c r="R3421" s="10" t="s">
        <v>22</v>
      </c>
      <c r="S3421" s="10" t="s">
        <v>22</v>
      </c>
      <c r="T3421" s="10" t="s">
        <v>22</v>
      </c>
      <c r="U3421" s="10" t="s">
        <v>22</v>
      </c>
      <c r="V3421" s="10" t="s">
        <v>22</v>
      </c>
      <c r="W3421" s="10" t="s">
        <v>22</v>
      </c>
      <c r="X3421" s="10" t="s">
        <v>22</v>
      </c>
      <c r="Y3421" s="10" t="s">
        <v>22</v>
      </c>
      <c r="Z3421" s="10" t="s">
        <v>22</v>
      </c>
    </row>
    <row r="3422" spans="1:26" ht="24" customHeight="1" x14ac:dyDescent="0.2">
      <c r="A3422" s="9" t="s">
        <v>20591</v>
      </c>
      <c r="B3422" s="9" t="s">
        <v>13966</v>
      </c>
      <c r="C3422" s="9" t="s">
        <v>1337</v>
      </c>
      <c r="D3422" s="6" t="s">
        <v>14884</v>
      </c>
      <c r="E3422" s="22">
        <v>43972</v>
      </c>
      <c r="F3422" s="22">
        <v>45797</v>
      </c>
      <c r="G3422" s="6" t="s">
        <v>14885</v>
      </c>
      <c r="H3422" s="6" t="s">
        <v>18</v>
      </c>
      <c r="I3422" s="6" t="s">
        <v>392</v>
      </c>
      <c r="J3422" s="6" t="s">
        <v>17135</v>
      </c>
      <c r="K3422" s="9" t="s">
        <v>14886</v>
      </c>
      <c r="L3422" s="10" t="s">
        <v>22</v>
      </c>
      <c r="M3422" s="10" t="s">
        <v>22</v>
      </c>
      <c r="N3422" s="10" t="s">
        <v>22</v>
      </c>
      <c r="O3422" s="10" t="s">
        <v>22</v>
      </c>
      <c r="P3422" s="10" t="s">
        <v>22</v>
      </c>
      <c r="Q3422" s="10" t="s">
        <v>22</v>
      </c>
      <c r="U3422" s="10" t="s">
        <v>22</v>
      </c>
      <c r="V3422" s="10" t="s">
        <v>22</v>
      </c>
      <c r="W3422" s="10" t="s">
        <v>22</v>
      </c>
      <c r="X3422" s="10" t="s">
        <v>22</v>
      </c>
      <c r="Y3422" s="10" t="s">
        <v>22</v>
      </c>
      <c r="Z3422" s="10" t="s">
        <v>22</v>
      </c>
    </row>
    <row r="3423" spans="1:26" ht="24" customHeight="1" x14ac:dyDescent="0.2">
      <c r="A3423" s="9" t="s">
        <v>20592</v>
      </c>
      <c r="B3423" s="9" t="s">
        <v>13966</v>
      </c>
      <c r="C3423" s="9" t="s">
        <v>14887</v>
      </c>
      <c r="D3423" s="6" t="s">
        <v>14888</v>
      </c>
      <c r="E3423" s="22">
        <v>43985</v>
      </c>
      <c r="F3423" s="22">
        <v>45810</v>
      </c>
      <c r="G3423" s="6" t="s">
        <v>14889</v>
      </c>
      <c r="H3423" s="6" t="s">
        <v>18</v>
      </c>
      <c r="I3423" s="6" t="s">
        <v>392</v>
      </c>
      <c r="J3423" s="6" t="s">
        <v>14890</v>
      </c>
      <c r="K3423" s="9" t="s">
        <v>14891</v>
      </c>
      <c r="L3423" s="10" t="s">
        <v>22</v>
      </c>
      <c r="M3423" s="10" t="s">
        <v>22</v>
      </c>
      <c r="N3423" s="10" t="s">
        <v>22</v>
      </c>
      <c r="O3423" s="10" t="s">
        <v>22</v>
      </c>
      <c r="P3423" s="10" t="s">
        <v>22</v>
      </c>
      <c r="Q3423" s="10" t="s">
        <v>22</v>
      </c>
      <c r="R3423" s="10" t="s">
        <v>22</v>
      </c>
      <c r="S3423" s="10" t="s">
        <v>22</v>
      </c>
      <c r="T3423" s="10" t="s">
        <v>22</v>
      </c>
      <c r="U3423" s="10" t="s">
        <v>22</v>
      </c>
      <c r="V3423" s="10" t="s">
        <v>22</v>
      </c>
      <c r="W3423" s="10" t="s">
        <v>22</v>
      </c>
      <c r="X3423" s="10" t="s">
        <v>22</v>
      </c>
      <c r="Y3423" s="10" t="s">
        <v>22</v>
      </c>
      <c r="Z3423" s="10" t="s">
        <v>22</v>
      </c>
    </row>
    <row r="3424" spans="1:26" ht="24" customHeight="1" x14ac:dyDescent="0.2">
      <c r="A3424" s="9" t="s">
        <v>20593</v>
      </c>
      <c r="B3424" s="9" t="s">
        <v>13966</v>
      </c>
      <c r="C3424" s="9" t="s">
        <v>14892</v>
      </c>
      <c r="D3424" s="6" t="s">
        <v>14893</v>
      </c>
      <c r="E3424" s="22">
        <v>44033</v>
      </c>
      <c r="F3424" s="22">
        <v>45858</v>
      </c>
      <c r="G3424" s="6" t="s">
        <v>14894</v>
      </c>
      <c r="H3424" s="6" t="s">
        <v>18</v>
      </c>
      <c r="I3424" s="6" t="s">
        <v>392</v>
      </c>
      <c r="J3424" s="6" t="s">
        <v>14895</v>
      </c>
      <c r="K3424" s="9" t="s">
        <v>14896</v>
      </c>
      <c r="L3424" s="10" t="s">
        <v>22</v>
      </c>
      <c r="M3424" s="10" t="s">
        <v>22</v>
      </c>
      <c r="N3424" s="10" t="s">
        <v>22</v>
      </c>
      <c r="O3424" s="10" t="s">
        <v>22</v>
      </c>
      <c r="P3424" s="10" t="s">
        <v>22</v>
      </c>
      <c r="Q3424" s="10" t="s">
        <v>22</v>
      </c>
      <c r="U3424" s="10" t="s">
        <v>22</v>
      </c>
      <c r="V3424" s="10" t="s">
        <v>22</v>
      </c>
      <c r="W3424" s="10" t="s">
        <v>22</v>
      </c>
      <c r="X3424" s="10" t="s">
        <v>22</v>
      </c>
      <c r="Y3424" s="10" t="s">
        <v>22</v>
      </c>
      <c r="Z3424" s="10" t="s">
        <v>22</v>
      </c>
    </row>
    <row r="3425" spans="1:26" ht="24" customHeight="1" x14ac:dyDescent="0.2">
      <c r="A3425" s="9" t="s">
        <v>20594</v>
      </c>
      <c r="B3425" s="9" t="s">
        <v>13966</v>
      </c>
      <c r="C3425" s="9" t="s">
        <v>1341</v>
      </c>
      <c r="D3425" s="6" t="s">
        <v>14897</v>
      </c>
      <c r="E3425" s="22">
        <v>44042</v>
      </c>
      <c r="F3425" s="22">
        <v>45867</v>
      </c>
      <c r="G3425" s="6" t="s">
        <v>14898</v>
      </c>
      <c r="H3425" s="6" t="s">
        <v>18</v>
      </c>
      <c r="I3425" s="6" t="s">
        <v>392</v>
      </c>
      <c r="J3425" s="6" t="s">
        <v>14899</v>
      </c>
      <c r="K3425" s="9" t="s">
        <v>14900</v>
      </c>
      <c r="L3425" s="10" t="s">
        <v>22</v>
      </c>
      <c r="M3425" s="10" t="s">
        <v>22</v>
      </c>
      <c r="N3425" s="10" t="s">
        <v>22</v>
      </c>
      <c r="O3425" s="10" t="s">
        <v>22</v>
      </c>
      <c r="P3425" s="10" t="s">
        <v>22</v>
      </c>
      <c r="Q3425" s="10" t="s">
        <v>22</v>
      </c>
      <c r="R3425" s="10" t="s">
        <v>22</v>
      </c>
      <c r="S3425" s="10" t="s">
        <v>22</v>
      </c>
      <c r="T3425" s="10" t="s">
        <v>22</v>
      </c>
      <c r="U3425" s="10" t="s">
        <v>22</v>
      </c>
      <c r="V3425" s="10" t="s">
        <v>22</v>
      </c>
      <c r="W3425" s="10" t="s">
        <v>22</v>
      </c>
      <c r="X3425" s="10" t="s">
        <v>22</v>
      </c>
      <c r="Y3425" s="10" t="s">
        <v>22</v>
      </c>
      <c r="Z3425" s="10" t="s">
        <v>22</v>
      </c>
    </row>
    <row r="3426" spans="1:26" ht="24" customHeight="1" x14ac:dyDescent="0.2">
      <c r="A3426" s="9" t="s">
        <v>20595</v>
      </c>
      <c r="B3426" s="9" t="s">
        <v>13966</v>
      </c>
      <c r="C3426" s="9" t="s">
        <v>1346</v>
      </c>
      <c r="D3426" s="6" t="s">
        <v>14901</v>
      </c>
      <c r="E3426" s="22">
        <v>44042</v>
      </c>
      <c r="F3426" s="22">
        <v>45867</v>
      </c>
      <c r="G3426" s="6" t="s">
        <v>14901</v>
      </c>
      <c r="H3426" s="6" t="s">
        <v>18</v>
      </c>
      <c r="I3426" s="6" t="s">
        <v>392</v>
      </c>
      <c r="J3426" s="6" t="s">
        <v>14902</v>
      </c>
      <c r="K3426" s="9" t="s">
        <v>14903</v>
      </c>
      <c r="L3426" s="10" t="s">
        <v>22</v>
      </c>
      <c r="M3426" s="10" t="s">
        <v>22</v>
      </c>
      <c r="N3426" s="10" t="s">
        <v>22</v>
      </c>
      <c r="O3426" s="10" t="s">
        <v>22</v>
      </c>
      <c r="P3426" s="10" t="s">
        <v>22</v>
      </c>
      <c r="Q3426" s="10" t="s">
        <v>22</v>
      </c>
      <c r="U3426" s="10" t="s">
        <v>22</v>
      </c>
      <c r="V3426" s="10" t="s">
        <v>22</v>
      </c>
      <c r="W3426" s="10" t="s">
        <v>22</v>
      </c>
      <c r="X3426" s="10" t="s">
        <v>22</v>
      </c>
      <c r="Y3426" s="10" t="s">
        <v>22</v>
      </c>
      <c r="Z3426" s="10" t="s">
        <v>22</v>
      </c>
    </row>
    <row r="3427" spans="1:26" ht="24" customHeight="1" x14ac:dyDescent="0.2">
      <c r="A3427" s="9" t="s">
        <v>20596</v>
      </c>
      <c r="B3427" s="9" t="s">
        <v>13966</v>
      </c>
      <c r="C3427" s="9" t="s">
        <v>14904</v>
      </c>
      <c r="D3427" s="6" t="s">
        <v>14905</v>
      </c>
      <c r="E3427" s="22">
        <v>44054</v>
      </c>
      <c r="F3427" s="22">
        <v>45879</v>
      </c>
      <c r="G3427" s="6" t="s">
        <v>14906</v>
      </c>
      <c r="H3427" s="6" t="s">
        <v>18</v>
      </c>
      <c r="I3427" s="6" t="s">
        <v>1145</v>
      </c>
      <c r="J3427" s="6" t="s">
        <v>14907</v>
      </c>
      <c r="K3427" s="9" t="s">
        <v>14908</v>
      </c>
      <c r="L3427" s="10" t="s">
        <v>22</v>
      </c>
      <c r="M3427" s="10" t="s">
        <v>22</v>
      </c>
      <c r="N3427" s="10" t="s">
        <v>22</v>
      </c>
      <c r="O3427" s="10" t="s">
        <v>22</v>
      </c>
      <c r="P3427" s="10" t="s">
        <v>22</v>
      </c>
      <c r="Q3427" s="10" t="s">
        <v>22</v>
      </c>
      <c r="R3427" s="10" t="s">
        <v>22</v>
      </c>
      <c r="S3427" s="10" t="s">
        <v>22</v>
      </c>
      <c r="T3427" s="10" t="s">
        <v>22</v>
      </c>
      <c r="U3427" s="10" t="s">
        <v>22</v>
      </c>
      <c r="V3427" s="10" t="s">
        <v>22</v>
      </c>
      <c r="W3427" s="10" t="s">
        <v>22</v>
      </c>
      <c r="X3427" s="10" t="s">
        <v>22</v>
      </c>
      <c r="Y3427" s="10" t="s">
        <v>22</v>
      </c>
      <c r="Z3427" s="10" t="s">
        <v>22</v>
      </c>
    </row>
    <row r="3428" spans="1:26" ht="24" customHeight="1" x14ac:dyDescent="0.2">
      <c r="A3428" s="9" t="s">
        <v>20597</v>
      </c>
      <c r="B3428" s="9" t="s">
        <v>13966</v>
      </c>
      <c r="C3428" s="9" t="s">
        <v>1351</v>
      </c>
      <c r="D3428" s="6" t="s">
        <v>14909</v>
      </c>
      <c r="E3428" s="22">
        <v>44071</v>
      </c>
      <c r="F3428" s="22">
        <v>45896</v>
      </c>
      <c r="G3428" s="6" t="s">
        <v>17136</v>
      </c>
      <c r="H3428" s="6" t="s">
        <v>18</v>
      </c>
      <c r="I3428" s="6" t="s">
        <v>1145</v>
      </c>
      <c r="J3428" s="6" t="s">
        <v>17137</v>
      </c>
      <c r="K3428" s="9" t="s">
        <v>17138</v>
      </c>
      <c r="L3428" s="10" t="s">
        <v>22</v>
      </c>
      <c r="M3428" s="10" t="s">
        <v>22</v>
      </c>
      <c r="N3428" s="10" t="s">
        <v>22</v>
      </c>
      <c r="O3428" s="10" t="s">
        <v>22</v>
      </c>
      <c r="P3428" s="10" t="s">
        <v>22</v>
      </c>
      <c r="Q3428" s="10" t="s">
        <v>22</v>
      </c>
      <c r="R3428" s="10" t="s">
        <v>22</v>
      </c>
      <c r="S3428" s="10" t="s">
        <v>22</v>
      </c>
      <c r="T3428" s="10" t="s">
        <v>22</v>
      </c>
      <c r="U3428" s="10" t="s">
        <v>22</v>
      </c>
      <c r="V3428" s="10" t="s">
        <v>22</v>
      </c>
      <c r="W3428" s="10" t="s">
        <v>22</v>
      </c>
      <c r="X3428" s="10" t="s">
        <v>22</v>
      </c>
      <c r="Y3428" s="10" t="s">
        <v>22</v>
      </c>
      <c r="Z3428" s="10" t="s">
        <v>22</v>
      </c>
    </row>
    <row r="3429" spans="1:26" ht="24" customHeight="1" x14ac:dyDescent="0.2">
      <c r="A3429" s="9" t="s">
        <v>20598</v>
      </c>
      <c r="B3429" s="9" t="s">
        <v>13966</v>
      </c>
      <c r="C3429" s="9" t="s">
        <v>1356</v>
      </c>
      <c r="D3429" s="6" t="s">
        <v>14910</v>
      </c>
      <c r="E3429" s="22">
        <v>44105</v>
      </c>
      <c r="F3429" s="22">
        <v>45930</v>
      </c>
      <c r="G3429" s="6" t="s">
        <v>14911</v>
      </c>
      <c r="H3429" s="6" t="s">
        <v>18</v>
      </c>
      <c r="I3429" s="6" t="s">
        <v>1145</v>
      </c>
      <c r="J3429" s="6" t="s">
        <v>14912</v>
      </c>
      <c r="K3429" s="9" t="s">
        <v>14913</v>
      </c>
      <c r="L3429" s="10" t="s">
        <v>22</v>
      </c>
      <c r="M3429" s="10" t="s">
        <v>22</v>
      </c>
      <c r="N3429" s="10" t="s">
        <v>22</v>
      </c>
      <c r="O3429" s="10" t="s">
        <v>22</v>
      </c>
      <c r="P3429" s="10" t="s">
        <v>22</v>
      </c>
      <c r="Q3429" s="10" t="s">
        <v>22</v>
      </c>
      <c r="R3429" s="10" t="s">
        <v>22</v>
      </c>
      <c r="S3429" s="10" t="s">
        <v>22</v>
      </c>
      <c r="T3429" s="10" t="s">
        <v>22</v>
      </c>
      <c r="U3429" s="10" t="s">
        <v>22</v>
      </c>
      <c r="V3429" s="10" t="s">
        <v>22</v>
      </c>
      <c r="W3429" s="10" t="s">
        <v>22</v>
      </c>
      <c r="X3429" s="10" t="s">
        <v>22</v>
      </c>
      <c r="Y3429" s="10" t="s">
        <v>22</v>
      </c>
      <c r="Z3429" s="10" t="s">
        <v>22</v>
      </c>
    </row>
    <row r="3430" spans="1:26" ht="24" customHeight="1" x14ac:dyDescent="0.2">
      <c r="A3430" s="9" t="s">
        <v>20599</v>
      </c>
      <c r="B3430" s="9" t="s">
        <v>13966</v>
      </c>
      <c r="C3430" s="9" t="s">
        <v>17139</v>
      </c>
      <c r="D3430" s="6" t="s">
        <v>14914</v>
      </c>
      <c r="E3430" s="22">
        <v>44120</v>
      </c>
      <c r="F3430" s="22">
        <v>45945</v>
      </c>
      <c r="G3430" s="6" t="s">
        <v>14915</v>
      </c>
      <c r="H3430" s="6" t="s">
        <v>18</v>
      </c>
      <c r="I3430" s="6" t="s">
        <v>172</v>
      </c>
      <c r="J3430" s="6" t="s">
        <v>14916</v>
      </c>
      <c r="K3430" s="9" t="s">
        <v>14917</v>
      </c>
      <c r="L3430" s="10" t="s">
        <v>22</v>
      </c>
      <c r="M3430" s="10" t="s">
        <v>22</v>
      </c>
      <c r="N3430" s="10" t="s">
        <v>22</v>
      </c>
      <c r="O3430" s="10" t="s">
        <v>22</v>
      </c>
      <c r="P3430" s="10" t="s">
        <v>22</v>
      </c>
      <c r="Q3430" s="10" t="s">
        <v>22</v>
      </c>
      <c r="U3430" s="10" t="s">
        <v>22</v>
      </c>
      <c r="V3430" s="10" t="s">
        <v>22</v>
      </c>
      <c r="W3430" s="10" t="s">
        <v>22</v>
      </c>
      <c r="X3430" s="10" t="s">
        <v>22</v>
      </c>
      <c r="Y3430" s="10" t="s">
        <v>22</v>
      </c>
      <c r="Z3430" s="10" t="s">
        <v>22</v>
      </c>
    </row>
    <row r="3431" spans="1:26" ht="24" customHeight="1" x14ac:dyDescent="0.2">
      <c r="A3431" s="9" t="s">
        <v>20600</v>
      </c>
      <c r="B3431" s="9" t="s">
        <v>13966</v>
      </c>
      <c r="C3431" s="9" t="s">
        <v>17140</v>
      </c>
      <c r="D3431" s="6" t="s">
        <v>14918</v>
      </c>
      <c r="E3431" s="22">
        <v>44174</v>
      </c>
      <c r="F3431" s="22">
        <v>45999</v>
      </c>
      <c r="G3431" s="6" t="s">
        <v>14919</v>
      </c>
      <c r="H3431" s="6" t="s">
        <v>18</v>
      </c>
      <c r="I3431" s="6" t="s">
        <v>392</v>
      </c>
      <c r="J3431" s="6" t="s">
        <v>14920</v>
      </c>
      <c r="K3431" s="9" t="s">
        <v>14921</v>
      </c>
      <c r="L3431" s="10" t="s">
        <v>22</v>
      </c>
      <c r="M3431" s="10" t="s">
        <v>22</v>
      </c>
      <c r="N3431" s="10" t="s">
        <v>22</v>
      </c>
      <c r="O3431" s="10" t="s">
        <v>22</v>
      </c>
      <c r="P3431" s="10" t="s">
        <v>22</v>
      </c>
      <c r="Q3431" s="10" t="s">
        <v>22</v>
      </c>
      <c r="U3431" s="10" t="s">
        <v>22</v>
      </c>
      <c r="V3431" s="10" t="s">
        <v>22</v>
      </c>
      <c r="W3431" s="10" t="s">
        <v>22</v>
      </c>
      <c r="X3431" s="10" t="s">
        <v>22</v>
      </c>
      <c r="Y3431" s="10" t="s">
        <v>22</v>
      </c>
      <c r="Z3431" s="10" t="s">
        <v>22</v>
      </c>
    </row>
    <row r="3432" spans="1:26" ht="24" customHeight="1" x14ac:dyDescent="0.2">
      <c r="A3432" s="9" t="s">
        <v>20601</v>
      </c>
      <c r="B3432" s="9" t="s">
        <v>13966</v>
      </c>
      <c r="C3432" s="9" t="s">
        <v>17141</v>
      </c>
      <c r="D3432" s="6" t="s">
        <v>14922</v>
      </c>
      <c r="E3432" s="22">
        <v>44133</v>
      </c>
      <c r="F3432" s="22">
        <v>45958</v>
      </c>
      <c r="G3432" s="6" t="s">
        <v>14923</v>
      </c>
      <c r="H3432" s="6" t="s">
        <v>18</v>
      </c>
      <c r="I3432" s="6" t="s">
        <v>392</v>
      </c>
      <c r="J3432" s="6" t="s">
        <v>14924</v>
      </c>
      <c r="K3432" s="9" t="s">
        <v>14925</v>
      </c>
      <c r="L3432" s="10" t="s">
        <v>22</v>
      </c>
      <c r="M3432" s="10" t="s">
        <v>22</v>
      </c>
      <c r="N3432" s="10" t="s">
        <v>22</v>
      </c>
      <c r="O3432" s="10" t="s">
        <v>22</v>
      </c>
      <c r="P3432" s="10" t="s">
        <v>22</v>
      </c>
      <c r="Q3432" s="10" t="s">
        <v>22</v>
      </c>
      <c r="R3432" s="10" t="s">
        <v>22</v>
      </c>
      <c r="S3432" s="10" t="s">
        <v>22</v>
      </c>
      <c r="T3432" s="10" t="s">
        <v>22</v>
      </c>
      <c r="U3432" s="10" t="s">
        <v>22</v>
      </c>
      <c r="V3432" s="10" t="s">
        <v>22</v>
      </c>
      <c r="W3432" s="10" t="s">
        <v>22</v>
      </c>
      <c r="X3432" s="10" t="s">
        <v>22</v>
      </c>
      <c r="Y3432" s="10" t="s">
        <v>22</v>
      </c>
      <c r="Z3432" s="10" t="s">
        <v>22</v>
      </c>
    </row>
    <row r="3433" spans="1:26" ht="24" customHeight="1" x14ac:dyDescent="0.2">
      <c r="A3433" s="9" t="s">
        <v>20602</v>
      </c>
      <c r="B3433" s="9" t="s">
        <v>13966</v>
      </c>
      <c r="C3433" s="9" t="s">
        <v>14926</v>
      </c>
      <c r="D3433" s="6" t="s">
        <v>14927</v>
      </c>
      <c r="E3433" s="22">
        <v>44173</v>
      </c>
      <c r="F3433" s="22">
        <v>45998</v>
      </c>
      <c r="G3433" s="6" t="s">
        <v>14928</v>
      </c>
      <c r="H3433" s="6" t="s">
        <v>18</v>
      </c>
      <c r="I3433" s="6" t="s">
        <v>1145</v>
      </c>
      <c r="J3433" s="6" t="s">
        <v>14929</v>
      </c>
      <c r="K3433" s="9" t="s">
        <v>14930</v>
      </c>
      <c r="L3433" s="10" t="s">
        <v>22</v>
      </c>
      <c r="M3433" s="10" t="s">
        <v>22</v>
      </c>
      <c r="N3433" s="10" t="s">
        <v>22</v>
      </c>
      <c r="O3433" s="10" t="s">
        <v>22</v>
      </c>
      <c r="P3433" s="10" t="s">
        <v>22</v>
      </c>
      <c r="Q3433" s="10" t="s">
        <v>22</v>
      </c>
      <c r="R3433" s="10" t="s">
        <v>22</v>
      </c>
      <c r="S3433" s="10" t="s">
        <v>22</v>
      </c>
      <c r="T3433" s="10" t="s">
        <v>22</v>
      </c>
      <c r="U3433" s="10" t="s">
        <v>22</v>
      </c>
      <c r="V3433" s="10" t="s">
        <v>22</v>
      </c>
      <c r="W3433" s="10" t="s">
        <v>22</v>
      </c>
      <c r="X3433" s="10" t="s">
        <v>22</v>
      </c>
      <c r="Y3433" s="10" t="s">
        <v>22</v>
      </c>
      <c r="Z3433" s="10" t="s">
        <v>22</v>
      </c>
    </row>
    <row r="3434" spans="1:26" ht="24" customHeight="1" x14ac:dyDescent="0.2">
      <c r="A3434" s="9" t="s">
        <v>20603</v>
      </c>
      <c r="B3434" s="9" t="s">
        <v>13966</v>
      </c>
      <c r="C3434" s="9" t="s">
        <v>1361</v>
      </c>
      <c r="D3434" s="6" t="s">
        <v>14931</v>
      </c>
      <c r="E3434" s="22">
        <v>44182</v>
      </c>
      <c r="F3434" s="22">
        <v>46007</v>
      </c>
      <c r="G3434" s="6" t="s">
        <v>14932</v>
      </c>
      <c r="H3434" s="6" t="s">
        <v>18</v>
      </c>
      <c r="I3434" s="6" t="s">
        <v>1145</v>
      </c>
      <c r="J3434" s="6" t="s">
        <v>14933</v>
      </c>
      <c r="L3434" s="10" t="s">
        <v>22</v>
      </c>
      <c r="M3434" s="10" t="s">
        <v>22</v>
      </c>
      <c r="N3434" s="10" t="s">
        <v>22</v>
      </c>
      <c r="O3434" s="10" t="s">
        <v>22</v>
      </c>
      <c r="P3434" s="10" t="s">
        <v>22</v>
      </c>
      <c r="Q3434" s="10" t="s">
        <v>22</v>
      </c>
      <c r="R3434" s="10" t="s">
        <v>22</v>
      </c>
      <c r="S3434" s="10" t="s">
        <v>22</v>
      </c>
      <c r="T3434" s="10" t="s">
        <v>22</v>
      </c>
      <c r="U3434" s="10" t="s">
        <v>22</v>
      </c>
      <c r="V3434" s="10" t="s">
        <v>22</v>
      </c>
      <c r="W3434" s="10" t="s">
        <v>22</v>
      </c>
      <c r="X3434" s="10" t="s">
        <v>22</v>
      </c>
      <c r="Y3434" s="10" t="s">
        <v>22</v>
      </c>
      <c r="Z3434" s="10" t="s">
        <v>22</v>
      </c>
    </row>
    <row r="3435" spans="1:26" ht="24" customHeight="1" x14ac:dyDescent="0.2">
      <c r="A3435" s="9" t="s">
        <v>20604</v>
      </c>
      <c r="B3435" s="9" t="s">
        <v>13966</v>
      </c>
      <c r="C3435" s="9" t="s">
        <v>14934</v>
      </c>
      <c r="D3435" s="6" t="s">
        <v>14935</v>
      </c>
      <c r="E3435" s="22">
        <v>44230</v>
      </c>
      <c r="F3435" s="22">
        <v>46055</v>
      </c>
      <c r="G3435" s="6" t="s">
        <v>14936</v>
      </c>
      <c r="H3435" s="6" t="s">
        <v>18</v>
      </c>
      <c r="I3435" s="6" t="s">
        <v>392</v>
      </c>
      <c r="J3435" s="6" t="s">
        <v>17142</v>
      </c>
      <c r="K3435" s="9" t="s">
        <v>14937</v>
      </c>
      <c r="L3435" s="10" t="s">
        <v>22</v>
      </c>
      <c r="M3435" s="10" t="s">
        <v>22</v>
      </c>
      <c r="N3435" s="10" t="s">
        <v>22</v>
      </c>
      <c r="O3435" s="10" t="s">
        <v>22</v>
      </c>
      <c r="P3435" s="10" t="s">
        <v>22</v>
      </c>
      <c r="Q3435" s="10" t="s">
        <v>22</v>
      </c>
      <c r="R3435" s="10" t="s">
        <v>22</v>
      </c>
      <c r="S3435" s="10" t="s">
        <v>22</v>
      </c>
      <c r="T3435" s="10" t="s">
        <v>22</v>
      </c>
      <c r="U3435" s="10" t="s">
        <v>22</v>
      </c>
      <c r="V3435" s="10" t="s">
        <v>22</v>
      </c>
      <c r="W3435" s="10" t="s">
        <v>22</v>
      </c>
      <c r="X3435" s="10" t="s">
        <v>22</v>
      </c>
      <c r="Y3435" s="10" t="s">
        <v>22</v>
      </c>
      <c r="Z3435" s="10" t="s">
        <v>22</v>
      </c>
    </row>
    <row r="3436" spans="1:26" ht="24" customHeight="1" x14ac:dyDescent="0.2">
      <c r="A3436" s="9" t="s">
        <v>20605</v>
      </c>
      <c r="B3436" s="9" t="s">
        <v>13966</v>
      </c>
      <c r="C3436" s="9" t="s">
        <v>1366</v>
      </c>
      <c r="D3436" s="6" t="s">
        <v>14938</v>
      </c>
      <c r="E3436" s="22">
        <v>44242</v>
      </c>
      <c r="F3436" s="22">
        <v>46067</v>
      </c>
      <c r="G3436" s="6" t="s">
        <v>9804</v>
      </c>
      <c r="H3436" s="6" t="s">
        <v>18</v>
      </c>
      <c r="I3436" s="6" t="s">
        <v>1145</v>
      </c>
      <c r="J3436" s="6" t="s">
        <v>14939</v>
      </c>
      <c r="K3436" s="9" t="s">
        <v>14940</v>
      </c>
      <c r="L3436" s="10" t="s">
        <v>22</v>
      </c>
      <c r="M3436" s="10" t="s">
        <v>22</v>
      </c>
      <c r="N3436" s="10" t="s">
        <v>22</v>
      </c>
      <c r="O3436" s="10" t="s">
        <v>22</v>
      </c>
      <c r="P3436" s="10" t="s">
        <v>22</v>
      </c>
      <c r="Q3436" s="10" t="s">
        <v>22</v>
      </c>
      <c r="R3436" s="10" t="s">
        <v>22</v>
      </c>
      <c r="S3436" s="10" t="s">
        <v>22</v>
      </c>
      <c r="T3436" s="10" t="s">
        <v>22</v>
      </c>
    </row>
    <row r="3437" spans="1:26" ht="24" customHeight="1" x14ac:dyDescent="0.2">
      <c r="A3437" s="9" t="s">
        <v>20606</v>
      </c>
      <c r="B3437" s="9" t="s">
        <v>13966</v>
      </c>
      <c r="C3437" s="9" t="s">
        <v>14941</v>
      </c>
      <c r="D3437" s="6" t="s">
        <v>14942</v>
      </c>
      <c r="E3437" s="22">
        <v>44277</v>
      </c>
      <c r="F3437" s="22">
        <v>46102</v>
      </c>
      <c r="G3437" s="6" t="s">
        <v>14943</v>
      </c>
      <c r="H3437" s="6" t="s">
        <v>18</v>
      </c>
      <c r="I3437" s="6" t="s">
        <v>1145</v>
      </c>
      <c r="J3437" s="6" t="s">
        <v>14944</v>
      </c>
      <c r="K3437" s="9" t="s">
        <v>14945</v>
      </c>
      <c r="L3437" s="10" t="s">
        <v>22</v>
      </c>
      <c r="M3437" s="10" t="s">
        <v>22</v>
      </c>
      <c r="N3437" s="10" t="s">
        <v>22</v>
      </c>
      <c r="O3437" s="10" t="s">
        <v>22</v>
      </c>
      <c r="P3437" s="10" t="s">
        <v>22</v>
      </c>
      <c r="Q3437" s="10" t="s">
        <v>22</v>
      </c>
      <c r="R3437" s="10" t="s">
        <v>22</v>
      </c>
      <c r="S3437" s="10" t="s">
        <v>22</v>
      </c>
      <c r="T3437" s="10" t="s">
        <v>22</v>
      </c>
      <c r="V3437" s="10" t="s">
        <v>22</v>
      </c>
      <c r="W3437" s="10" t="s">
        <v>22</v>
      </c>
      <c r="Y3437" s="10" t="s">
        <v>22</v>
      </c>
      <c r="Z3437" s="10" t="s">
        <v>22</v>
      </c>
    </row>
    <row r="3438" spans="1:26" ht="24" customHeight="1" x14ac:dyDescent="0.2">
      <c r="A3438" s="9" t="s">
        <v>20607</v>
      </c>
      <c r="B3438" s="9" t="s">
        <v>13966</v>
      </c>
      <c r="C3438" s="9" t="s">
        <v>1371</v>
      </c>
      <c r="D3438" s="6" t="s">
        <v>14946</v>
      </c>
      <c r="E3438" s="22">
        <v>44298</v>
      </c>
      <c r="F3438" s="22">
        <v>46123</v>
      </c>
      <c r="G3438" s="6" t="s">
        <v>14947</v>
      </c>
      <c r="H3438" s="6" t="s">
        <v>18</v>
      </c>
      <c r="I3438" s="6" t="s">
        <v>1145</v>
      </c>
      <c r="J3438" s="6" t="s">
        <v>14948</v>
      </c>
      <c r="K3438" s="9" t="s">
        <v>14949</v>
      </c>
      <c r="L3438" s="10" t="s">
        <v>22</v>
      </c>
      <c r="M3438" s="10" t="s">
        <v>22</v>
      </c>
      <c r="N3438" s="10" t="s">
        <v>22</v>
      </c>
      <c r="O3438" s="10" t="s">
        <v>22</v>
      </c>
      <c r="P3438" s="10" t="s">
        <v>22</v>
      </c>
      <c r="Q3438" s="10" t="s">
        <v>22</v>
      </c>
      <c r="U3438" s="10" t="s">
        <v>22</v>
      </c>
      <c r="V3438" s="10" t="s">
        <v>22</v>
      </c>
      <c r="W3438" s="10" t="s">
        <v>22</v>
      </c>
      <c r="X3438" s="10" t="s">
        <v>22</v>
      </c>
      <c r="Y3438" s="10" t="s">
        <v>22</v>
      </c>
      <c r="Z3438" s="10" t="s">
        <v>22</v>
      </c>
    </row>
    <row r="3439" spans="1:26" ht="24" customHeight="1" x14ac:dyDescent="0.2">
      <c r="A3439" s="9" t="s">
        <v>20608</v>
      </c>
      <c r="B3439" s="9" t="s">
        <v>13966</v>
      </c>
      <c r="C3439" s="9" t="s">
        <v>14950</v>
      </c>
      <c r="D3439" s="6" t="s">
        <v>14951</v>
      </c>
      <c r="E3439" s="22">
        <v>44322</v>
      </c>
      <c r="F3439" s="22">
        <v>46147</v>
      </c>
      <c r="G3439" s="6" t="s">
        <v>14952</v>
      </c>
      <c r="H3439" s="6" t="s">
        <v>18</v>
      </c>
      <c r="I3439" s="6" t="s">
        <v>172</v>
      </c>
      <c r="J3439" s="6" t="s">
        <v>14953</v>
      </c>
      <c r="L3439" s="10" t="s">
        <v>22</v>
      </c>
      <c r="M3439" s="10" t="s">
        <v>22</v>
      </c>
      <c r="N3439" s="10" t="s">
        <v>22</v>
      </c>
      <c r="O3439" s="10" t="s">
        <v>22</v>
      </c>
      <c r="P3439" s="10" t="s">
        <v>22</v>
      </c>
      <c r="Q3439" s="10" t="s">
        <v>22</v>
      </c>
      <c r="U3439" s="10" t="s">
        <v>22</v>
      </c>
      <c r="V3439" s="10" t="s">
        <v>22</v>
      </c>
      <c r="W3439" s="10" t="s">
        <v>22</v>
      </c>
      <c r="X3439" s="10" t="s">
        <v>22</v>
      </c>
      <c r="Y3439" s="10" t="s">
        <v>22</v>
      </c>
      <c r="Z3439" s="10" t="s">
        <v>22</v>
      </c>
    </row>
    <row r="3440" spans="1:26" ht="24" customHeight="1" x14ac:dyDescent="0.2">
      <c r="A3440" s="9" t="s">
        <v>20609</v>
      </c>
      <c r="B3440" s="9" t="s">
        <v>13966</v>
      </c>
      <c r="C3440" s="9" t="s">
        <v>1375</v>
      </c>
      <c r="D3440" s="6" t="s">
        <v>14954</v>
      </c>
      <c r="E3440" s="22">
        <v>44322</v>
      </c>
      <c r="F3440" s="22">
        <v>46147</v>
      </c>
      <c r="G3440" s="6" t="s">
        <v>14955</v>
      </c>
      <c r="H3440" s="6" t="s">
        <v>18</v>
      </c>
      <c r="I3440" s="6" t="s">
        <v>5029</v>
      </c>
      <c r="J3440" s="6" t="s">
        <v>17143</v>
      </c>
      <c r="L3440" s="10" t="s">
        <v>22</v>
      </c>
      <c r="M3440" s="10" t="s">
        <v>22</v>
      </c>
      <c r="N3440" s="10" t="s">
        <v>22</v>
      </c>
      <c r="O3440" s="10" t="s">
        <v>22</v>
      </c>
      <c r="P3440" s="10" t="s">
        <v>22</v>
      </c>
      <c r="Q3440" s="10" t="s">
        <v>22</v>
      </c>
      <c r="R3440" s="10" t="s">
        <v>22</v>
      </c>
      <c r="S3440" s="10" t="s">
        <v>22</v>
      </c>
      <c r="T3440" s="10" t="s">
        <v>22</v>
      </c>
      <c r="U3440" s="10" t="s">
        <v>22</v>
      </c>
      <c r="V3440" s="10" t="s">
        <v>22</v>
      </c>
      <c r="W3440" s="10" t="s">
        <v>22</v>
      </c>
      <c r="X3440" s="10" t="s">
        <v>22</v>
      </c>
      <c r="Y3440" s="10" t="s">
        <v>22</v>
      </c>
      <c r="Z3440" s="10" t="s">
        <v>22</v>
      </c>
    </row>
    <row r="3441" spans="1:26" ht="24" customHeight="1" x14ac:dyDescent="0.2">
      <c r="A3441" s="9" t="s">
        <v>20610</v>
      </c>
      <c r="B3441" s="9" t="s">
        <v>13966</v>
      </c>
      <c r="C3441" s="9" t="s">
        <v>1380</v>
      </c>
      <c r="D3441" s="6" t="s">
        <v>14956</v>
      </c>
      <c r="E3441" s="22">
        <v>44348</v>
      </c>
      <c r="F3441" s="22">
        <v>46173</v>
      </c>
      <c r="G3441" s="6" t="s">
        <v>14957</v>
      </c>
      <c r="H3441" s="6" t="s">
        <v>18</v>
      </c>
      <c r="I3441" s="6" t="s">
        <v>1145</v>
      </c>
      <c r="J3441" s="6" t="s">
        <v>14958</v>
      </c>
      <c r="K3441" s="9" t="s">
        <v>14959</v>
      </c>
      <c r="L3441" s="10" t="s">
        <v>22</v>
      </c>
      <c r="M3441" s="10" t="s">
        <v>22</v>
      </c>
      <c r="N3441" s="10" t="s">
        <v>22</v>
      </c>
      <c r="O3441" s="10" t="s">
        <v>22</v>
      </c>
      <c r="P3441" s="10" t="s">
        <v>22</v>
      </c>
      <c r="Q3441" s="10" t="s">
        <v>22</v>
      </c>
      <c r="R3441" s="10" t="s">
        <v>22</v>
      </c>
      <c r="S3441" s="10" t="s">
        <v>22</v>
      </c>
      <c r="T3441" s="10" t="s">
        <v>22</v>
      </c>
      <c r="U3441" s="10" t="s">
        <v>22</v>
      </c>
      <c r="V3441" s="10" t="s">
        <v>22</v>
      </c>
      <c r="W3441" s="10" t="s">
        <v>22</v>
      </c>
      <c r="X3441" s="10" t="s">
        <v>22</v>
      </c>
      <c r="Y3441" s="10" t="s">
        <v>22</v>
      </c>
      <c r="Z3441" s="10" t="s">
        <v>22</v>
      </c>
    </row>
    <row r="3442" spans="1:26" ht="24" customHeight="1" x14ac:dyDescent="0.2">
      <c r="A3442" s="9" t="s">
        <v>20611</v>
      </c>
      <c r="B3442" s="9" t="s">
        <v>13966</v>
      </c>
      <c r="C3442" s="9" t="s">
        <v>1385</v>
      </c>
      <c r="D3442" s="6" t="s">
        <v>14960</v>
      </c>
      <c r="E3442" s="22">
        <v>44348</v>
      </c>
      <c r="F3442" s="22">
        <v>46173</v>
      </c>
      <c r="G3442" s="6" t="s">
        <v>14961</v>
      </c>
      <c r="H3442" s="6" t="s">
        <v>18</v>
      </c>
      <c r="I3442" s="6" t="s">
        <v>1145</v>
      </c>
      <c r="J3442" s="6" t="s">
        <v>14962</v>
      </c>
      <c r="L3442" s="10" t="s">
        <v>22</v>
      </c>
      <c r="M3442" s="10" t="s">
        <v>22</v>
      </c>
      <c r="N3442" s="10" t="s">
        <v>22</v>
      </c>
      <c r="O3442" s="10" t="s">
        <v>22</v>
      </c>
      <c r="P3442" s="10" t="s">
        <v>22</v>
      </c>
      <c r="Q3442" s="10" t="s">
        <v>22</v>
      </c>
      <c r="R3442" s="10" t="s">
        <v>22</v>
      </c>
      <c r="S3442" s="10" t="s">
        <v>22</v>
      </c>
      <c r="T3442" s="10" t="s">
        <v>22</v>
      </c>
      <c r="U3442" s="10" t="s">
        <v>22</v>
      </c>
      <c r="V3442" s="10" t="s">
        <v>22</v>
      </c>
      <c r="W3442" s="10" t="s">
        <v>22</v>
      </c>
      <c r="X3442" s="10" t="s">
        <v>22</v>
      </c>
      <c r="Y3442" s="10" t="s">
        <v>22</v>
      </c>
      <c r="Z3442" s="10" t="s">
        <v>22</v>
      </c>
    </row>
    <row r="3443" spans="1:26" ht="24" customHeight="1" x14ac:dyDescent="0.2">
      <c r="A3443" s="9" t="s">
        <v>20612</v>
      </c>
      <c r="B3443" s="9" t="s">
        <v>13966</v>
      </c>
      <c r="C3443" s="9" t="s">
        <v>14963</v>
      </c>
      <c r="D3443" s="6" t="s">
        <v>14964</v>
      </c>
      <c r="E3443" s="22">
        <v>44382</v>
      </c>
      <c r="F3443" s="22">
        <v>46207</v>
      </c>
      <c r="G3443" s="6" t="s">
        <v>14965</v>
      </c>
      <c r="H3443" s="6" t="s">
        <v>18</v>
      </c>
      <c r="I3443" s="6" t="s">
        <v>1691</v>
      </c>
      <c r="J3443" s="6" t="s">
        <v>14966</v>
      </c>
      <c r="K3443" s="9" t="s">
        <v>14967</v>
      </c>
      <c r="L3443" s="10" t="s">
        <v>22</v>
      </c>
      <c r="M3443" s="10" t="s">
        <v>22</v>
      </c>
      <c r="N3443" s="10" t="s">
        <v>22</v>
      </c>
      <c r="O3443" s="10" t="s">
        <v>22</v>
      </c>
      <c r="P3443" s="10" t="s">
        <v>22</v>
      </c>
      <c r="Q3443" s="10" t="s">
        <v>22</v>
      </c>
      <c r="U3443" s="10" t="s">
        <v>22</v>
      </c>
      <c r="V3443" s="10" t="s">
        <v>22</v>
      </c>
      <c r="W3443" s="10" t="s">
        <v>22</v>
      </c>
      <c r="X3443" s="10" t="s">
        <v>22</v>
      </c>
      <c r="Y3443" s="10" t="s">
        <v>22</v>
      </c>
      <c r="Z3443" s="10" t="s">
        <v>22</v>
      </c>
    </row>
    <row r="3444" spans="1:26" ht="24" customHeight="1" x14ac:dyDescent="0.2">
      <c r="A3444" s="9" t="s">
        <v>20613</v>
      </c>
      <c r="B3444" s="9" t="s">
        <v>13966</v>
      </c>
      <c r="C3444" s="9" t="s">
        <v>14968</v>
      </c>
      <c r="D3444" s="6" t="s">
        <v>14969</v>
      </c>
      <c r="E3444" s="22">
        <v>44398</v>
      </c>
      <c r="F3444" s="22">
        <v>46223</v>
      </c>
      <c r="G3444" s="6" t="s">
        <v>14970</v>
      </c>
      <c r="H3444" s="6" t="s">
        <v>18</v>
      </c>
      <c r="I3444" s="6" t="s">
        <v>172</v>
      </c>
      <c r="J3444" s="6" t="s">
        <v>14971</v>
      </c>
      <c r="K3444" s="9" t="s">
        <v>14972</v>
      </c>
      <c r="L3444" s="10" t="s">
        <v>22</v>
      </c>
      <c r="M3444" s="10" t="s">
        <v>22</v>
      </c>
      <c r="N3444" s="10" t="s">
        <v>22</v>
      </c>
      <c r="O3444" s="10" t="s">
        <v>22</v>
      </c>
      <c r="P3444" s="10" t="s">
        <v>22</v>
      </c>
      <c r="Q3444" s="10" t="s">
        <v>22</v>
      </c>
    </row>
    <row r="3445" spans="1:26" ht="24" customHeight="1" x14ac:dyDescent="0.2">
      <c r="A3445" s="9" t="s">
        <v>20614</v>
      </c>
      <c r="B3445" s="9" t="s">
        <v>13966</v>
      </c>
      <c r="C3445" s="9" t="s">
        <v>14973</v>
      </c>
      <c r="D3445" s="6" t="s">
        <v>14974</v>
      </c>
      <c r="E3445" s="22">
        <v>44421</v>
      </c>
      <c r="F3445" s="22">
        <v>46246</v>
      </c>
      <c r="G3445" s="6" t="s">
        <v>14975</v>
      </c>
      <c r="H3445" s="6" t="s">
        <v>18</v>
      </c>
      <c r="I3445" s="6" t="s">
        <v>1145</v>
      </c>
      <c r="J3445" s="6" t="s">
        <v>14976</v>
      </c>
      <c r="K3445" s="9" t="s">
        <v>14977</v>
      </c>
      <c r="L3445" s="10" t="s">
        <v>22</v>
      </c>
      <c r="M3445" s="10" t="s">
        <v>22</v>
      </c>
      <c r="N3445" s="10" t="s">
        <v>22</v>
      </c>
      <c r="O3445" s="10" t="s">
        <v>22</v>
      </c>
      <c r="P3445" s="10" t="s">
        <v>22</v>
      </c>
      <c r="Q3445" s="10" t="s">
        <v>22</v>
      </c>
      <c r="U3445" s="10" t="s">
        <v>22</v>
      </c>
      <c r="V3445" s="10" t="s">
        <v>22</v>
      </c>
      <c r="W3445" s="10" t="s">
        <v>22</v>
      </c>
      <c r="X3445" s="10" t="s">
        <v>22</v>
      </c>
      <c r="Y3445" s="10" t="s">
        <v>22</v>
      </c>
      <c r="Z3445" s="10" t="s">
        <v>22</v>
      </c>
    </row>
    <row r="3446" spans="1:26" ht="24" customHeight="1" x14ac:dyDescent="0.2">
      <c r="A3446" s="9" t="s">
        <v>20615</v>
      </c>
      <c r="B3446" s="9" t="s">
        <v>13966</v>
      </c>
      <c r="C3446" s="9" t="s">
        <v>1389</v>
      </c>
      <c r="D3446" s="6" t="s">
        <v>14978</v>
      </c>
      <c r="E3446" s="22">
        <v>44445</v>
      </c>
      <c r="F3446" s="22">
        <v>46270</v>
      </c>
      <c r="G3446" s="6" t="s">
        <v>14979</v>
      </c>
      <c r="H3446" s="6" t="s">
        <v>18</v>
      </c>
      <c r="I3446" s="6" t="s">
        <v>1145</v>
      </c>
      <c r="J3446" s="6" t="s">
        <v>14980</v>
      </c>
      <c r="K3446" s="9" t="s">
        <v>14981</v>
      </c>
      <c r="L3446" s="10" t="s">
        <v>22</v>
      </c>
      <c r="M3446" s="10" t="s">
        <v>22</v>
      </c>
      <c r="N3446" s="10" t="s">
        <v>22</v>
      </c>
      <c r="O3446" s="10" t="s">
        <v>22</v>
      </c>
      <c r="P3446" s="10" t="s">
        <v>22</v>
      </c>
      <c r="Q3446" s="10" t="s">
        <v>22</v>
      </c>
      <c r="R3446" s="10" t="s">
        <v>22</v>
      </c>
      <c r="S3446" s="10" t="s">
        <v>22</v>
      </c>
      <c r="T3446" s="10" t="s">
        <v>22</v>
      </c>
      <c r="U3446" s="10" t="s">
        <v>22</v>
      </c>
      <c r="V3446" s="10" t="s">
        <v>22</v>
      </c>
      <c r="W3446" s="10" t="s">
        <v>22</v>
      </c>
      <c r="X3446" s="10" t="s">
        <v>22</v>
      </c>
      <c r="Y3446" s="10" t="s">
        <v>22</v>
      </c>
      <c r="Z3446" s="10" t="s">
        <v>22</v>
      </c>
    </row>
    <row r="3447" spans="1:26" ht="24" customHeight="1" x14ac:dyDescent="0.2">
      <c r="A3447" s="9" t="s">
        <v>20616</v>
      </c>
      <c r="B3447" s="9" t="s">
        <v>13966</v>
      </c>
      <c r="C3447" s="9" t="s">
        <v>1394</v>
      </c>
      <c r="D3447" s="6" t="s">
        <v>14982</v>
      </c>
      <c r="E3447" s="22">
        <v>44461</v>
      </c>
      <c r="F3447" s="22">
        <v>46286</v>
      </c>
      <c r="G3447" s="6" t="s">
        <v>14983</v>
      </c>
      <c r="H3447" s="6" t="s">
        <v>18</v>
      </c>
      <c r="I3447" s="6" t="s">
        <v>1145</v>
      </c>
      <c r="J3447" s="6" t="s">
        <v>14984</v>
      </c>
      <c r="K3447" s="9" t="s">
        <v>14985</v>
      </c>
      <c r="L3447" s="10" t="s">
        <v>22</v>
      </c>
      <c r="M3447" s="10" t="s">
        <v>22</v>
      </c>
      <c r="N3447" s="10" t="s">
        <v>22</v>
      </c>
      <c r="O3447" s="10" t="s">
        <v>22</v>
      </c>
      <c r="P3447" s="10" t="s">
        <v>22</v>
      </c>
      <c r="Q3447" s="10" t="s">
        <v>22</v>
      </c>
      <c r="R3447" s="10" t="s">
        <v>22</v>
      </c>
      <c r="S3447" s="10" t="s">
        <v>22</v>
      </c>
      <c r="T3447" s="10" t="s">
        <v>22</v>
      </c>
      <c r="U3447" s="10" t="s">
        <v>22</v>
      </c>
      <c r="V3447" s="10" t="s">
        <v>22</v>
      </c>
      <c r="W3447" s="10" t="s">
        <v>22</v>
      </c>
      <c r="X3447" s="10" t="s">
        <v>22</v>
      </c>
      <c r="Y3447" s="10" t="s">
        <v>22</v>
      </c>
      <c r="Z3447" s="10" t="s">
        <v>22</v>
      </c>
    </row>
    <row r="3448" spans="1:26" ht="24" customHeight="1" x14ac:dyDescent="0.2">
      <c r="A3448" s="9" t="s">
        <v>20617</v>
      </c>
      <c r="B3448" s="9" t="s">
        <v>13966</v>
      </c>
      <c r="C3448" s="9" t="s">
        <v>14986</v>
      </c>
      <c r="D3448" s="6" t="s">
        <v>14987</v>
      </c>
      <c r="E3448" s="22">
        <v>44526</v>
      </c>
      <c r="F3448" s="22">
        <v>46351</v>
      </c>
      <c r="G3448" s="6" t="s">
        <v>14988</v>
      </c>
      <c r="H3448" s="6" t="s">
        <v>18</v>
      </c>
      <c r="I3448" s="6" t="s">
        <v>1145</v>
      </c>
      <c r="J3448" s="6" t="s">
        <v>14989</v>
      </c>
      <c r="K3448" s="9" t="s">
        <v>14990</v>
      </c>
      <c r="L3448" s="10" t="s">
        <v>22</v>
      </c>
      <c r="M3448" s="10" t="s">
        <v>22</v>
      </c>
      <c r="N3448" s="10" t="s">
        <v>22</v>
      </c>
      <c r="O3448" s="10" t="s">
        <v>22</v>
      </c>
      <c r="P3448" s="10" t="s">
        <v>22</v>
      </c>
      <c r="Q3448" s="10" t="s">
        <v>22</v>
      </c>
      <c r="U3448" s="10" t="s">
        <v>22</v>
      </c>
      <c r="V3448" s="10" t="s">
        <v>22</v>
      </c>
      <c r="W3448" s="10" t="s">
        <v>22</v>
      </c>
      <c r="X3448" s="10" t="s">
        <v>22</v>
      </c>
      <c r="Y3448" s="10" t="s">
        <v>22</v>
      </c>
      <c r="Z3448" s="10" t="s">
        <v>22</v>
      </c>
    </row>
    <row r="3449" spans="1:26" ht="24" customHeight="1" x14ac:dyDescent="0.2">
      <c r="A3449" s="9" t="s">
        <v>20618</v>
      </c>
      <c r="B3449" s="9" t="s">
        <v>13966</v>
      </c>
      <c r="C3449" s="9" t="s">
        <v>1400</v>
      </c>
      <c r="D3449" s="6" t="s">
        <v>14991</v>
      </c>
      <c r="E3449" s="22">
        <v>44547</v>
      </c>
      <c r="F3449" s="22">
        <v>46372</v>
      </c>
      <c r="G3449" s="6" t="s">
        <v>14992</v>
      </c>
      <c r="H3449" s="6" t="s">
        <v>18</v>
      </c>
      <c r="I3449" s="6" t="s">
        <v>392</v>
      </c>
      <c r="J3449" s="6" t="s">
        <v>14993</v>
      </c>
      <c r="K3449" s="9" t="s">
        <v>14994</v>
      </c>
      <c r="L3449" s="10" t="s">
        <v>22</v>
      </c>
      <c r="M3449" s="10" t="s">
        <v>22</v>
      </c>
      <c r="N3449" s="10" t="s">
        <v>22</v>
      </c>
      <c r="O3449" s="10" t="s">
        <v>22</v>
      </c>
      <c r="P3449" s="10" t="s">
        <v>22</v>
      </c>
      <c r="Q3449" s="10" t="s">
        <v>22</v>
      </c>
      <c r="R3449" s="10" t="s">
        <v>22</v>
      </c>
      <c r="S3449" s="10" t="s">
        <v>22</v>
      </c>
      <c r="T3449" s="10" t="s">
        <v>22</v>
      </c>
    </row>
    <row r="3450" spans="1:26" ht="24" customHeight="1" x14ac:dyDescent="0.2">
      <c r="A3450" s="9" t="s">
        <v>20619</v>
      </c>
      <c r="B3450" s="9" t="s">
        <v>13966</v>
      </c>
      <c r="C3450" s="9" t="s">
        <v>14995</v>
      </c>
      <c r="D3450" s="6" t="s">
        <v>17144</v>
      </c>
      <c r="E3450" s="22">
        <v>44565</v>
      </c>
      <c r="F3450" s="22">
        <v>46390</v>
      </c>
      <c r="G3450" s="6" t="s">
        <v>17145</v>
      </c>
      <c r="H3450" s="6" t="s">
        <v>18</v>
      </c>
      <c r="I3450" s="6" t="s">
        <v>392</v>
      </c>
      <c r="J3450" s="6" t="s">
        <v>17146</v>
      </c>
      <c r="L3450" s="10" t="s">
        <v>22</v>
      </c>
      <c r="M3450" s="10" t="s">
        <v>22</v>
      </c>
      <c r="N3450" s="10" t="s">
        <v>22</v>
      </c>
      <c r="O3450" s="10" t="s">
        <v>22</v>
      </c>
      <c r="P3450" s="10" t="s">
        <v>22</v>
      </c>
      <c r="Q3450" s="10" t="s">
        <v>22</v>
      </c>
      <c r="R3450" s="10" t="s">
        <v>22</v>
      </c>
      <c r="S3450" s="10" t="s">
        <v>22</v>
      </c>
      <c r="T3450" s="10" t="s">
        <v>22</v>
      </c>
    </row>
    <row r="3451" spans="1:26" ht="24" customHeight="1" x14ac:dyDescent="0.2">
      <c r="A3451" s="9" t="s">
        <v>20620</v>
      </c>
      <c r="B3451" s="9" t="s">
        <v>13966</v>
      </c>
      <c r="C3451" s="9" t="s">
        <v>1405</v>
      </c>
      <c r="D3451" s="6" t="s">
        <v>14997</v>
      </c>
      <c r="E3451" s="22">
        <v>44599</v>
      </c>
      <c r="F3451" s="22">
        <v>46424</v>
      </c>
      <c r="G3451" s="6" t="s">
        <v>14998</v>
      </c>
      <c r="H3451" s="6" t="s">
        <v>18</v>
      </c>
      <c r="I3451" s="6" t="s">
        <v>1691</v>
      </c>
      <c r="J3451" s="6" t="s">
        <v>17147</v>
      </c>
      <c r="K3451" s="9" t="s">
        <v>14999</v>
      </c>
      <c r="L3451" s="10" t="s">
        <v>22</v>
      </c>
      <c r="M3451" s="10" t="s">
        <v>22</v>
      </c>
      <c r="N3451" s="10" t="s">
        <v>22</v>
      </c>
      <c r="O3451" s="10" t="s">
        <v>22</v>
      </c>
      <c r="P3451" s="10" t="s">
        <v>22</v>
      </c>
      <c r="Q3451" s="10" t="s">
        <v>22</v>
      </c>
      <c r="R3451" s="10" t="s">
        <v>22</v>
      </c>
      <c r="S3451" s="10" t="s">
        <v>22</v>
      </c>
      <c r="T3451" s="10" t="s">
        <v>22</v>
      </c>
      <c r="U3451" s="10" t="s">
        <v>22</v>
      </c>
      <c r="V3451" s="10" t="s">
        <v>22</v>
      </c>
      <c r="W3451" s="10" t="s">
        <v>22</v>
      </c>
      <c r="X3451" s="10" t="s">
        <v>22</v>
      </c>
      <c r="Y3451" s="10" t="s">
        <v>22</v>
      </c>
      <c r="Z3451" s="10" t="s">
        <v>22</v>
      </c>
    </row>
    <row r="3452" spans="1:26" ht="24" customHeight="1" x14ac:dyDescent="0.2">
      <c r="A3452" s="9" t="s">
        <v>21342</v>
      </c>
      <c r="B3452" s="9" t="s">
        <v>13966</v>
      </c>
      <c r="C3452" s="9" t="s">
        <v>15000</v>
      </c>
      <c r="D3452" s="6" t="s">
        <v>21210</v>
      </c>
      <c r="E3452" s="22">
        <v>45644</v>
      </c>
      <c r="F3452" s="22">
        <v>47469</v>
      </c>
      <c r="G3452" s="6" t="s">
        <v>15001</v>
      </c>
      <c r="H3452" s="6" t="s">
        <v>18</v>
      </c>
      <c r="I3452" s="6" t="s">
        <v>172</v>
      </c>
      <c r="J3452" s="6" t="s">
        <v>15002</v>
      </c>
      <c r="L3452" s="10" t="s">
        <v>22</v>
      </c>
      <c r="M3452" s="10" t="s">
        <v>22</v>
      </c>
      <c r="N3452" s="10" t="s">
        <v>22</v>
      </c>
      <c r="O3452" s="10" t="s">
        <v>22</v>
      </c>
      <c r="P3452" s="10" t="s">
        <v>22</v>
      </c>
      <c r="Q3452" s="10" t="s">
        <v>22</v>
      </c>
      <c r="R3452" s="10" t="s">
        <v>22</v>
      </c>
      <c r="S3452" s="10" t="s">
        <v>22</v>
      </c>
      <c r="T3452" s="10" t="s">
        <v>22</v>
      </c>
      <c r="U3452" s="10" t="s">
        <v>22</v>
      </c>
      <c r="V3452" s="10" t="s">
        <v>22</v>
      </c>
      <c r="W3452" s="10" t="s">
        <v>22</v>
      </c>
      <c r="X3452" s="10" t="s">
        <v>22</v>
      </c>
      <c r="Y3452" s="10" t="s">
        <v>22</v>
      </c>
      <c r="Z3452" s="10" t="s">
        <v>22</v>
      </c>
    </row>
    <row r="3453" spans="1:26" ht="24" customHeight="1" x14ac:dyDescent="0.2">
      <c r="A3453" s="9" t="s">
        <v>20621</v>
      </c>
      <c r="B3453" s="9" t="s">
        <v>13966</v>
      </c>
      <c r="C3453" s="9" t="s">
        <v>15003</v>
      </c>
      <c r="D3453" s="6" t="s">
        <v>15004</v>
      </c>
      <c r="E3453" s="22">
        <v>44671</v>
      </c>
      <c r="F3453" s="22">
        <v>46496</v>
      </c>
      <c r="G3453" s="6" t="s">
        <v>15005</v>
      </c>
      <c r="H3453" s="6" t="s">
        <v>18</v>
      </c>
      <c r="I3453" s="6" t="s">
        <v>392</v>
      </c>
      <c r="J3453" s="6" t="s">
        <v>15006</v>
      </c>
      <c r="K3453" s="9" t="s">
        <v>15007</v>
      </c>
      <c r="L3453" s="10" t="s">
        <v>22</v>
      </c>
      <c r="M3453" s="10" t="s">
        <v>22</v>
      </c>
      <c r="N3453" s="10" t="s">
        <v>22</v>
      </c>
      <c r="O3453" s="10" t="s">
        <v>22</v>
      </c>
      <c r="P3453" s="10" t="s">
        <v>22</v>
      </c>
      <c r="Q3453" s="10" t="s">
        <v>22</v>
      </c>
      <c r="R3453" s="10" t="s">
        <v>22</v>
      </c>
      <c r="S3453" s="10" t="s">
        <v>22</v>
      </c>
      <c r="T3453" s="10" t="s">
        <v>22</v>
      </c>
      <c r="U3453" s="10" t="s">
        <v>22</v>
      </c>
      <c r="V3453" s="10" t="s">
        <v>22</v>
      </c>
      <c r="W3453" s="10" t="s">
        <v>22</v>
      </c>
      <c r="X3453" s="10" t="s">
        <v>22</v>
      </c>
      <c r="Y3453" s="10" t="s">
        <v>22</v>
      </c>
      <c r="Z3453" s="10" t="s">
        <v>22</v>
      </c>
    </row>
    <row r="3454" spans="1:26" ht="24" customHeight="1" x14ac:dyDescent="0.2">
      <c r="A3454" s="9" t="s">
        <v>20622</v>
      </c>
      <c r="B3454" s="9" t="s">
        <v>13966</v>
      </c>
      <c r="C3454" s="9" t="s">
        <v>1410</v>
      </c>
      <c r="D3454" s="6" t="s">
        <v>15008</v>
      </c>
      <c r="E3454" s="22">
        <v>44693</v>
      </c>
      <c r="F3454" s="22">
        <v>46518</v>
      </c>
      <c r="G3454" s="6" t="s">
        <v>15009</v>
      </c>
      <c r="H3454" s="6" t="s">
        <v>18</v>
      </c>
      <c r="I3454" s="6" t="s">
        <v>172</v>
      </c>
      <c r="J3454" s="6" t="s">
        <v>15010</v>
      </c>
      <c r="K3454" s="9" t="s">
        <v>15011</v>
      </c>
      <c r="L3454" s="10" t="s">
        <v>22</v>
      </c>
      <c r="M3454" s="10" t="s">
        <v>22</v>
      </c>
      <c r="N3454" s="10" t="s">
        <v>22</v>
      </c>
      <c r="O3454" s="10" t="s">
        <v>22</v>
      </c>
      <c r="P3454" s="10" t="s">
        <v>22</v>
      </c>
      <c r="Q3454" s="10" t="s">
        <v>22</v>
      </c>
      <c r="R3454" s="10" t="s">
        <v>22</v>
      </c>
      <c r="S3454" s="10" t="s">
        <v>22</v>
      </c>
      <c r="T3454" s="10" t="s">
        <v>22</v>
      </c>
      <c r="U3454" s="10" t="s">
        <v>22</v>
      </c>
      <c r="V3454" s="10" t="s">
        <v>22</v>
      </c>
      <c r="W3454" s="10" t="s">
        <v>22</v>
      </c>
      <c r="X3454" s="10" t="s">
        <v>22</v>
      </c>
      <c r="Y3454" s="10" t="s">
        <v>22</v>
      </c>
      <c r="Z3454" s="10" t="s">
        <v>22</v>
      </c>
    </row>
    <row r="3455" spans="1:26" ht="24" customHeight="1" x14ac:dyDescent="0.2">
      <c r="A3455" s="9" t="s">
        <v>20623</v>
      </c>
      <c r="B3455" s="9" t="s">
        <v>13966</v>
      </c>
      <c r="C3455" s="9" t="s">
        <v>15012</v>
      </c>
      <c r="D3455" s="6" t="s">
        <v>15013</v>
      </c>
      <c r="E3455" s="22">
        <v>44707</v>
      </c>
      <c r="F3455" s="22">
        <v>46532</v>
      </c>
      <c r="G3455" s="6" t="s">
        <v>15014</v>
      </c>
      <c r="H3455" s="6" t="s">
        <v>18</v>
      </c>
      <c r="I3455" s="6" t="s">
        <v>1145</v>
      </c>
      <c r="J3455" s="6" t="s">
        <v>15015</v>
      </c>
      <c r="K3455" s="9" t="s">
        <v>15016</v>
      </c>
      <c r="L3455" s="10" t="s">
        <v>22</v>
      </c>
      <c r="M3455" s="10" t="s">
        <v>22</v>
      </c>
      <c r="N3455" s="10" t="s">
        <v>22</v>
      </c>
      <c r="O3455" s="10" t="s">
        <v>22</v>
      </c>
      <c r="P3455" s="10" t="s">
        <v>22</v>
      </c>
      <c r="Q3455" s="10" t="s">
        <v>22</v>
      </c>
      <c r="R3455" s="10" t="s">
        <v>22</v>
      </c>
      <c r="S3455" s="10" t="s">
        <v>22</v>
      </c>
      <c r="T3455" s="10" t="s">
        <v>22</v>
      </c>
      <c r="U3455" s="10" t="s">
        <v>22</v>
      </c>
      <c r="V3455" s="10" t="s">
        <v>22</v>
      </c>
      <c r="W3455" s="10" t="s">
        <v>22</v>
      </c>
      <c r="X3455" s="10" t="s">
        <v>22</v>
      </c>
      <c r="Y3455" s="10" t="s">
        <v>22</v>
      </c>
      <c r="Z3455" s="10" t="s">
        <v>22</v>
      </c>
    </row>
    <row r="3456" spans="1:26" ht="24" customHeight="1" x14ac:dyDescent="0.2">
      <c r="A3456" s="9" t="s">
        <v>20624</v>
      </c>
      <c r="B3456" s="9" t="s">
        <v>13966</v>
      </c>
      <c r="C3456" s="9" t="s">
        <v>1415</v>
      </c>
      <c r="D3456" s="6" t="s">
        <v>15017</v>
      </c>
      <c r="E3456" s="22">
        <v>44825</v>
      </c>
      <c r="F3456" s="22">
        <v>46650</v>
      </c>
      <c r="G3456" s="6" t="s">
        <v>15018</v>
      </c>
      <c r="H3456" s="6" t="s">
        <v>18</v>
      </c>
      <c r="I3456" s="6" t="s">
        <v>5029</v>
      </c>
      <c r="J3456" s="6" t="s">
        <v>15019</v>
      </c>
      <c r="K3456" s="9" t="s">
        <v>15020</v>
      </c>
      <c r="L3456" s="10" t="s">
        <v>22</v>
      </c>
      <c r="M3456" s="10" t="s">
        <v>22</v>
      </c>
      <c r="N3456" s="10" t="s">
        <v>22</v>
      </c>
      <c r="O3456" s="10" t="s">
        <v>22</v>
      </c>
      <c r="P3456" s="10" t="s">
        <v>22</v>
      </c>
      <c r="Q3456" s="10" t="s">
        <v>22</v>
      </c>
      <c r="R3456" s="10" t="s">
        <v>22</v>
      </c>
      <c r="S3456" s="10" t="s">
        <v>22</v>
      </c>
      <c r="T3456" s="10" t="s">
        <v>22</v>
      </c>
      <c r="U3456" s="10" t="s">
        <v>22</v>
      </c>
      <c r="V3456" s="10" t="s">
        <v>22</v>
      </c>
      <c r="W3456" s="10" t="s">
        <v>22</v>
      </c>
      <c r="X3456" s="10" t="s">
        <v>22</v>
      </c>
      <c r="Y3456" s="10" t="s">
        <v>22</v>
      </c>
      <c r="Z3456" s="10" t="s">
        <v>22</v>
      </c>
    </row>
    <row r="3457" spans="1:26" ht="24" customHeight="1" x14ac:dyDescent="0.2">
      <c r="A3457" s="9" t="s">
        <v>20625</v>
      </c>
      <c r="B3457" s="9" t="s">
        <v>13966</v>
      </c>
      <c r="C3457" s="9" t="s">
        <v>1415</v>
      </c>
      <c r="D3457" s="6" t="s">
        <v>15017</v>
      </c>
      <c r="E3457" s="22">
        <v>44825</v>
      </c>
      <c r="F3457" s="22">
        <v>46650</v>
      </c>
      <c r="G3457" s="6" t="s">
        <v>15021</v>
      </c>
      <c r="H3457" s="6" t="s">
        <v>18</v>
      </c>
      <c r="I3457" s="6" t="s">
        <v>1691</v>
      </c>
      <c r="J3457" s="6" t="s">
        <v>15022</v>
      </c>
      <c r="K3457" s="9" t="s">
        <v>15023</v>
      </c>
      <c r="L3457" s="10" t="s">
        <v>22</v>
      </c>
      <c r="M3457" s="10" t="s">
        <v>22</v>
      </c>
      <c r="N3457" s="10" t="s">
        <v>22</v>
      </c>
      <c r="O3457" s="10" t="s">
        <v>22</v>
      </c>
      <c r="P3457" s="10" t="s">
        <v>22</v>
      </c>
      <c r="Q3457" s="10" t="s">
        <v>22</v>
      </c>
      <c r="R3457" s="10" t="s">
        <v>22</v>
      </c>
      <c r="S3457" s="10" t="s">
        <v>22</v>
      </c>
      <c r="T3457" s="10" t="s">
        <v>22</v>
      </c>
      <c r="U3457" s="10" t="s">
        <v>22</v>
      </c>
      <c r="V3457" s="10" t="s">
        <v>22</v>
      </c>
      <c r="W3457" s="10" t="s">
        <v>22</v>
      </c>
      <c r="X3457" s="10" t="s">
        <v>22</v>
      </c>
      <c r="Y3457" s="10" t="s">
        <v>22</v>
      </c>
      <c r="Z3457" s="10" t="s">
        <v>22</v>
      </c>
    </row>
    <row r="3458" spans="1:26" ht="24" customHeight="1" x14ac:dyDescent="0.2">
      <c r="A3458" s="9" t="s">
        <v>20626</v>
      </c>
      <c r="B3458" s="9" t="s">
        <v>13966</v>
      </c>
      <c r="C3458" s="9" t="s">
        <v>15024</v>
      </c>
      <c r="D3458" s="6" t="s">
        <v>15025</v>
      </c>
      <c r="E3458" s="22">
        <v>44763</v>
      </c>
      <c r="F3458" s="22">
        <v>46588</v>
      </c>
      <c r="G3458" s="6" t="s">
        <v>15026</v>
      </c>
      <c r="H3458" s="6" t="s">
        <v>18</v>
      </c>
      <c r="I3458" s="6" t="s">
        <v>1691</v>
      </c>
      <c r="J3458" s="6" t="s">
        <v>15027</v>
      </c>
      <c r="K3458" s="9" t="s">
        <v>15028</v>
      </c>
      <c r="L3458" s="10" t="s">
        <v>22</v>
      </c>
      <c r="M3458" s="10" t="s">
        <v>22</v>
      </c>
      <c r="N3458" s="10" t="s">
        <v>22</v>
      </c>
      <c r="O3458" s="10" t="s">
        <v>22</v>
      </c>
      <c r="P3458" s="10" t="s">
        <v>22</v>
      </c>
      <c r="Q3458" s="10" t="s">
        <v>22</v>
      </c>
      <c r="R3458" s="10" t="s">
        <v>22</v>
      </c>
      <c r="S3458" s="10" t="s">
        <v>22</v>
      </c>
      <c r="T3458" s="10" t="s">
        <v>22</v>
      </c>
    </row>
    <row r="3459" spans="1:26" ht="24" customHeight="1" x14ac:dyDescent="0.2">
      <c r="A3459" s="9" t="s">
        <v>20627</v>
      </c>
      <c r="B3459" s="9" t="s">
        <v>13966</v>
      </c>
      <c r="C3459" s="9" t="s">
        <v>1420</v>
      </c>
      <c r="D3459" s="6" t="s">
        <v>15029</v>
      </c>
      <c r="E3459" s="22">
        <v>44777</v>
      </c>
      <c r="F3459" s="22">
        <v>46602</v>
      </c>
      <c r="G3459" s="6" t="s">
        <v>15030</v>
      </c>
      <c r="H3459" s="6" t="s">
        <v>18</v>
      </c>
      <c r="I3459" s="6" t="s">
        <v>1194</v>
      </c>
      <c r="J3459" s="6" t="s">
        <v>15031</v>
      </c>
      <c r="K3459" s="9" t="s">
        <v>15032</v>
      </c>
      <c r="L3459" s="10" t="s">
        <v>22</v>
      </c>
      <c r="M3459" s="10" t="s">
        <v>22</v>
      </c>
      <c r="N3459" s="10" t="s">
        <v>22</v>
      </c>
      <c r="O3459" s="10" t="s">
        <v>22</v>
      </c>
      <c r="P3459" s="10" t="s">
        <v>22</v>
      </c>
      <c r="Q3459" s="10" t="s">
        <v>22</v>
      </c>
      <c r="R3459" s="10" t="s">
        <v>22</v>
      </c>
      <c r="S3459" s="10" t="s">
        <v>22</v>
      </c>
      <c r="T3459" s="10" t="s">
        <v>22</v>
      </c>
      <c r="U3459" s="10" t="s">
        <v>22</v>
      </c>
      <c r="V3459" s="10" t="s">
        <v>22</v>
      </c>
      <c r="W3459" s="10" t="s">
        <v>22</v>
      </c>
      <c r="X3459" s="10" t="s">
        <v>22</v>
      </c>
      <c r="Y3459" s="10" t="s">
        <v>22</v>
      </c>
      <c r="Z3459" s="10" t="s">
        <v>22</v>
      </c>
    </row>
    <row r="3460" spans="1:26" ht="24" customHeight="1" x14ac:dyDescent="0.2">
      <c r="A3460" s="9" t="s">
        <v>20628</v>
      </c>
      <c r="B3460" s="9" t="s">
        <v>13966</v>
      </c>
      <c r="C3460" s="9" t="s">
        <v>1425</v>
      </c>
      <c r="D3460" s="6" t="s">
        <v>15033</v>
      </c>
      <c r="E3460" s="22">
        <v>44782</v>
      </c>
      <c r="F3460" s="22">
        <v>46607</v>
      </c>
      <c r="G3460" s="6" t="s">
        <v>15034</v>
      </c>
      <c r="H3460" s="6" t="s">
        <v>18</v>
      </c>
      <c r="I3460" s="6" t="s">
        <v>1691</v>
      </c>
      <c r="J3460" s="6" t="s">
        <v>15035</v>
      </c>
      <c r="K3460" s="9" t="s">
        <v>15036</v>
      </c>
      <c r="L3460" s="10" t="s">
        <v>22</v>
      </c>
      <c r="M3460" s="10" t="s">
        <v>22</v>
      </c>
      <c r="N3460" s="10" t="s">
        <v>22</v>
      </c>
      <c r="O3460" s="10" t="s">
        <v>22</v>
      </c>
      <c r="P3460" s="10" t="s">
        <v>22</v>
      </c>
      <c r="Q3460" s="10" t="s">
        <v>22</v>
      </c>
    </row>
    <row r="3461" spans="1:26" ht="24" customHeight="1" x14ac:dyDescent="0.2">
      <c r="A3461" s="9" t="s">
        <v>20629</v>
      </c>
      <c r="B3461" s="9" t="s">
        <v>13966</v>
      </c>
      <c r="C3461" s="9" t="s">
        <v>1430</v>
      </c>
      <c r="D3461" s="6" t="s">
        <v>15037</v>
      </c>
      <c r="E3461" s="22">
        <v>44805</v>
      </c>
      <c r="F3461" s="22">
        <v>46630</v>
      </c>
      <c r="G3461" s="6" t="s">
        <v>15038</v>
      </c>
      <c r="H3461" s="6" t="s">
        <v>18</v>
      </c>
      <c r="I3461" s="6" t="s">
        <v>392</v>
      </c>
      <c r="J3461" s="6" t="s">
        <v>15039</v>
      </c>
      <c r="K3461" s="9" t="s">
        <v>15040</v>
      </c>
      <c r="L3461" s="10" t="s">
        <v>22</v>
      </c>
      <c r="M3461" s="10" t="s">
        <v>22</v>
      </c>
      <c r="N3461" s="10" t="s">
        <v>22</v>
      </c>
      <c r="O3461" s="10" t="s">
        <v>22</v>
      </c>
      <c r="P3461" s="10" t="s">
        <v>22</v>
      </c>
      <c r="Q3461" s="10" t="s">
        <v>22</v>
      </c>
      <c r="R3461" s="10" t="s">
        <v>22</v>
      </c>
      <c r="S3461" s="10" t="s">
        <v>22</v>
      </c>
      <c r="T3461" s="10" t="s">
        <v>22</v>
      </c>
      <c r="U3461" s="10" t="s">
        <v>22</v>
      </c>
      <c r="V3461" s="10" t="s">
        <v>22</v>
      </c>
      <c r="W3461" s="10" t="s">
        <v>22</v>
      </c>
      <c r="X3461" s="10" t="s">
        <v>22</v>
      </c>
      <c r="Y3461" s="10" t="s">
        <v>22</v>
      </c>
      <c r="Z3461" s="10" t="s">
        <v>22</v>
      </c>
    </row>
    <row r="3462" spans="1:26" ht="24" customHeight="1" x14ac:dyDescent="0.2">
      <c r="A3462" s="9" t="s">
        <v>20630</v>
      </c>
      <c r="B3462" s="9" t="s">
        <v>13966</v>
      </c>
      <c r="C3462" s="9" t="s">
        <v>1436</v>
      </c>
      <c r="D3462" s="6" t="s">
        <v>15041</v>
      </c>
      <c r="E3462" s="22">
        <v>44810</v>
      </c>
      <c r="F3462" s="22">
        <v>46635</v>
      </c>
      <c r="G3462" s="6" t="s">
        <v>15042</v>
      </c>
      <c r="H3462" s="6" t="s">
        <v>18</v>
      </c>
      <c r="I3462" s="6" t="s">
        <v>1145</v>
      </c>
      <c r="J3462" s="6" t="s">
        <v>15043</v>
      </c>
      <c r="K3462" s="9" t="s">
        <v>15044</v>
      </c>
      <c r="L3462" s="10" t="s">
        <v>22</v>
      </c>
      <c r="M3462" s="10" t="s">
        <v>22</v>
      </c>
      <c r="N3462" s="10" t="s">
        <v>22</v>
      </c>
      <c r="O3462" s="10" t="s">
        <v>22</v>
      </c>
      <c r="P3462" s="10" t="s">
        <v>22</v>
      </c>
      <c r="Q3462" s="10" t="s">
        <v>22</v>
      </c>
      <c r="R3462" s="10" t="s">
        <v>22</v>
      </c>
      <c r="S3462" s="10" t="s">
        <v>22</v>
      </c>
      <c r="T3462" s="10" t="s">
        <v>22</v>
      </c>
      <c r="U3462" s="10" t="s">
        <v>22</v>
      </c>
      <c r="V3462" s="10" t="s">
        <v>22</v>
      </c>
      <c r="W3462" s="10" t="s">
        <v>22</v>
      </c>
      <c r="X3462" s="10" t="s">
        <v>22</v>
      </c>
      <c r="Y3462" s="10" t="s">
        <v>22</v>
      </c>
      <c r="Z3462" s="10" t="s">
        <v>22</v>
      </c>
    </row>
    <row r="3463" spans="1:26" ht="24" customHeight="1" x14ac:dyDescent="0.2">
      <c r="A3463" s="9" t="s">
        <v>20631</v>
      </c>
      <c r="B3463" s="9" t="s">
        <v>13966</v>
      </c>
      <c r="C3463" s="9" t="s">
        <v>17148</v>
      </c>
      <c r="D3463" s="6" t="s">
        <v>15045</v>
      </c>
      <c r="E3463" s="22">
        <v>44812</v>
      </c>
      <c r="F3463" s="22">
        <v>46637</v>
      </c>
      <c r="G3463" s="6" t="s">
        <v>15046</v>
      </c>
      <c r="H3463" s="6" t="s">
        <v>18</v>
      </c>
      <c r="I3463" s="6" t="s">
        <v>392</v>
      </c>
      <c r="J3463" s="6" t="s">
        <v>15047</v>
      </c>
      <c r="K3463" s="9" t="s">
        <v>15048</v>
      </c>
      <c r="L3463" s="10" t="s">
        <v>22</v>
      </c>
      <c r="M3463" s="10" t="s">
        <v>22</v>
      </c>
      <c r="N3463" s="10" t="s">
        <v>22</v>
      </c>
      <c r="O3463" s="10" t="s">
        <v>22</v>
      </c>
      <c r="P3463" s="10" t="s">
        <v>22</v>
      </c>
      <c r="Q3463" s="10" t="s">
        <v>22</v>
      </c>
      <c r="R3463" s="10" t="s">
        <v>22</v>
      </c>
      <c r="S3463" s="10" t="s">
        <v>22</v>
      </c>
      <c r="T3463" s="10" t="s">
        <v>22</v>
      </c>
    </row>
    <row r="3464" spans="1:26" ht="24" customHeight="1" x14ac:dyDescent="0.2">
      <c r="A3464" s="9" t="s">
        <v>20632</v>
      </c>
      <c r="B3464" s="9" t="s">
        <v>13966</v>
      </c>
      <c r="C3464" s="9" t="s">
        <v>17149</v>
      </c>
      <c r="D3464" s="6" t="s">
        <v>15049</v>
      </c>
      <c r="E3464" s="22">
        <v>44825</v>
      </c>
      <c r="F3464" s="22">
        <v>46650</v>
      </c>
      <c r="G3464" s="6" t="s">
        <v>15050</v>
      </c>
      <c r="H3464" s="6" t="s">
        <v>18</v>
      </c>
      <c r="I3464" s="6" t="s">
        <v>1145</v>
      </c>
      <c r="J3464" s="6" t="s">
        <v>15051</v>
      </c>
      <c r="K3464" s="9" t="s">
        <v>15052</v>
      </c>
      <c r="L3464" s="10" t="s">
        <v>22</v>
      </c>
      <c r="M3464" s="10" t="s">
        <v>22</v>
      </c>
      <c r="N3464" s="10" t="s">
        <v>22</v>
      </c>
      <c r="O3464" s="10" t="s">
        <v>22</v>
      </c>
      <c r="P3464" s="10" t="s">
        <v>22</v>
      </c>
      <c r="Q3464" s="10" t="s">
        <v>22</v>
      </c>
      <c r="R3464" s="10" t="s">
        <v>22</v>
      </c>
      <c r="S3464" s="10" t="s">
        <v>22</v>
      </c>
      <c r="T3464" s="10" t="s">
        <v>22</v>
      </c>
      <c r="U3464" s="10" t="s">
        <v>22</v>
      </c>
      <c r="V3464" s="10" t="s">
        <v>22</v>
      </c>
      <c r="W3464" s="10" t="s">
        <v>22</v>
      </c>
      <c r="X3464" s="10" t="s">
        <v>22</v>
      </c>
      <c r="Y3464" s="10" t="s">
        <v>22</v>
      </c>
      <c r="Z3464" s="10" t="s">
        <v>22</v>
      </c>
    </row>
    <row r="3465" spans="1:26" ht="24" customHeight="1" x14ac:dyDescent="0.2">
      <c r="A3465" s="9" t="s">
        <v>20633</v>
      </c>
      <c r="B3465" s="9" t="s">
        <v>13966</v>
      </c>
      <c r="C3465" s="9" t="s">
        <v>17150</v>
      </c>
      <c r="D3465" s="6" t="s">
        <v>15053</v>
      </c>
      <c r="E3465" s="22">
        <v>44866</v>
      </c>
      <c r="F3465" s="22">
        <v>46691</v>
      </c>
      <c r="G3465" s="6" t="s">
        <v>15054</v>
      </c>
      <c r="H3465" s="6" t="s">
        <v>18</v>
      </c>
      <c r="I3465" s="6" t="s">
        <v>1145</v>
      </c>
      <c r="J3465" s="6" t="s">
        <v>15055</v>
      </c>
      <c r="K3465" s="9" t="s">
        <v>15056</v>
      </c>
      <c r="L3465" s="10" t="s">
        <v>22</v>
      </c>
      <c r="M3465" s="10" t="s">
        <v>22</v>
      </c>
      <c r="N3465" s="10" t="s">
        <v>22</v>
      </c>
      <c r="O3465" s="10" t="s">
        <v>22</v>
      </c>
      <c r="P3465" s="10" t="s">
        <v>22</v>
      </c>
      <c r="Q3465" s="10" t="s">
        <v>22</v>
      </c>
      <c r="U3465" s="10" t="s">
        <v>22</v>
      </c>
      <c r="V3465" s="10" t="s">
        <v>22</v>
      </c>
      <c r="W3465" s="10" t="s">
        <v>22</v>
      </c>
      <c r="X3465" s="10" t="s">
        <v>22</v>
      </c>
      <c r="Y3465" s="10" t="s">
        <v>22</v>
      </c>
      <c r="Z3465" s="10" t="s">
        <v>22</v>
      </c>
    </row>
    <row r="3466" spans="1:26" ht="24" customHeight="1" x14ac:dyDescent="0.2">
      <c r="A3466" s="9" t="s">
        <v>20634</v>
      </c>
      <c r="B3466" s="9" t="s">
        <v>13966</v>
      </c>
      <c r="C3466" s="9" t="s">
        <v>1441</v>
      </c>
      <c r="D3466" s="6" t="s">
        <v>15057</v>
      </c>
      <c r="E3466" s="22">
        <v>44869</v>
      </c>
      <c r="F3466" s="22">
        <v>46694</v>
      </c>
      <c r="G3466" s="6" t="s">
        <v>15058</v>
      </c>
      <c r="H3466" s="6" t="s">
        <v>18</v>
      </c>
      <c r="I3466" s="6" t="s">
        <v>1691</v>
      </c>
      <c r="J3466" s="6" t="s">
        <v>15059</v>
      </c>
      <c r="K3466" s="9" t="s">
        <v>15060</v>
      </c>
      <c r="L3466" s="10" t="s">
        <v>22</v>
      </c>
      <c r="M3466" s="10" t="s">
        <v>22</v>
      </c>
      <c r="N3466" s="10" t="s">
        <v>22</v>
      </c>
      <c r="O3466" s="10" t="s">
        <v>22</v>
      </c>
      <c r="P3466" s="10" t="s">
        <v>22</v>
      </c>
      <c r="Q3466" s="10" t="s">
        <v>22</v>
      </c>
      <c r="R3466" s="10" t="s">
        <v>22</v>
      </c>
      <c r="S3466" s="10" t="s">
        <v>22</v>
      </c>
      <c r="T3466" s="10" t="s">
        <v>22</v>
      </c>
      <c r="U3466" s="10" t="s">
        <v>22</v>
      </c>
      <c r="V3466" s="10" t="s">
        <v>22</v>
      </c>
      <c r="W3466" s="10" t="s">
        <v>22</v>
      </c>
      <c r="X3466" s="10" t="s">
        <v>22</v>
      </c>
      <c r="Y3466" s="10" t="s">
        <v>22</v>
      </c>
      <c r="Z3466" s="10" t="s">
        <v>22</v>
      </c>
    </row>
    <row r="3467" spans="1:26" ht="24" customHeight="1" x14ac:dyDescent="0.2">
      <c r="A3467" s="9" t="s">
        <v>20635</v>
      </c>
      <c r="B3467" s="9" t="s">
        <v>13966</v>
      </c>
      <c r="C3467" s="9" t="s">
        <v>1447</v>
      </c>
      <c r="D3467" s="6" t="s">
        <v>15061</v>
      </c>
      <c r="E3467" s="22">
        <v>44901</v>
      </c>
      <c r="F3467" s="22">
        <v>46726</v>
      </c>
      <c r="G3467" s="6" t="s">
        <v>15062</v>
      </c>
      <c r="H3467" s="6" t="s">
        <v>18</v>
      </c>
      <c r="I3467" s="6" t="s">
        <v>1145</v>
      </c>
      <c r="J3467" s="6" t="s">
        <v>15063</v>
      </c>
      <c r="K3467" s="9" t="s">
        <v>15064</v>
      </c>
      <c r="L3467" s="10" t="s">
        <v>22</v>
      </c>
      <c r="M3467" s="10" t="s">
        <v>22</v>
      </c>
      <c r="N3467" s="10" t="s">
        <v>22</v>
      </c>
      <c r="O3467" s="10" t="s">
        <v>22</v>
      </c>
      <c r="P3467" s="10" t="s">
        <v>22</v>
      </c>
      <c r="Q3467" s="10" t="s">
        <v>22</v>
      </c>
      <c r="R3467" s="10" t="s">
        <v>22</v>
      </c>
      <c r="S3467" s="10" t="s">
        <v>22</v>
      </c>
      <c r="T3467" s="10" t="s">
        <v>22</v>
      </c>
      <c r="U3467" s="10" t="s">
        <v>22</v>
      </c>
      <c r="V3467" s="10" t="s">
        <v>22</v>
      </c>
      <c r="W3467" s="10" t="s">
        <v>22</v>
      </c>
      <c r="X3467" s="10" t="s">
        <v>22</v>
      </c>
      <c r="Y3467" s="10" t="s">
        <v>22</v>
      </c>
      <c r="Z3467" s="10" t="s">
        <v>22</v>
      </c>
    </row>
    <row r="3468" spans="1:26" ht="24" customHeight="1" x14ac:dyDescent="0.2">
      <c r="A3468" s="9" t="s">
        <v>20636</v>
      </c>
      <c r="B3468" s="9" t="s">
        <v>13966</v>
      </c>
      <c r="C3468" s="9" t="s">
        <v>1452</v>
      </c>
      <c r="D3468" s="6" t="s">
        <v>15065</v>
      </c>
      <c r="E3468" s="22">
        <v>44930</v>
      </c>
      <c r="F3468" s="22">
        <v>46755</v>
      </c>
      <c r="G3468" s="6" t="s">
        <v>15066</v>
      </c>
      <c r="H3468" s="6" t="s">
        <v>18</v>
      </c>
      <c r="I3468" s="6" t="s">
        <v>1194</v>
      </c>
      <c r="J3468" s="6" t="s">
        <v>15067</v>
      </c>
      <c r="K3468" s="9" t="s">
        <v>15068</v>
      </c>
      <c r="O3468" s="10" t="s">
        <v>22</v>
      </c>
      <c r="P3468" s="10" t="s">
        <v>22</v>
      </c>
      <c r="Q3468" s="10" t="s">
        <v>22</v>
      </c>
      <c r="X3468" s="10" t="s">
        <v>22</v>
      </c>
      <c r="Y3468" s="10" t="s">
        <v>22</v>
      </c>
      <c r="Z3468" s="10" t="s">
        <v>22</v>
      </c>
    </row>
    <row r="3469" spans="1:26" ht="24" customHeight="1" x14ac:dyDescent="0.2">
      <c r="A3469" s="9" t="s">
        <v>20637</v>
      </c>
      <c r="B3469" s="9" t="s">
        <v>13966</v>
      </c>
      <c r="C3469" s="9" t="s">
        <v>17151</v>
      </c>
      <c r="D3469" s="6" t="s">
        <v>15069</v>
      </c>
      <c r="E3469" s="22">
        <v>44930</v>
      </c>
      <c r="F3469" s="22">
        <v>46755</v>
      </c>
      <c r="G3469" s="6" t="s">
        <v>15070</v>
      </c>
      <c r="H3469" s="6" t="s">
        <v>18</v>
      </c>
      <c r="I3469" s="6" t="s">
        <v>1145</v>
      </c>
      <c r="J3469" s="6" t="s">
        <v>15071</v>
      </c>
      <c r="L3469" s="10" t="s">
        <v>22</v>
      </c>
      <c r="M3469" s="10" t="s">
        <v>22</v>
      </c>
      <c r="N3469" s="10" t="s">
        <v>22</v>
      </c>
      <c r="O3469" s="10" t="s">
        <v>22</v>
      </c>
      <c r="P3469" s="10" t="s">
        <v>22</v>
      </c>
      <c r="Q3469" s="10" t="s">
        <v>22</v>
      </c>
      <c r="U3469" s="10" t="s">
        <v>22</v>
      </c>
      <c r="V3469" s="10" t="s">
        <v>22</v>
      </c>
      <c r="W3469" s="10" t="s">
        <v>22</v>
      </c>
      <c r="X3469" s="10" t="s">
        <v>22</v>
      </c>
      <c r="Y3469" s="10" t="s">
        <v>22</v>
      </c>
      <c r="Z3469" s="10" t="s">
        <v>22</v>
      </c>
    </row>
    <row r="3470" spans="1:26" ht="24" customHeight="1" x14ac:dyDescent="0.2">
      <c r="A3470" s="9" t="s">
        <v>20638</v>
      </c>
      <c r="B3470" s="9" t="s">
        <v>13966</v>
      </c>
      <c r="C3470" s="9" t="s">
        <v>17152</v>
      </c>
      <c r="D3470" s="6" t="s">
        <v>15072</v>
      </c>
      <c r="E3470" s="22">
        <v>44978</v>
      </c>
      <c r="F3470" s="22">
        <v>46803</v>
      </c>
      <c r="G3470" s="6" t="s">
        <v>15073</v>
      </c>
      <c r="H3470" s="6" t="s">
        <v>18</v>
      </c>
      <c r="I3470" s="6" t="s">
        <v>10786</v>
      </c>
      <c r="J3470" s="6" t="s">
        <v>15074</v>
      </c>
      <c r="K3470" s="9" t="s">
        <v>15075</v>
      </c>
      <c r="L3470" s="10" t="s">
        <v>22</v>
      </c>
      <c r="M3470" s="10" t="s">
        <v>22</v>
      </c>
      <c r="N3470" s="10" t="s">
        <v>22</v>
      </c>
      <c r="O3470" s="10" t="s">
        <v>22</v>
      </c>
      <c r="P3470" s="10" t="s">
        <v>22</v>
      </c>
      <c r="Q3470" s="10" t="s">
        <v>22</v>
      </c>
      <c r="U3470" s="10" t="s">
        <v>22</v>
      </c>
      <c r="V3470" s="10" t="s">
        <v>22</v>
      </c>
      <c r="W3470" s="10" t="s">
        <v>22</v>
      </c>
      <c r="X3470" s="10" t="s">
        <v>22</v>
      </c>
      <c r="Y3470" s="10" t="s">
        <v>22</v>
      </c>
      <c r="Z3470" s="10" t="s">
        <v>22</v>
      </c>
    </row>
    <row r="3471" spans="1:26" ht="24" customHeight="1" x14ac:dyDescent="0.2">
      <c r="A3471" s="9" t="s">
        <v>20639</v>
      </c>
      <c r="B3471" s="9" t="s">
        <v>13966</v>
      </c>
      <c r="C3471" s="9" t="s">
        <v>1457</v>
      </c>
      <c r="D3471" s="6" t="s">
        <v>15076</v>
      </c>
      <c r="E3471" s="22">
        <v>44978</v>
      </c>
      <c r="F3471" s="22">
        <v>46803</v>
      </c>
      <c r="G3471" s="6" t="s">
        <v>15077</v>
      </c>
      <c r="H3471" s="6" t="s">
        <v>18</v>
      </c>
      <c r="I3471" s="6" t="s">
        <v>1691</v>
      </c>
      <c r="J3471" s="6" t="s">
        <v>15078</v>
      </c>
      <c r="L3471" s="10" t="s">
        <v>22</v>
      </c>
      <c r="M3471" s="10" t="s">
        <v>22</v>
      </c>
      <c r="N3471" s="10" t="s">
        <v>22</v>
      </c>
    </row>
    <row r="3472" spans="1:26" ht="24" customHeight="1" x14ac:dyDescent="0.2">
      <c r="A3472" s="9" t="s">
        <v>20640</v>
      </c>
      <c r="B3472" s="9" t="s">
        <v>13966</v>
      </c>
      <c r="C3472" s="9" t="s">
        <v>15079</v>
      </c>
      <c r="D3472" s="6" t="s">
        <v>15080</v>
      </c>
      <c r="E3472" s="22">
        <v>44993</v>
      </c>
      <c r="F3472" s="22">
        <v>46819</v>
      </c>
      <c r="G3472" s="6" t="s">
        <v>15081</v>
      </c>
      <c r="H3472" s="6" t="s">
        <v>18</v>
      </c>
      <c r="I3472" s="6" t="s">
        <v>5029</v>
      </c>
      <c r="J3472" s="6" t="s">
        <v>15082</v>
      </c>
      <c r="L3472" s="10" t="s">
        <v>22</v>
      </c>
      <c r="M3472" s="10" t="s">
        <v>22</v>
      </c>
      <c r="N3472" s="10" t="s">
        <v>22</v>
      </c>
    </row>
    <row r="3473" spans="1:26" ht="24" customHeight="1" x14ac:dyDescent="0.2">
      <c r="A3473" s="9" t="s">
        <v>20641</v>
      </c>
      <c r="B3473" s="9" t="s">
        <v>13966</v>
      </c>
      <c r="C3473" s="9" t="s">
        <v>1462</v>
      </c>
      <c r="D3473" s="6" t="s">
        <v>15083</v>
      </c>
      <c r="E3473" s="22">
        <v>45000</v>
      </c>
      <c r="F3473" s="22">
        <v>46826</v>
      </c>
      <c r="G3473" s="6" t="s">
        <v>15084</v>
      </c>
      <c r="H3473" s="6" t="s">
        <v>18</v>
      </c>
      <c r="I3473" s="6" t="s">
        <v>5029</v>
      </c>
      <c r="J3473" s="6" t="s">
        <v>15085</v>
      </c>
      <c r="K3473" s="9" t="s">
        <v>15086</v>
      </c>
      <c r="L3473" s="10" t="s">
        <v>22</v>
      </c>
      <c r="M3473" s="10" t="s">
        <v>22</v>
      </c>
      <c r="N3473" s="10" t="s">
        <v>22</v>
      </c>
      <c r="O3473" s="10" t="s">
        <v>22</v>
      </c>
      <c r="P3473" s="10" t="s">
        <v>22</v>
      </c>
      <c r="Q3473" s="10" t="s">
        <v>22</v>
      </c>
      <c r="R3473" s="10" t="s">
        <v>22</v>
      </c>
      <c r="S3473" s="10" t="s">
        <v>22</v>
      </c>
      <c r="T3473" s="10" t="s">
        <v>22</v>
      </c>
    </row>
    <row r="3474" spans="1:26" ht="24" customHeight="1" x14ac:dyDescent="0.2">
      <c r="A3474" s="9" t="s">
        <v>20642</v>
      </c>
      <c r="B3474" s="9" t="s">
        <v>13966</v>
      </c>
      <c r="C3474" s="9" t="s">
        <v>15087</v>
      </c>
      <c r="D3474" s="6" t="s">
        <v>15088</v>
      </c>
      <c r="E3474" s="22">
        <v>45007</v>
      </c>
      <c r="F3474" s="22">
        <v>46833</v>
      </c>
      <c r="G3474" s="6" t="s">
        <v>15089</v>
      </c>
      <c r="H3474" s="6" t="s">
        <v>18</v>
      </c>
      <c r="I3474" s="6" t="s">
        <v>1145</v>
      </c>
      <c r="J3474" s="6" t="s">
        <v>15090</v>
      </c>
      <c r="K3474" s="9" t="s">
        <v>15091</v>
      </c>
      <c r="L3474" s="10" t="s">
        <v>22</v>
      </c>
      <c r="M3474" s="10" t="s">
        <v>22</v>
      </c>
      <c r="N3474" s="10" t="s">
        <v>22</v>
      </c>
      <c r="O3474" s="10" t="s">
        <v>22</v>
      </c>
      <c r="P3474" s="10" t="s">
        <v>22</v>
      </c>
      <c r="Q3474" s="10" t="s">
        <v>22</v>
      </c>
      <c r="R3474" s="10" t="s">
        <v>22</v>
      </c>
      <c r="S3474" s="10" t="s">
        <v>22</v>
      </c>
      <c r="T3474" s="10" t="s">
        <v>22</v>
      </c>
      <c r="U3474" s="10" t="s">
        <v>22</v>
      </c>
      <c r="V3474" s="10" t="s">
        <v>22</v>
      </c>
      <c r="W3474" s="10" t="s">
        <v>22</v>
      </c>
      <c r="X3474" s="10" t="s">
        <v>22</v>
      </c>
      <c r="Y3474" s="10" t="s">
        <v>22</v>
      </c>
      <c r="Z3474" s="10" t="s">
        <v>22</v>
      </c>
    </row>
    <row r="3475" spans="1:26" ht="24" customHeight="1" x14ac:dyDescent="0.2">
      <c r="A3475" s="9" t="s">
        <v>20643</v>
      </c>
      <c r="B3475" s="9" t="s">
        <v>13966</v>
      </c>
      <c r="C3475" s="9" t="s">
        <v>15092</v>
      </c>
      <c r="D3475" s="6" t="s">
        <v>15093</v>
      </c>
      <c r="E3475" s="22">
        <v>45019</v>
      </c>
      <c r="F3475" s="22">
        <v>46845</v>
      </c>
      <c r="G3475" s="6" t="s">
        <v>15094</v>
      </c>
      <c r="H3475" s="6" t="s">
        <v>18</v>
      </c>
      <c r="I3475" s="6" t="s">
        <v>392</v>
      </c>
      <c r="J3475" s="6" t="s">
        <v>15095</v>
      </c>
      <c r="L3475" s="10" t="s">
        <v>22</v>
      </c>
      <c r="M3475" s="10" t="s">
        <v>22</v>
      </c>
      <c r="N3475" s="10" t="s">
        <v>22</v>
      </c>
      <c r="O3475" s="10" t="s">
        <v>22</v>
      </c>
      <c r="P3475" s="10" t="s">
        <v>22</v>
      </c>
      <c r="Q3475" s="10" t="s">
        <v>22</v>
      </c>
    </row>
    <row r="3476" spans="1:26" ht="24" customHeight="1" x14ac:dyDescent="0.2">
      <c r="A3476" s="9" t="s">
        <v>20644</v>
      </c>
      <c r="B3476" s="9" t="s">
        <v>13966</v>
      </c>
      <c r="C3476" s="9" t="s">
        <v>1467</v>
      </c>
      <c r="D3476" s="6" t="s">
        <v>15096</v>
      </c>
      <c r="E3476" s="22">
        <v>45019</v>
      </c>
      <c r="F3476" s="22">
        <v>46845</v>
      </c>
      <c r="G3476" s="6" t="s">
        <v>15097</v>
      </c>
      <c r="H3476" s="6" t="s">
        <v>18</v>
      </c>
      <c r="I3476" s="6" t="s">
        <v>1194</v>
      </c>
      <c r="J3476" s="6" t="s">
        <v>15098</v>
      </c>
      <c r="K3476" s="9" t="s">
        <v>17153</v>
      </c>
      <c r="L3476" s="10" t="s">
        <v>22</v>
      </c>
      <c r="M3476" s="10" t="s">
        <v>22</v>
      </c>
      <c r="N3476" s="10" t="s">
        <v>22</v>
      </c>
      <c r="O3476" s="10" t="s">
        <v>22</v>
      </c>
      <c r="P3476" s="10" t="s">
        <v>22</v>
      </c>
      <c r="Q3476" s="10" t="s">
        <v>22</v>
      </c>
      <c r="R3476" s="10" t="s">
        <v>22</v>
      </c>
      <c r="S3476" s="10" t="s">
        <v>22</v>
      </c>
      <c r="T3476" s="10" t="s">
        <v>22</v>
      </c>
      <c r="U3476" s="10" t="s">
        <v>22</v>
      </c>
      <c r="V3476" s="10" t="s">
        <v>22</v>
      </c>
      <c r="W3476" s="10" t="s">
        <v>22</v>
      </c>
      <c r="X3476" s="10" t="s">
        <v>22</v>
      </c>
      <c r="Y3476" s="10" t="s">
        <v>22</v>
      </c>
      <c r="Z3476" s="10" t="s">
        <v>22</v>
      </c>
    </row>
    <row r="3477" spans="1:26" ht="24" customHeight="1" x14ac:dyDescent="0.2">
      <c r="A3477" s="9" t="s">
        <v>20645</v>
      </c>
      <c r="B3477" s="9" t="s">
        <v>13966</v>
      </c>
      <c r="C3477" s="9" t="s">
        <v>1472</v>
      </c>
      <c r="D3477" s="6" t="s">
        <v>15099</v>
      </c>
      <c r="E3477" s="22">
        <v>45033</v>
      </c>
      <c r="F3477" s="22">
        <v>46859</v>
      </c>
      <c r="G3477" s="6" t="s">
        <v>15100</v>
      </c>
      <c r="H3477" s="6" t="s">
        <v>18</v>
      </c>
      <c r="I3477" s="6" t="s">
        <v>172</v>
      </c>
      <c r="J3477" s="6" t="s">
        <v>15101</v>
      </c>
      <c r="L3477" s="10" t="s">
        <v>22</v>
      </c>
      <c r="M3477" s="10" t="s">
        <v>22</v>
      </c>
      <c r="N3477" s="10" t="s">
        <v>22</v>
      </c>
      <c r="O3477" s="10" t="s">
        <v>22</v>
      </c>
      <c r="P3477" s="10" t="s">
        <v>22</v>
      </c>
      <c r="Q3477" s="10" t="s">
        <v>22</v>
      </c>
      <c r="U3477" s="10" t="s">
        <v>22</v>
      </c>
      <c r="V3477" s="10" t="s">
        <v>22</v>
      </c>
      <c r="W3477" s="10" t="s">
        <v>22</v>
      </c>
      <c r="X3477" s="10" t="s">
        <v>22</v>
      </c>
      <c r="Y3477" s="10" t="s">
        <v>22</v>
      </c>
      <c r="Z3477" s="10" t="s">
        <v>22</v>
      </c>
    </row>
    <row r="3478" spans="1:26" ht="24" customHeight="1" x14ac:dyDescent="0.2">
      <c r="A3478" s="9" t="s">
        <v>20646</v>
      </c>
      <c r="B3478" s="9" t="s">
        <v>13966</v>
      </c>
      <c r="C3478" s="9" t="s">
        <v>1477</v>
      </c>
      <c r="D3478" s="6" t="s">
        <v>15102</v>
      </c>
      <c r="E3478" s="22">
        <v>45041</v>
      </c>
      <c r="F3478" s="22">
        <v>46867</v>
      </c>
      <c r="G3478" s="6" t="s">
        <v>15103</v>
      </c>
      <c r="H3478" s="6" t="s">
        <v>18</v>
      </c>
      <c r="I3478" s="6" t="s">
        <v>1145</v>
      </c>
      <c r="J3478" s="6" t="s">
        <v>15104</v>
      </c>
      <c r="K3478" s="9" t="s">
        <v>17154</v>
      </c>
      <c r="L3478" s="10" t="s">
        <v>22</v>
      </c>
      <c r="M3478" s="10" t="s">
        <v>22</v>
      </c>
      <c r="N3478" s="10" t="s">
        <v>22</v>
      </c>
      <c r="O3478" s="10" t="s">
        <v>22</v>
      </c>
      <c r="P3478" s="10" t="s">
        <v>22</v>
      </c>
      <c r="Q3478" s="10" t="s">
        <v>22</v>
      </c>
      <c r="R3478" s="10" t="s">
        <v>22</v>
      </c>
      <c r="S3478" s="10" t="s">
        <v>22</v>
      </c>
      <c r="T3478" s="10" t="s">
        <v>22</v>
      </c>
      <c r="U3478" s="10" t="s">
        <v>22</v>
      </c>
      <c r="V3478" s="10" t="s">
        <v>22</v>
      </c>
      <c r="W3478" s="10" t="s">
        <v>22</v>
      </c>
      <c r="X3478" s="10" t="s">
        <v>22</v>
      </c>
      <c r="Y3478" s="10" t="s">
        <v>22</v>
      </c>
      <c r="Z3478" s="10" t="s">
        <v>22</v>
      </c>
    </row>
    <row r="3479" spans="1:26" ht="24" customHeight="1" x14ac:dyDescent="0.2">
      <c r="A3479" s="9" t="s">
        <v>20647</v>
      </c>
      <c r="B3479" s="9" t="s">
        <v>13966</v>
      </c>
      <c r="C3479" s="9" t="s">
        <v>15105</v>
      </c>
      <c r="D3479" s="6" t="s">
        <v>15106</v>
      </c>
      <c r="E3479" s="22">
        <v>45041</v>
      </c>
      <c r="F3479" s="22">
        <v>46867</v>
      </c>
      <c r="G3479" s="6" t="s">
        <v>15107</v>
      </c>
      <c r="H3479" s="6" t="s">
        <v>18</v>
      </c>
      <c r="I3479" s="6" t="s">
        <v>1194</v>
      </c>
      <c r="J3479" s="6" t="s">
        <v>15108</v>
      </c>
      <c r="K3479" s="9" t="s">
        <v>17155</v>
      </c>
      <c r="L3479" s="10" t="s">
        <v>22</v>
      </c>
      <c r="M3479" s="10" t="s">
        <v>22</v>
      </c>
      <c r="N3479" s="10" t="s">
        <v>22</v>
      </c>
      <c r="O3479" s="10" t="s">
        <v>22</v>
      </c>
      <c r="P3479" s="10" t="s">
        <v>22</v>
      </c>
      <c r="Q3479" s="10" t="s">
        <v>22</v>
      </c>
      <c r="U3479" s="10" t="s">
        <v>22</v>
      </c>
      <c r="V3479" s="10" t="s">
        <v>22</v>
      </c>
      <c r="W3479" s="10" t="s">
        <v>22</v>
      </c>
      <c r="X3479" s="10" t="s">
        <v>22</v>
      </c>
      <c r="Y3479" s="10" t="s">
        <v>22</v>
      </c>
      <c r="Z3479" s="10" t="s">
        <v>22</v>
      </c>
    </row>
    <row r="3480" spans="1:26" ht="24" customHeight="1" x14ac:dyDescent="0.2">
      <c r="A3480" s="9" t="s">
        <v>20648</v>
      </c>
      <c r="B3480" s="9" t="s">
        <v>13966</v>
      </c>
      <c r="C3480" s="9" t="s">
        <v>1482</v>
      </c>
      <c r="D3480" s="6" t="s">
        <v>15109</v>
      </c>
      <c r="E3480" s="22">
        <v>45056</v>
      </c>
      <c r="F3480" s="22">
        <v>46882</v>
      </c>
      <c r="G3480" s="6" t="s">
        <v>15110</v>
      </c>
      <c r="H3480" s="6" t="s">
        <v>18</v>
      </c>
      <c r="I3480" s="6" t="s">
        <v>1194</v>
      </c>
      <c r="J3480" s="6" t="s">
        <v>15111</v>
      </c>
      <c r="K3480" s="9" t="s">
        <v>17156</v>
      </c>
      <c r="L3480" s="10" t="s">
        <v>22</v>
      </c>
      <c r="M3480" s="10" t="s">
        <v>22</v>
      </c>
      <c r="N3480" s="10" t="s">
        <v>22</v>
      </c>
      <c r="O3480" s="10" t="s">
        <v>22</v>
      </c>
      <c r="P3480" s="10" t="s">
        <v>22</v>
      </c>
      <c r="Q3480" s="10" t="s">
        <v>22</v>
      </c>
    </row>
    <row r="3481" spans="1:26" ht="24" customHeight="1" x14ac:dyDescent="0.2">
      <c r="A3481" s="9" t="s">
        <v>20649</v>
      </c>
      <c r="B3481" s="9" t="s">
        <v>13966</v>
      </c>
      <c r="C3481" s="9" t="s">
        <v>1486</v>
      </c>
      <c r="D3481" s="6" t="s">
        <v>15112</v>
      </c>
      <c r="E3481" s="22">
        <v>45072</v>
      </c>
      <c r="F3481" s="22">
        <v>46898</v>
      </c>
      <c r="G3481" s="6" t="s">
        <v>15113</v>
      </c>
      <c r="H3481" s="6" t="s">
        <v>18</v>
      </c>
      <c r="I3481" s="6" t="s">
        <v>1145</v>
      </c>
      <c r="J3481" s="6" t="s">
        <v>15114</v>
      </c>
      <c r="L3481" s="10" t="s">
        <v>22</v>
      </c>
      <c r="M3481" s="10" t="s">
        <v>22</v>
      </c>
      <c r="N3481" s="10" t="s">
        <v>22</v>
      </c>
      <c r="O3481" s="10" t="s">
        <v>22</v>
      </c>
      <c r="P3481" s="10" t="s">
        <v>22</v>
      </c>
      <c r="Q3481" s="10" t="s">
        <v>22</v>
      </c>
      <c r="R3481" s="10" t="s">
        <v>22</v>
      </c>
      <c r="S3481" s="10" t="s">
        <v>22</v>
      </c>
      <c r="T3481" s="10" t="s">
        <v>22</v>
      </c>
      <c r="U3481" s="10" t="s">
        <v>22</v>
      </c>
      <c r="V3481" s="10" t="s">
        <v>22</v>
      </c>
      <c r="W3481" s="10" t="s">
        <v>22</v>
      </c>
      <c r="X3481" s="10" t="s">
        <v>22</v>
      </c>
      <c r="Y3481" s="10" t="s">
        <v>22</v>
      </c>
      <c r="Z3481" s="10" t="s">
        <v>22</v>
      </c>
    </row>
    <row r="3482" spans="1:26" ht="24" customHeight="1" x14ac:dyDescent="0.2">
      <c r="A3482" s="9" t="s">
        <v>20650</v>
      </c>
      <c r="B3482" s="9" t="s">
        <v>13966</v>
      </c>
      <c r="C3482" s="9" t="s">
        <v>1491</v>
      </c>
      <c r="D3482" s="6" t="s">
        <v>15115</v>
      </c>
      <c r="E3482" s="22">
        <v>45070</v>
      </c>
      <c r="F3482" s="22">
        <v>46896</v>
      </c>
      <c r="G3482" s="6" t="s">
        <v>15116</v>
      </c>
      <c r="H3482" s="6" t="s">
        <v>18</v>
      </c>
      <c r="I3482" s="6" t="s">
        <v>7031</v>
      </c>
      <c r="J3482" s="6" t="s">
        <v>15117</v>
      </c>
      <c r="L3482" s="10" t="s">
        <v>22</v>
      </c>
      <c r="M3482" s="10" t="s">
        <v>22</v>
      </c>
      <c r="N3482" s="10" t="s">
        <v>22</v>
      </c>
      <c r="O3482" s="10" t="s">
        <v>22</v>
      </c>
      <c r="P3482" s="10" t="s">
        <v>22</v>
      </c>
      <c r="Q3482" s="10" t="s">
        <v>22</v>
      </c>
      <c r="R3482" s="10" t="s">
        <v>22</v>
      </c>
      <c r="S3482" s="10" t="s">
        <v>22</v>
      </c>
      <c r="T3482" s="10" t="s">
        <v>22</v>
      </c>
      <c r="U3482" s="10" t="s">
        <v>22</v>
      </c>
      <c r="V3482" s="10" t="s">
        <v>22</v>
      </c>
      <c r="W3482" s="10" t="s">
        <v>22</v>
      </c>
      <c r="X3482" s="10" t="s">
        <v>22</v>
      </c>
      <c r="Y3482" s="10" t="s">
        <v>22</v>
      </c>
      <c r="Z3482" s="10" t="s">
        <v>22</v>
      </c>
    </row>
    <row r="3483" spans="1:26" ht="24" customHeight="1" x14ac:dyDescent="0.2">
      <c r="A3483" s="9" t="s">
        <v>17588</v>
      </c>
      <c r="B3483" s="9" t="s">
        <v>13966</v>
      </c>
      <c r="C3483" s="9" t="s">
        <v>1495</v>
      </c>
      <c r="D3483" s="6" t="s">
        <v>16185</v>
      </c>
      <c r="E3483" s="22">
        <v>44817</v>
      </c>
      <c r="F3483" s="22">
        <v>46642</v>
      </c>
      <c r="G3483" s="6" t="s">
        <v>16186</v>
      </c>
      <c r="H3483" s="6" t="s">
        <v>18</v>
      </c>
      <c r="I3483" s="6" t="s">
        <v>1691</v>
      </c>
      <c r="J3483" s="6" t="s">
        <v>16187</v>
      </c>
      <c r="K3483" s="9" t="s">
        <v>16188</v>
      </c>
      <c r="L3483" s="10" t="s">
        <v>22</v>
      </c>
      <c r="M3483" s="10" t="s">
        <v>22</v>
      </c>
      <c r="N3483" s="10" t="s">
        <v>22</v>
      </c>
      <c r="O3483" s="10" t="s">
        <v>22</v>
      </c>
      <c r="P3483" s="10" t="s">
        <v>22</v>
      </c>
      <c r="Q3483" s="10" t="s">
        <v>22</v>
      </c>
      <c r="R3483" s="10" t="s">
        <v>22</v>
      </c>
      <c r="S3483" s="10" t="s">
        <v>22</v>
      </c>
      <c r="T3483" s="10" t="s">
        <v>22</v>
      </c>
    </row>
    <row r="3484" spans="1:26" ht="24" customHeight="1" x14ac:dyDescent="0.2">
      <c r="A3484" s="9" t="s">
        <v>20651</v>
      </c>
      <c r="B3484" s="9" t="s">
        <v>13966</v>
      </c>
      <c r="C3484" s="9" t="s">
        <v>1500</v>
      </c>
      <c r="D3484" s="6" t="s">
        <v>15118</v>
      </c>
      <c r="E3484" s="22">
        <v>45085</v>
      </c>
      <c r="F3484" s="22">
        <v>46911</v>
      </c>
      <c r="G3484" s="6" t="s">
        <v>15119</v>
      </c>
      <c r="H3484" s="6" t="s">
        <v>18</v>
      </c>
      <c r="I3484" s="6" t="s">
        <v>392</v>
      </c>
      <c r="J3484" s="6" t="s">
        <v>15120</v>
      </c>
      <c r="K3484" s="9" t="s">
        <v>17157</v>
      </c>
      <c r="L3484" s="10" t="s">
        <v>22</v>
      </c>
      <c r="M3484" s="10" t="s">
        <v>22</v>
      </c>
      <c r="N3484" s="10" t="s">
        <v>22</v>
      </c>
    </row>
    <row r="3485" spans="1:26" ht="24" customHeight="1" x14ac:dyDescent="0.2">
      <c r="A3485" s="9" t="s">
        <v>20652</v>
      </c>
      <c r="B3485" s="9" t="s">
        <v>13966</v>
      </c>
      <c r="C3485" s="9" t="s">
        <v>1505</v>
      </c>
      <c r="D3485" s="6" t="s">
        <v>15121</v>
      </c>
      <c r="E3485" s="22">
        <v>45085</v>
      </c>
      <c r="F3485" s="22">
        <v>46911</v>
      </c>
      <c r="G3485" s="6" t="s">
        <v>15122</v>
      </c>
      <c r="H3485" s="6" t="s">
        <v>18</v>
      </c>
      <c r="I3485" s="6" t="s">
        <v>5029</v>
      </c>
      <c r="J3485" s="6" t="s">
        <v>15123</v>
      </c>
      <c r="K3485" s="9" t="s">
        <v>17158</v>
      </c>
      <c r="L3485" s="10" t="s">
        <v>22</v>
      </c>
      <c r="M3485" s="10" t="s">
        <v>22</v>
      </c>
      <c r="N3485" s="10" t="s">
        <v>22</v>
      </c>
      <c r="O3485" s="10" t="s">
        <v>22</v>
      </c>
      <c r="P3485" s="10" t="s">
        <v>22</v>
      </c>
      <c r="Q3485" s="10" t="s">
        <v>22</v>
      </c>
      <c r="R3485" s="10" t="s">
        <v>22</v>
      </c>
      <c r="S3485" s="10" t="s">
        <v>22</v>
      </c>
      <c r="T3485" s="10" t="s">
        <v>22</v>
      </c>
    </row>
    <row r="3486" spans="1:26" ht="24" customHeight="1" x14ac:dyDescent="0.2">
      <c r="A3486" s="9" t="s">
        <v>20653</v>
      </c>
      <c r="B3486" s="9" t="s">
        <v>13966</v>
      </c>
      <c r="C3486" s="9" t="s">
        <v>15124</v>
      </c>
      <c r="D3486" s="6" t="s">
        <v>15125</v>
      </c>
      <c r="E3486" s="22">
        <v>45140</v>
      </c>
      <c r="F3486" s="22">
        <v>46966</v>
      </c>
      <c r="G3486" s="6" t="s">
        <v>15126</v>
      </c>
      <c r="H3486" s="6" t="s">
        <v>18</v>
      </c>
      <c r="I3486" s="6" t="s">
        <v>1145</v>
      </c>
      <c r="J3486" s="6" t="s">
        <v>15127</v>
      </c>
      <c r="K3486" s="9" t="s">
        <v>17159</v>
      </c>
      <c r="M3486" s="10" t="s">
        <v>22</v>
      </c>
      <c r="N3486" s="10" t="s">
        <v>22</v>
      </c>
      <c r="V3486" s="10" t="s">
        <v>22</v>
      </c>
      <c r="W3486" s="10" t="s">
        <v>22</v>
      </c>
    </row>
    <row r="3487" spans="1:26" ht="24" customHeight="1" x14ac:dyDescent="0.2">
      <c r="A3487" s="9" t="s">
        <v>20654</v>
      </c>
      <c r="B3487" s="9" t="s">
        <v>13966</v>
      </c>
      <c r="C3487" s="9" t="s">
        <v>1510</v>
      </c>
      <c r="D3487" s="6" t="s">
        <v>15128</v>
      </c>
      <c r="E3487" s="22">
        <v>45169</v>
      </c>
      <c r="F3487" s="22">
        <v>46995</v>
      </c>
      <c r="G3487" s="6" t="s">
        <v>15129</v>
      </c>
      <c r="H3487" s="6" t="s">
        <v>18</v>
      </c>
      <c r="I3487" s="6" t="s">
        <v>1691</v>
      </c>
      <c r="J3487" s="6" t="s">
        <v>15130</v>
      </c>
      <c r="K3487" s="9" t="s">
        <v>17160</v>
      </c>
      <c r="M3487" s="10" t="s">
        <v>22</v>
      </c>
      <c r="N3487" s="10" t="s">
        <v>22</v>
      </c>
      <c r="P3487" s="10" t="s">
        <v>22</v>
      </c>
      <c r="Q3487" s="10" t="s">
        <v>22</v>
      </c>
      <c r="V3487" s="10" t="s">
        <v>22</v>
      </c>
      <c r="W3487" s="10" t="s">
        <v>22</v>
      </c>
      <c r="Y3487" s="10" t="s">
        <v>22</v>
      </c>
      <c r="Z3487" s="10" t="s">
        <v>22</v>
      </c>
    </row>
    <row r="3488" spans="1:26" ht="24" customHeight="1" x14ac:dyDescent="0.2">
      <c r="A3488" s="9" t="s">
        <v>20655</v>
      </c>
      <c r="B3488" s="9" t="s">
        <v>13966</v>
      </c>
      <c r="C3488" s="9" t="s">
        <v>1515</v>
      </c>
      <c r="D3488" s="6" t="s">
        <v>15131</v>
      </c>
      <c r="E3488" s="22">
        <v>45210</v>
      </c>
      <c r="F3488" s="22">
        <v>47036</v>
      </c>
      <c r="G3488" s="6" t="s">
        <v>15132</v>
      </c>
      <c r="H3488" s="6" t="s">
        <v>18</v>
      </c>
      <c r="I3488" s="6" t="s">
        <v>1145</v>
      </c>
      <c r="J3488" s="6" t="s">
        <v>15133</v>
      </c>
      <c r="L3488" s="10" t="s">
        <v>22</v>
      </c>
      <c r="M3488" s="10" t="s">
        <v>22</v>
      </c>
      <c r="N3488" s="10" t="s">
        <v>22</v>
      </c>
      <c r="O3488" s="10" t="s">
        <v>22</v>
      </c>
      <c r="P3488" s="10" t="s">
        <v>22</v>
      </c>
      <c r="Q3488" s="10" t="s">
        <v>22</v>
      </c>
      <c r="R3488" s="10" t="s">
        <v>22</v>
      </c>
      <c r="S3488" s="10" t="s">
        <v>22</v>
      </c>
      <c r="T3488" s="10" t="s">
        <v>22</v>
      </c>
    </row>
    <row r="3489" spans="1:26" ht="24" customHeight="1" x14ac:dyDescent="0.2">
      <c r="A3489" s="9" t="s">
        <v>20656</v>
      </c>
      <c r="B3489" s="9" t="s">
        <v>13966</v>
      </c>
      <c r="C3489" s="9" t="s">
        <v>1519</v>
      </c>
      <c r="D3489" s="6" t="s">
        <v>17161</v>
      </c>
      <c r="E3489" s="22">
        <v>45322</v>
      </c>
      <c r="F3489" s="22">
        <v>47148</v>
      </c>
      <c r="G3489" s="6" t="s">
        <v>17162</v>
      </c>
      <c r="H3489" s="6" t="s">
        <v>18</v>
      </c>
      <c r="I3489" s="6" t="s">
        <v>1145</v>
      </c>
      <c r="J3489" s="6" t="s">
        <v>21367</v>
      </c>
      <c r="K3489" s="9" t="s">
        <v>17163</v>
      </c>
      <c r="L3489" s="10" t="s">
        <v>22</v>
      </c>
      <c r="M3489" s="10" t="s">
        <v>22</v>
      </c>
      <c r="N3489" s="10" t="s">
        <v>22</v>
      </c>
      <c r="O3489" s="10" t="s">
        <v>22</v>
      </c>
      <c r="P3489" s="10" t="s">
        <v>22</v>
      </c>
      <c r="Q3489" s="10" t="s">
        <v>22</v>
      </c>
      <c r="R3489" s="10" t="s">
        <v>22</v>
      </c>
      <c r="S3489" s="10" t="s">
        <v>22</v>
      </c>
      <c r="T3489" s="10" t="s">
        <v>22</v>
      </c>
      <c r="U3489" s="10" t="s">
        <v>22</v>
      </c>
      <c r="V3489" s="10" t="s">
        <v>22</v>
      </c>
      <c r="W3489" s="10" t="s">
        <v>22</v>
      </c>
      <c r="X3489" s="10" t="s">
        <v>22</v>
      </c>
      <c r="Y3489" s="10" t="s">
        <v>22</v>
      </c>
      <c r="Z3489" s="10" t="s">
        <v>22</v>
      </c>
    </row>
    <row r="3490" spans="1:26" ht="24" customHeight="1" x14ac:dyDescent="0.2">
      <c r="A3490" s="9" t="s">
        <v>20657</v>
      </c>
      <c r="B3490" s="9" t="s">
        <v>13966</v>
      </c>
      <c r="C3490" s="9" t="s">
        <v>15134</v>
      </c>
      <c r="D3490" s="6" t="s">
        <v>17164</v>
      </c>
      <c r="E3490" s="22">
        <v>45335</v>
      </c>
      <c r="F3490" s="22">
        <v>47161</v>
      </c>
      <c r="G3490" s="6" t="s">
        <v>17165</v>
      </c>
      <c r="H3490" s="6" t="s">
        <v>18</v>
      </c>
      <c r="I3490" s="6" t="s">
        <v>1145</v>
      </c>
      <c r="J3490" s="6" t="s">
        <v>17166</v>
      </c>
      <c r="K3490" s="9" t="s">
        <v>17167</v>
      </c>
      <c r="L3490" s="10" t="s">
        <v>22</v>
      </c>
      <c r="M3490" s="10" t="s">
        <v>22</v>
      </c>
      <c r="N3490" s="10" t="s">
        <v>22</v>
      </c>
      <c r="O3490" s="10" t="s">
        <v>22</v>
      </c>
      <c r="P3490" s="10" t="s">
        <v>22</v>
      </c>
      <c r="Q3490" s="10" t="s">
        <v>22</v>
      </c>
      <c r="R3490" s="10" t="s">
        <v>22</v>
      </c>
      <c r="S3490" s="10" t="s">
        <v>22</v>
      </c>
      <c r="T3490" s="10" t="s">
        <v>22</v>
      </c>
      <c r="U3490" s="10" t="s">
        <v>22</v>
      </c>
      <c r="V3490" s="10" t="s">
        <v>22</v>
      </c>
      <c r="W3490" s="10" t="s">
        <v>22</v>
      </c>
      <c r="X3490" s="10" t="s">
        <v>22</v>
      </c>
      <c r="Y3490" s="10" t="s">
        <v>22</v>
      </c>
      <c r="Z3490" s="10" t="s">
        <v>22</v>
      </c>
    </row>
    <row r="3491" spans="1:26" ht="24" customHeight="1" x14ac:dyDescent="0.2">
      <c r="A3491" s="9" t="s">
        <v>20658</v>
      </c>
      <c r="B3491" s="9" t="s">
        <v>13966</v>
      </c>
      <c r="C3491" s="9" t="s">
        <v>1524</v>
      </c>
      <c r="D3491" s="6" t="s">
        <v>17168</v>
      </c>
      <c r="E3491" s="22">
        <v>45348</v>
      </c>
      <c r="F3491" s="22">
        <v>47174</v>
      </c>
      <c r="G3491" s="6" t="s">
        <v>17169</v>
      </c>
      <c r="H3491" s="6" t="s">
        <v>18</v>
      </c>
      <c r="I3491" s="6" t="s">
        <v>172</v>
      </c>
      <c r="J3491" s="6" t="s">
        <v>17170</v>
      </c>
      <c r="K3491" s="9" t="s">
        <v>17171</v>
      </c>
      <c r="M3491" s="10" t="s">
        <v>22</v>
      </c>
      <c r="N3491" s="10" t="s">
        <v>22</v>
      </c>
      <c r="V3491" s="10" t="s">
        <v>22</v>
      </c>
      <c r="W3491" s="10" t="s">
        <v>22</v>
      </c>
    </row>
    <row r="3492" spans="1:26" ht="24" customHeight="1" x14ac:dyDescent="0.2">
      <c r="A3492" s="9" t="s">
        <v>20659</v>
      </c>
      <c r="B3492" s="9" t="s">
        <v>13966</v>
      </c>
      <c r="C3492" s="9" t="s">
        <v>15135</v>
      </c>
      <c r="D3492" s="6" t="s">
        <v>17172</v>
      </c>
      <c r="E3492" s="22">
        <v>45348</v>
      </c>
      <c r="F3492" s="22">
        <v>47174</v>
      </c>
      <c r="G3492" s="6" t="s">
        <v>17173</v>
      </c>
      <c r="H3492" s="6" t="s">
        <v>18</v>
      </c>
      <c r="I3492" s="6" t="s">
        <v>1145</v>
      </c>
      <c r="J3492" s="6" t="s">
        <v>17174</v>
      </c>
      <c r="K3492" s="9" t="s">
        <v>17175</v>
      </c>
      <c r="L3492" s="10" t="s">
        <v>22</v>
      </c>
      <c r="M3492" s="10" t="s">
        <v>22</v>
      </c>
      <c r="N3492" s="10" t="s">
        <v>22</v>
      </c>
      <c r="O3492" s="10" t="s">
        <v>22</v>
      </c>
      <c r="P3492" s="10" t="s">
        <v>22</v>
      </c>
      <c r="Q3492" s="10" t="s">
        <v>22</v>
      </c>
      <c r="R3492" s="10" t="s">
        <v>22</v>
      </c>
      <c r="S3492" s="10" t="s">
        <v>22</v>
      </c>
      <c r="T3492" s="10" t="s">
        <v>22</v>
      </c>
      <c r="U3492" s="10" t="s">
        <v>22</v>
      </c>
      <c r="V3492" s="10" t="s">
        <v>22</v>
      </c>
      <c r="W3492" s="10" t="s">
        <v>22</v>
      </c>
      <c r="X3492" s="10" t="s">
        <v>22</v>
      </c>
      <c r="Y3492" s="10" t="s">
        <v>22</v>
      </c>
      <c r="Z3492" s="10" t="s">
        <v>22</v>
      </c>
    </row>
    <row r="3493" spans="1:26" ht="24" customHeight="1" x14ac:dyDescent="0.2">
      <c r="A3493" s="9" t="s">
        <v>20660</v>
      </c>
      <c r="B3493" s="9" t="s">
        <v>13966</v>
      </c>
      <c r="C3493" s="9" t="s">
        <v>15136</v>
      </c>
      <c r="D3493" s="6" t="s">
        <v>17176</v>
      </c>
      <c r="E3493" s="22">
        <v>45349</v>
      </c>
      <c r="F3493" s="22">
        <v>47175</v>
      </c>
      <c r="G3493" s="6" t="s">
        <v>17177</v>
      </c>
      <c r="H3493" s="6" t="s">
        <v>18</v>
      </c>
      <c r="I3493" s="6" t="s">
        <v>1194</v>
      </c>
      <c r="J3493" s="6" t="s">
        <v>17178</v>
      </c>
      <c r="K3493" s="9" t="s">
        <v>17179</v>
      </c>
      <c r="L3493" s="10" t="s">
        <v>22</v>
      </c>
      <c r="M3493" s="10" t="s">
        <v>22</v>
      </c>
      <c r="N3493" s="10" t="s">
        <v>22</v>
      </c>
      <c r="O3493" s="10" t="s">
        <v>22</v>
      </c>
      <c r="P3493" s="10" t="s">
        <v>22</v>
      </c>
      <c r="Q3493" s="10" t="s">
        <v>22</v>
      </c>
      <c r="R3493" s="10" t="s">
        <v>22</v>
      </c>
      <c r="S3493" s="10" t="s">
        <v>22</v>
      </c>
      <c r="T3493" s="10" t="s">
        <v>22</v>
      </c>
      <c r="U3493" s="10" t="s">
        <v>22</v>
      </c>
      <c r="V3493" s="10" t="s">
        <v>22</v>
      </c>
      <c r="W3493" s="10" t="s">
        <v>22</v>
      </c>
      <c r="X3493" s="10" t="s">
        <v>22</v>
      </c>
      <c r="Y3493" s="10" t="s">
        <v>22</v>
      </c>
      <c r="Z3493" s="10" t="s">
        <v>22</v>
      </c>
    </row>
    <row r="3494" spans="1:26" ht="24" customHeight="1" x14ac:dyDescent="0.2">
      <c r="A3494" s="9" t="s">
        <v>20661</v>
      </c>
      <c r="B3494" s="9" t="s">
        <v>13966</v>
      </c>
      <c r="C3494" s="9" t="s">
        <v>20662</v>
      </c>
      <c r="D3494" s="6" t="s">
        <v>17180</v>
      </c>
      <c r="E3494" s="22">
        <v>45400</v>
      </c>
      <c r="F3494" s="22">
        <v>47225</v>
      </c>
      <c r="G3494" s="6" t="s">
        <v>17181</v>
      </c>
      <c r="H3494" s="6" t="s">
        <v>18</v>
      </c>
      <c r="I3494" s="6" t="s">
        <v>10786</v>
      </c>
      <c r="J3494" s="6" t="s">
        <v>17182</v>
      </c>
      <c r="L3494" s="10" t="s">
        <v>22</v>
      </c>
      <c r="M3494" s="10" t="s">
        <v>22</v>
      </c>
      <c r="N3494" s="10" t="s">
        <v>22</v>
      </c>
      <c r="O3494" s="10" t="s">
        <v>22</v>
      </c>
      <c r="P3494" s="10" t="s">
        <v>22</v>
      </c>
      <c r="Q3494" s="10" t="s">
        <v>22</v>
      </c>
      <c r="R3494" s="10" t="s">
        <v>22</v>
      </c>
      <c r="S3494" s="10" t="s">
        <v>22</v>
      </c>
      <c r="T3494" s="10" t="s">
        <v>22</v>
      </c>
      <c r="U3494" s="10" t="s">
        <v>22</v>
      </c>
      <c r="V3494" s="10" t="s">
        <v>22</v>
      </c>
      <c r="W3494" s="10" t="s">
        <v>22</v>
      </c>
      <c r="X3494" s="10" t="s">
        <v>22</v>
      </c>
      <c r="Y3494" s="10" t="s">
        <v>22</v>
      </c>
      <c r="Z3494" s="10" t="s">
        <v>22</v>
      </c>
    </row>
    <row r="3495" spans="1:26" ht="24" customHeight="1" x14ac:dyDescent="0.2">
      <c r="A3495" s="9" t="s">
        <v>20663</v>
      </c>
      <c r="B3495" s="9" t="s">
        <v>13966</v>
      </c>
      <c r="C3495" s="9" t="s">
        <v>17183</v>
      </c>
      <c r="D3495" s="6" t="s">
        <v>17184</v>
      </c>
      <c r="E3495" s="22">
        <v>45428</v>
      </c>
      <c r="F3495" s="22">
        <v>47253</v>
      </c>
      <c r="G3495" s="6" t="s">
        <v>17185</v>
      </c>
      <c r="H3495" s="6" t="s">
        <v>18</v>
      </c>
      <c r="I3495" s="6" t="s">
        <v>10786</v>
      </c>
      <c r="J3495" s="6" t="s">
        <v>17186</v>
      </c>
      <c r="M3495" s="10" t="s">
        <v>22</v>
      </c>
      <c r="N3495" s="10" t="s">
        <v>22</v>
      </c>
      <c r="S3495" s="10" t="s">
        <v>22</v>
      </c>
      <c r="T3495" s="10" t="s">
        <v>22</v>
      </c>
      <c r="V3495" s="10" t="s">
        <v>22</v>
      </c>
      <c r="W3495" s="10" t="s">
        <v>22</v>
      </c>
    </row>
    <row r="3496" spans="1:26" ht="24" customHeight="1" x14ac:dyDescent="0.2">
      <c r="A3496" s="9" t="s">
        <v>20664</v>
      </c>
      <c r="B3496" s="9" t="s">
        <v>13966</v>
      </c>
      <c r="C3496" s="9" t="s">
        <v>17187</v>
      </c>
      <c r="D3496" s="6" t="s">
        <v>17188</v>
      </c>
      <c r="E3496" s="22">
        <v>45449</v>
      </c>
      <c r="F3496" s="22">
        <v>47274</v>
      </c>
      <c r="G3496" s="6" t="s">
        <v>17189</v>
      </c>
      <c r="H3496" s="6" t="s">
        <v>18</v>
      </c>
      <c r="I3496" s="6" t="s">
        <v>1691</v>
      </c>
      <c r="J3496" s="6" t="s">
        <v>17190</v>
      </c>
      <c r="L3496" s="10" t="s">
        <v>22</v>
      </c>
      <c r="M3496" s="10" t="s">
        <v>22</v>
      </c>
      <c r="N3496" s="10" t="s">
        <v>22</v>
      </c>
      <c r="W3496" s="10" t="s">
        <v>22</v>
      </c>
    </row>
    <row r="3497" spans="1:26" ht="24" customHeight="1" x14ac:dyDescent="0.2">
      <c r="A3497" s="9" t="s">
        <v>21343</v>
      </c>
      <c r="B3497" s="9" t="s">
        <v>13966</v>
      </c>
      <c r="C3497" s="9" t="s">
        <v>1529</v>
      </c>
      <c r="D3497" s="6" t="s">
        <v>21211</v>
      </c>
      <c r="E3497" s="22">
        <v>45582</v>
      </c>
      <c r="F3497" s="22">
        <v>47407</v>
      </c>
      <c r="G3497" s="6" t="s">
        <v>21212</v>
      </c>
      <c r="H3497" s="6" t="s">
        <v>18</v>
      </c>
      <c r="I3497" s="6" t="s">
        <v>19</v>
      </c>
      <c r="J3497" s="6" t="s">
        <v>21213</v>
      </c>
      <c r="L3497" s="10" t="s">
        <v>22</v>
      </c>
      <c r="M3497" s="10" t="s">
        <v>22</v>
      </c>
      <c r="N3497" s="10" t="s">
        <v>22</v>
      </c>
      <c r="O3497" s="10" t="s">
        <v>22</v>
      </c>
      <c r="P3497" s="10" t="s">
        <v>22</v>
      </c>
      <c r="Q3497" s="10" t="s">
        <v>22</v>
      </c>
      <c r="R3497" s="10" t="s">
        <v>22</v>
      </c>
      <c r="S3497" s="10" t="s">
        <v>22</v>
      </c>
      <c r="T3497" s="10" t="s">
        <v>22</v>
      </c>
      <c r="U3497" s="10" t="s">
        <v>22</v>
      </c>
      <c r="V3497" s="10" t="s">
        <v>22</v>
      </c>
      <c r="W3497" s="10" t="s">
        <v>22</v>
      </c>
      <c r="X3497" s="10" t="s">
        <v>22</v>
      </c>
      <c r="Y3497" s="10" t="s">
        <v>22</v>
      </c>
      <c r="Z3497" s="10" t="s">
        <v>22</v>
      </c>
    </row>
    <row r="3498" spans="1:26" ht="24" customHeight="1" x14ac:dyDescent="0.2">
      <c r="A3498" s="9" t="s">
        <v>21344</v>
      </c>
      <c r="B3498" s="9" t="s">
        <v>13966</v>
      </c>
      <c r="C3498" s="9" t="s">
        <v>21214</v>
      </c>
      <c r="D3498" s="6" t="s">
        <v>21215</v>
      </c>
      <c r="E3498" s="22">
        <v>45589</v>
      </c>
      <c r="F3498" s="22">
        <v>47414</v>
      </c>
      <c r="G3498" s="6" t="s">
        <v>21216</v>
      </c>
      <c r="H3498" s="6" t="s">
        <v>18</v>
      </c>
      <c r="I3498" s="6" t="s">
        <v>1145</v>
      </c>
      <c r="J3498" s="6" t="s">
        <v>21217</v>
      </c>
      <c r="M3498" s="10" t="s">
        <v>22</v>
      </c>
      <c r="N3498" s="10" t="s">
        <v>22</v>
      </c>
      <c r="V3498" s="10" t="s">
        <v>22</v>
      </c>
      <c r="W3498" s="10" t="s">
        <v>22</v>
      </c>
    </row>
    <row r="3499" spans="1:26" ht="24" customHeight="1" x14ac:dyDescent="0.2">
      <c r="A3499" s="9" t="s">
        <v>21345</v>
      </c>
      <c r="B3499" s="9" t="s">
        <v>13966</v>
      </c>
      <c r="C3499" s="9" t="s">
        <v>1531</v>
      </c>
      <c r="D3499" s="6" t="s">
        <v>21218</v>
      </c>
      <c r="E3499" s="22">
        <v>45651</v>
      </c>
      <c r="F3499" s="22">
        <v>47476</v>
      </c>
      <c r="G3499" s="6" t="s">
        <v>21219</v>
      </c>
      <c r="H3499" s="6" t="s">
        <v>18</v>
      </c>
      <c r="I3499" s="6" t="s">
        <v>5029</v>
      </c>
      <c r="J3499" s="6" t="s">
        <v>21220</v>
      </c>
      <c r="L3499" s="10" t="s">
        <v>22</v>
      </c>
      <c r="M3499" s="10" t="s">
        <v>22</v>
      </c>
      <c r="N3499" s="10" t="s">
        <v>22</v>
      </c>
      <c r="O3499" s="10" t="s">
        <v>22</v>
      </c>
      <c r="P3499" s="10" t="s">
        <v>22</v>
      </c>
      <c r="Q3499" s="10" t="s">
        <v>22</v>
      </c>
      <c r="R3499" s="10" t="s">
        <v>22</v>
      </c>
      <c r="S3499" s="10" t="s">
        <v>22</v>
      </c>
      <c r="T3499" s="10" t="s">
        <v>22</v>
      </c>
      <c r="U3499" s="10" t="s">
        <v>22</v>
      </c>
      <c r="V3499" s="10" t="s">
        <v>22</v>
      </c>
      <c r="W3499" s="10" t="s">
        <v>22</v>
      </c>
      <c r="X3499" s="10" t="s">
        <v>22</v>
      </c>
      <c r="Y3499" s="10" t="s">
        <v>22</v>
      </c>
      <c r="Z3499" s="10" t="s">
        <v>22</v>
      </c>
    </row>
    <row r="3500" spans="1:26" ht="24" customHeight="1" x14ac:dyDescent="0.2">
      <c r="B3500" s="9" t="s">
        <v>13966</v>
      </c>
      <c r="C3500" s="5" t="s">
        <v>21368</v>
      </c>
      <c r="D3500" s="6" t="s">
        <v>21369</v>
      </c>
      <c r="E3500" s="4">
        <v>45687</v>
      </c>
      <c r="F3500" s="7" t="s">
        <v>21370</v>
      </c>
      <c r="G3500" s="6" t="s">
        <v>21369</v>
      </c>
      <c r="H3500" s="6" t="s">
        <v>18</v>
      </c>
      <c r="I3500" s="6" t="s">
        <v>21371</v>
      </c>
      <c r="J3500" s="6" t="s">
        <v>21372</v>
      </c>
      <c r="K3500" s="6" t="s">
        <v>21373</v>
      </c>
      <c r="L3500" s="10" t="s">
        <v>22</v>
      </c>
      <c r="M3500" s="10" t="s">
        <v>22</v>
      </c>
      <c r="N3500" s="10" t="s">
        <v>22</v>
      </c>
      <c r="U3500" s="10" t="s">
        <v>22</v>
      </c>
      <c r="V3500" s="10" t="s">
        <v>22</v>
      </c>
      <c r="W3500" s="10" t="s">
        <v>22</v>
      </c>
    </row>
    <row r="3501" spans="1:26" ht="24" customHeight="1" x14ac:dyDescent="0.2">
      <c r="A3501" s="9" t="s">
        <v>20665</v>
      </c>
      <c r="B3501" s="9" t="s">
        <v>15137</v>
      </c>
      <c r="C3501" s="9" t="s">
        <v>15</v>
      </c>
      <c r="D3501" s="6" t="s">
        <v>15138</v>
      </c>
      <c r="E3501" s="22">
        <v>44580</v>
      </c>
      <c r="F3501" s="22">
        <v>46405</v>
      </c>
      <c r="G3501" s="6" t="s">
        <v>15139</v>
      </c>
      <c r="H3501" s="6" t="s">
        <v>18</v>
      </c>
      <c r="I3501" s="6" t="s">
        <v>67</v>
      </c>
      <c r="J3501" s="6" t="s">
        <v>15140</v>
      </c>
      <c r="K3501" s="9" t="s">
        <v>15141</v>
      </c>
      <c r="L3501" s="10" t="s">
        <v>22</v>
      </c>
      <c r="M3501" s="10" t="s">
        <v>22</v>
      </c>
      <c r="N3501" s="10" t="s">
        <v>22</v>
      </c>
      <c r="O3501" s="10" t="s">
        <v>22</v>
      </c>
      <c r="P3501" s="10" t="s">
        <v>22</v>
      </c>
      <c r="Q3501" s="10" t="s">
        <v>22</v>
      </c>
      <c r="R3501" s="10" t="s">
        <v>22</v>
      </c>
      <c r="S3501" s="10" t="s">
        <v>22</v>
      </c>
      <c r="T3501" s="10" t="s">
        <v>22</v>
      </c>
      <c r="U3501" s="10" t="s">
        <v>22</v>
      </c>
      <c r="V3501" s="10" t="s">
        <v>22</v>
      </c>
      <c r="W3501" s="10" t="s">
        <v>22</v>
      </c>
      <c r="X3501" s="10" t="s">
        <v>22</v>
      </c>
      <c r="Y3501" s="10" t="s">
        <v>22</v>
      </c>
      <c r="Z3501" s="10" t="s">
        <v>22</v>
      </c>
    </row>
    <row r="3502" spans="1:26" ht="24" customHeight="1" x14ac:dyDescent="0.2">
      <c r="A3502" s="9" t="s">
        <v>20666</v>
      </c>
      <c r="B3502" s="9" t="s">
        <v>15137</v>
      </c>
      <c r="C3502" s="9" t="s">
        <v>23</v>
      </c>
      <c r="D3502" s="6" t="s">
        <v>15142</v>
      </c>
      <c r="E3502" s="22">
        <v>44580</v>
      </c>
      <c r="F3502" s="22">
        <v>46405</v>
      </c>
      <c r="G3502" s="6" t="s">
        <v>15143</v>
      </c>
      <c r="H3502" s="6" t="s">
        <v>18</v>
      </c>
      <c r="I3502" s="6" t="s">
        <v>67</v>
      </c>
      <c r="J3502" s="6" t="s">
        <v>15144</v>
      </c>
      <c r="K3502" s="9" t="s">
        <v>15145</v>
      </c>
      <c r="L3502" s="10" t="s">
        <v>22</v>
      </c>
      <c r="M3502" s="10" t="s">
        <v>22</v>
      </c>
      <c r="N3502" s="10" t="s">
        <v>22</v>
      </c>
      <c r="O3502" s="10" t="s">
        <v>22</v>
      </c>
      <c r="P3502" s="10" t="s">
        <v>22</v>
      </c>
      <c r="Q3502" s="10" t="s">
        <v>22</v>
      </c>
      <c r="R3502" s="10" t="s">
        <v>22</v>
      </c>
      <c r="S3502" s="10" t="s">
        <v>22</v>
      </c>
      <c r="T3502" s="10" t="s">
        <v>22</v>
      </c>
      <c r="U3502" s="10" t="s">
        <v>22</v>
      </c>
      <c r="V3502" s="10" t="s">
        <v>22</v>
      </c>
      <c r="W3502" s="10" t="s">
        <v>22</v>
      </c>
      <c r="X3502" s="10" t="s">
        <v>22</v>
      </c>
      <c r="Y3502" s="10" t="s">
        <v>22</v>
      </c>
      <c r="Z3502" s="10" t="s">
        <v>22</v>
      </c>
    </row>
    <row r="3503" spans="1:26" ht="24" customHeight="1" x14ac:dyDescent="0.2">
      <c r="A3503" s="9" t="s">
        <v>20667</v>
      </c>
      <c r="B3503" s="9" t="s">
        <v>15137</v>
      </c>
      <c r="C3503" s="9" t="s">
        <v>34</v>
      </c>
      <c r="D3503" s="6" t="s">
        <v>15146</v>
      </c>
      <c r="E3503" s="22">
        <v>44580</v>
      </c>
      <c r="F3503" s="22">
        <v>46405</v>
      </c>
      <c r="G3503" s="6" t="s">
        <v>15147</v>
      </c>
      <c r="H3503" s="6" t="s">
        <v>18</v>
      </c>
      <c r="I3503" s="6" t="s">
        <v>7031</v>
      </c>
      <c r="J3503" s="6" t="s">
        <v>15148</v>
      </c>
      <c r="K3503" s="9" t="s">
        <v>15149</v>
      </c>
      <c r="L3503" s="10" t="s">
        <v>22</v>
      </c>
      <c r="M3503" s="10" t="s">
        <v>22</v>
      </c>
      <c r="N3503" s="10" t="s">
        <v>22</v>
      </c>
      <c r="O3503" s="10" t="s">
        <v>22</v>
      </c>
      <c r="P3503" s="10" t="s">
        <v>22</v>
      </c>
      <c r="Q3503" s="10" t="s">
        <v>22</v>
      </c>
      <c r="R3503" s="10" t="s">
        <v>22</v>
      </c>
      <c r="S3503" s="10" t="s">
        <v>22</v>
      </c>
      <c r="T3503" s="10" t="s">
        <v>22</v>
      </c>
      <c r="U3503" s="10" t="s">
        <v>22</v>
      </c>
      <c r="V3503" s="10" t="s">
        <v>22</v>
      </c>
      <c r="W3503" s="10" t="s">
        <v>22</v>
      </c>
      <c r="X3503" s="10" t="s">
        <v>22</v>
      </c>
      <c r="Y3503" s="10" t="s">
        <v>22</v>
      </c>
      <c r="Z3503" s="10" t="s">
        <v>22</v>
      </c>
    </row>
    <row r="3504" spans="1:26" ht="24" customHeight="1" x14ac:dyDescent="0.2">
      <c r="A3504" s="9" t="s">
        <v>20668</v>
      </c>
      <c r="B3504" s="9" t="s">
        <v>15137</v>
      </c>
      <c r="C3504" s="9" t="s">
        <v>15150</v>
      </c>
      <c r="D3504" s="6" t="s">
        <v>15151</v>
      </c>
      <c r="E3504" s="22">
        <v>44580</v>
      </c>
      <c r="F3504" s="22">
        <v>46405</v>
      </c>
      <c r="G3504" s="6" t="s">
        <v>15152</v>
      </c>
      <c r="H3504" s="6" t="s">
        <v>18</v>
      </c>
      <c r="I3504" s="6" t="s">
        <v>3615</v>
      </c>
      <c r="J3504" s="6" t="s">
        <v>15153</v>
      </c>
      <c r="K3504" s="9" t="s">
        <v>15154</v>
      </c>
      <c r="L3504" s="10" t="s">
        <v>22</v>
      </c>
      <c r="M3504" s="10" t="s">
        <v>22</v>
      </c>
      <c r="N3504" s="10" t="s">
        <v>22</v>
      </c>
      <c r="O3504" s="10" t="s">
        <v>22</v>
      </c>
      <c r="P3504" s="10" t="s">
        <v>22</v>
      </c>
      <c r="Q3504" s="10" t="s">
        <v>22</v>
      </c>
      <c r="S3504" s="10" t="s">
        <v>22</v>
      </c>
      <c r="T3504" s="10" t="s">
        <v>22</v>
      </c>
      <c r="U3504" s="10" t="s">
        <v>22</v>
      </c>
      <c r="V3504" s="10" t="s">
        <v>22</v>
      </c>
      <c r="W3504" s="10" t="s">
        <v>22</v>
      </c>
      <c r="X3504" s="10" t="s">
        <v>22</v>
      </c>
      <c r="Y3504" s="10" t="s">
        <v>22</v>
      </c>
      <c r="Z3504" s="10" t="s">
        <v>22</v>
      </c>
    </row>
    <row r="3505" spans="1:26" ht="24" customHeight="1" x14ac:dyDescent="0.2">
      <c r="A3505" s="9" t="s">
        <v>20669</v>
      </c>
      <c r="B3505" s="9" t="s">
        <v>15137</v>
      </c>
      <c r="C3505" s="9" t="s">
        <v>70</v>
      </c>
      <c r="D3505" s="6" t="s">
        <v>15155</v>
      </c>
      <c r="E3505" s="22">
        <v>44597</v>
      </c>
      <c r="F3505" s="22">
        <v>46422</v>
      </c>
      <c r="G3505" s="6" t="s">
        <v>15156</v>
      </c>
      <c r="H3505" s="6" t="s">
        <v>18</v>
      </c>
      <c r="I3505" s="6" t="s">
        <v>7031</v>
      </c>
      <c r="J3505" s="6" t="s">
        <v>15157</v>
      </c>
      <c r="K3505" s="9" t="s">
        <v>15158</v>
      </c>
      <c r="L3505" s="10" t="s">
        <v>22</v>
      </c>
      <c r="M3505" s="10" t="s">
        <v>22</v>
      </c>
      <c r="N3505" s="10" t="s">
        <v>22</v>
      </c>
      <c r="O3505" s="10" t="s">
        <v>22</v>
      </c>
      <c r="P3505" s="10" t="s">
        <v>22</v>
      </c>
      <c r="Q3505" s="10" t="s">
        <v>22</v>
      </c>
      <c r="R3505" s="10" t="s">
        <v>22</v>
      </c>
      <c r="S3505" s="10" t="s">
        <v>22</v>
      </c>
      <c r="T3505" s="10" t="s">
        <v>22</v>
      </c>
      <c r="U3505" s="10" t="s">
        <v>22</v>
      </c>
      <c r="V3505" s="10" t="s">
        <v>22</v>
      </c>
      <c r="W3505" s="10" t="s">
        <v>22</v>
      </c>
      <c r="X3505" s="10" t="s">
        <v>22</v>
      </c>
      <c r="Y3505" s="10" t="s">
        <v>22</v>
      </c>
      <c r="Z3505" s="10" t="s">
        <v>22</v>
      </c>
    </row>
    <row r="3506" spans="1:26" ht="24" customHeight="1" x14ac:dyDescent="0.2">
      <c r="A3506" s="9" t="s">
        <v>20670</v>
      </c>
      <c r="B3506" s="9" t="s">
        <v>15137</v>
      </c>
      <c r="C3506" s="9" t="s">
        <v>15159</v>
      </c>
      <c r="D3506" s="6" t="s">
        <v>15160</v>
      </c>
      <c r="E3506" s="22">
        <v>44619</v>
      </c>
      <c r="F3506" s="22">
        <v>46444</v>
      </c>
      <c r="G3506" s="6" t="s">
        <v>15161</v>
      </c>
      <c r="H3506" s="6" t="s">
        <v>18</v>
      </c>
      <c r="I3506" s="6" t="s">
        <v>67</v>
      </c>
      <c r="J3506" s="6" t="s">
        <v>15162</v>
      </c>
      <c r="K3506" s="9" t="s">
        <v>15163</v>
      </c>
      <c r="M3506" s="10" t="s">
        <v>22</v>
      </c>
      <c r="N3506" s="10" t="s">
        <v>22</v>
      </c>
      <c r="V3506" s="10" t="s">
        <v>22</v>
      </c>
      <c r="W3506" s="10" t="s">
        <v>22</v>
      </c>
    </row>
    <row r="3507" spans="1:26" ht="24" customHeight="1" x14ac:dyDescent="0.2">
      <c r="A3507" s="9" t="s">
        <v>20671</v>
      </c>
      <c r="B3507" s="9" t="s">
        <v>15137</v>
      </c>
      <c r="C3507" s="9" t="s">
        <v>97</v>
      </c>
      <c r="D3507" s="6" t="s">
        <v>15164</v>
      </c>
      <c r="E3507" s="22">
        <v>44639</v>
      </c>
      <c r="F3507" s="22">
        <v>46464</v>
      </c>
      <c r="G3507" s="6" t="s">
        <v>15165</v>
      </c>
      <c r="H3507" s="6" t="s">
        <v>18</v>
      </c>
      <c r="I3507" s="6" t="s">
        <v>522</v>
      </c>
      <c r="J3507" s="6" t="s">
        <v>15166</v>
      </c>
      <c r="K3507" s="9" t="s">
        <v>15167</v>
      </c>
      <c r="L3507" s="10" t="s">
        <v>22</v>
      </c>
      <c r="M3507" s="10" t="s">
        <v>22</v>
      </c>
      <c r="N3507" s="10" t="s">
        <v>22</v>
      </c>
      <c r="O3507" s="10" t="s">
        <v>22</v>
      </c>
      <c r="P3507" s="10" t="s">
        <v>22</v>
      </c>
      <c r="Q3507" s="10" t="s">
        <v>22</v>
      </c>
      <c r="R3507" s="10" t="s">
        <v>22</v>
      </c>
      <c r="S3507" s="10" t="s">
        <v>22</v>
      </c>
      <c r="T3507" s="10" t="s">
        <v>22</v>
      </c>
      <c r="U3507" s="10" t="s">
        <v>22</v>
      </c>
      <c r="V3507" s="10" t="s">
        <v>22</v>
      </c>
      <c r="W3507" s="10" t="s">
        <v>22</v>
      </c>
      <c r="X3507" s="10" t="s">
        <v>22</v>
      </c>
      <c r="Y3507" s="10" t="s">
        <v>22</v>
      </c>
      <c r="Z3507" s="10" t="s">
        <v>22</v>
      </c>
    </row>
    <row r="3508" spans="1:26" ht="24" customHeight="1" x14ac:dyDescent="0.2">
      <c r="A3508" s="9" t="s">
        <v>20672</v>
      </c>
      <c r="B3508" s="9" t="s">
        <v>15137</v>
      </c>
      <c r="C3508" s="9" t="s">
        <v>13696</v>
      </c>
      <c r="D3508" s="6" t="s">
        <v>15168</v>
      </c>
      <c r="E3508" s="22">
        <v>44653</v>
      </c>
      <c r="F3508" s="22">
        <v>46478</v>
      </c>
      <c r="G3508" s="6" t="s">
        <v>15169</v>
      </c>
      <c r="H3508" s="6" t="s">
        <v>18</v>
      </c>
      <c r="I3508" s="6" t="s">
        <v>522</v>
      </c>
      <c r="J3508" s="6" t="s">
        <v>15170</v>
      </c>
      <c r="K3508" s="9" t="s">
        <v>15171</v>
      </c>
      <c r="L3508" s="10" t="s">
        <v>22</v>
      </c>
      <c r="M3508" s="10" t="s">
        <v>22</v>
      </c>
      <c r="N3508" s="10" t="s">
        <v>22</v>
      </c>
      <c r="O3508" s="10" t="s">
        <v>22</v>
      </c>
      <c r="P3508" s="10" t="s">
        <v>22</v>
      </c>
      <c r="Q3508" s="10" t="s">
        <v>22</v>
      </c>
      <c r="U3508" s="10" t="s">
        <v>22</v>
      </c>
      <c r="V3508" s="10" t="s">
        <v>22</v>
      </c>
      <c r="W3508" s="10" t="s">
        <v>22</v>
      </c>
      <c r="X3508" s="10" t="s">
        <v>22</v>
      </c>
      <c r="Y3508" s="10" t="s">
        <v>22</v>
      </c>
      <c r="Z3508" s="10" t="s">
        <v>22</v>
      </c>
    </row>
    <row r="3509" spans="1:26" ht="24" customHeight="1" x14ac:dyDescent="0.2">
      <c r="A3509" s="9" t="s">
        <v>20673</v>
      </c>
      <c r="B3509" s="9" t="s">
        <v>15137</v>
      </c>
      <c r="C3509" s="9" t="s">
        <v>13702</v>
      </c>
      <c r="D3509" s="6" t="s">
        <v>15172</v>
      </c>
      <c r="E3509" s="22">
        <v>44662</v>
      </c>
      <c r="F3509" s="22">
        <v>46487</v>
      </c>
      <c r="G3509" s="6" t="s">
        <v>15173</v>
      </c>
      <c r="H3509" s="6" t="s">
        <v>18</v>
      </c>
      <c r="I3509" s="6" t="s">
        <v>15174</v>
      </c>
      <c r="J3509" s="6" t="s">
        <v>15175</v>
      </c>
      <c r="K3509" s="9" t="s">
        <v>15176</v>
      </c>
      <c r="L3509" s="10" t="s">
        <v>22</v>
      </c>
      <c r="M3509" s="10" t="s">
        <v>22</v>
      </c>
      <c r="N3509" s="10" t="s">
        <v>22</v>
      </c>
      <c r="O3509" s="10" t="s">
        <v>22</v>
      </c>
      <c r="P3509" s="10" t="s">
        <v>22</v>
      </c>
      <c r="Q3509" s="10" t="s">
        <v>22</v>
      </c>
      <c r="R3509" s="10" t="s">
        <v>22</v>
      </c>
      <c r="S3509" s="10" t="s">
        <v>22</v>
      </c>
      <c r="T3509" s="10" t="s">
        <v>22</v>
      </c>
      <c r="U3509" s="10" t="s">
        <v>22</v>
      </c>
      <c r="V3509" s="10" t="s">
        <v>22</v>
      </c>
      <c r="W3509" s="10" t="s">
        <v>22</v>
      </c>
      <c r="X3509" s="10" t="s">
        <v>22</v>
      </c>
      <c r="Y3509" s="10" t="s">
        <v>22</v>
      </c>
      <c r="Z3509" s="10" t="s">
        <v>22</v>
      </c>
    </row>
    <row r="3510" spans="1:26" ht="24" customHeight="1" x14ac:dyDescent="0.2">
      <c r="A3510" s="9" t="s">
        <v>20674</v>
      </c>
      <c r="B3510" s="9" t="s">
        <v>15137</v>
      </c>
      <c r="C3510" s="9" t="s">
        <v>141</v>
      </c>
      <c r="D3510" s="6" t="s">
        <v>15177</v>
      </c>
      <c r="E3510" s="22">
        <v>44702</v>
      </c>
      <c r="F3510" s="22">
        <v>46527</v>
      </c>
      <c r="G3510" s="6" t="s">
        <v>15178</v>
      </c>
      <c r="H3510" s="6" t="s">
        <v>18</v>
      </c>
      <c r="I3510" s="6" t="s">
        <v>67</v>
      </c>
      <c r="J3510" s="6" t="s">
        <v>15179</v>
      </c>
      <c r="K3510" s="9" t="s">
        <v>15180</v>
      </c>
      <c r="L3510" s="10" t="s">
        <v>22</v>
      </c>
      <c r="M3510" s="10" t="s">
        <v>22</v>
      </c>
      <c r="N3510" s="10" t="s">
        <v>22</v>
      </c>
      <c r="O3510" s="10" t="s">
        <v>22</v>
      </c>
      <c r="P3510" s="10" t="s">
        <v>22</v>
      </c>
      <c r="Q3510" s="10" t="s">
        <v>22</v>
      </c>
      <c r="R3510" s="10" t="s">
        <v>22</v>
      </c>
      <c r="S3510" s="10" t="s">
        <v>22</v>
      </c>
      <c r="T3510" s="10" t="s">
        <v>22</v>
      </c>
      <c r="U3510" s="10" t="s">
        <v>22</v>
      </c>
      <c r="V3510" s="10" t="s">
        <v>22</v>
      </c>
      <c r="W3510" s="10" t="s">
        <v>22</v>
      </c>
      <c r="X3510" s="10" t="s">
        <v>22</v>
      </c>
      <c r="Y3510" s="10" t="s">
        <v>22</v>
      </c>
      <c r="Z3510" s="10" t="s">
        <v>22</v>
      </c>
    </row>
    <row r="3511" spans="1:26" ht="24" customHeight="1" x14ac:dyDescent="0.2">
      <c r="A3511" s="9" t="s">
        <v>20675</v>
      </c>
      <c r="B3511" s="9" t="s">
        <v>15137</v>
      </c>
      <c r="C3511" s="9" t="s">
        <v>15181</v>
      </c>
      <c r="D3511" s="6" t="s">
        <v>15182</v>
      </c>
      <c r="E3511" s="22">
        <v>44712</v>
      </c>
      <c r="F3511" s="22">
        <v>46537</v>
      </c>
      <c r="G3511" s="6" t="s">
        <v>15183</v>
      </c>
      <c r="H3511" s="6" t="s">
        <v>18</v>
      </c>
      <c r="I3511" s="6" t="s">
        <v>727</v>
      </c>
      <c r="J3511" s="6" t="s">
        <v>15184</v>
      </c>
      <c r="K3511" s="9" t="s">
        <v>15185</v>
      </c>
      <c r="L3511" s="10" t="s">
        <v>22</v>
      </c>
      <c r="M3511" s="10" t="s">
        <v>22</v>
      </c>
      <c r="N3511" s="10" t="s">
        <v>22</v>
      </c>
      <c r="O3511" s="10" t="s">
        <v>22</v>
      </c>
      <c r="P3511" s="10" t="s">
        <v>22</v>
      </c>
      <c r="Q3511" s="10" t="s">
        <v>22</v>
      </c>
      <c r="R3511" s="10" t="s">
        <v>22</v>
      </c>
      <c r="S3511" s="10" t="s">
        <v>22</v>
      </c>
      <c r="T3511" s="10" t="s">
        <v>22</v>
      </c>
      <c r="U3511" s="10" t="s">
        <v>22</v>
      </c>
      <c r="V3511" s="10" t="s">
        <v>22</v>
      </c>
      <c r="W3511" s="10" t="s">
        <v>22</v>
      </c>
      <c r="X3511" s="10" t="s">
        <v>22</v>
      </c>
      <c r="Y3511" s="10" t="s">
        <v>22</v>
      </c>
      <c r="Z3511" s="10" t="s">
        <v>22</v>
      </c>
    </row>
    <row r="3512" spans="1:26" ht="24" customHeight="1" x14ac:dyDescent="0.2">
      <c r="A3512" s="9" t="s">
        <v>20676</v>
      </c>
      <c r="B3512" s="9" t="s">
        <v>15137</v>
      </c>
      <c r="C3512" s="9" t="s">
        <v>15186</v>
      </c>
      <c r="D3512" s="6" t="s">
        <v>15187</v>
      </c>
      <c r="E3512" s="22">
        <v>44716</v>
      </c>
      <c r="F3512" s="22">
        <v>46541</v>
      </c>
      <c r="G3512" s="6" t="s">
        <v>15188</v>
      </c>
      <c r="H3512" s="6" t="s">
        <v>18</v>
      </c>
      <c r="I3512" s="6" t="s">
        <v>15174</v>
      </c>
      <c r="J3512" s="6" t="s">
        <v>15189</v>
      </c>
      <c r="K3512" s="9" t="s">
        <v>15190</v>
      </c>
      <c r="L3512" s="10" t="s">
        <v>22</v>
      </c>
      <c r="M3512" s="10" t="s">
        <v>22</v>
      </c>
      <c r="N3512" s="10" t="s">
        <v>22</v>
      </c>
      <c r="O3512" s="10" t="s">
        <v>22</v>
      </c>
      <c r="P3512" s="10" t="s">
        <v>22</v>
      </c>
      <c r="Q3512" s="10" t="s">
        <v>22</v>
      </c>
      <c r="R3512" s="10" t="s">
        <v>22</v>
      </c>
      <c r="S3512" s="10" t="s">
        <v>22</v>
      </c>
      <c r="T3512" s="10" t="s">
        <v>22</v>
      </c>
      <c r="U3512" s="10" t="s">
        <v>22</v>
      </c>
      <c r="V3512" s="10" t="s">
        <v>22</v>
      </c>
      <c r="W3512" s="10" t="s">
        <v>22</v>
      </c>
      <c r="X3512" s="10" t="s">
        <v>22</v>
      </c>
      <c r="Y3512" s="10" t="s">
        <v>22</v>
      </c>
      <c r="Z3512" s="10" t="s">
        <v>22</v>
      </c>
    </row>
    <row r="3513" spans="1:26" ht="24" customHeight="1" x14ac:dyDescent="0.2">
      <c r="A3513" s="9" t="s">
        <v>20677</v>
      </c>
      <c r="B3513" s="9" t="s">
        <v>15137</v>
      </c>
      <c r="C3513" s="9" t="s">
        <v>151</v>
      </c>
      <c r="D3513" s="6" t="s">
        <v>15191</v>
      </c>
      <c r="E3513" s="22">
        <v>44716</v>
      </c>
      <c r="F3513" s="22">
        <v>46541</v>
      </c>
      <c r="G3513" s="6" t="s">
        <v>15192</v>
      </c>
      <c r="H3513" s="6" t="s">
        <v>18</v>
      </c>
      <c r="I3513" s="6" t="s">
        <v>3615</v>
      </c>
      <c r="J3513" s="6" t="s">
        <v>15193</v>
      </c>
      <c r="K3513" s="9" t="s">
        <v>15194</v>
      </c>
      <c r="L3513" s="10" t="s">
        <v>22</v>
      </c>
      <c r="M3513" s="10" t="s">
        <v>22</v>
      </c>
      <c r="N3513" s="10" t="s">
        <v>22</v>
      </c>
      <c r="O3513" s="10" t="s">
        <v>22</v>
      </c>
      <c r="P3513" s="10" t="s">
        <v>22</v>
      </c>
      <c r="Q3513" s="10" t="s">
        <v>22</v>
      </c>
      <c r="R3513" s="10" t="s">
        <v>22</v>
      </c>
      <c r="S3513" s="10" t="s">
        <v>22</v>
      </c>
      <c r="T3513" s="10" t="s">
        <v>22</v>
      </c>
      <c r="U3513" s="10" t="s">
        <v>22</v>
      </c>
      <c r="V3513" s="10" t="s">
        <v>22</v>
      </c>
      <c r="W3513" s="10" t="s">
        <v>22</v>
      </c>
      <c r="X3513" s="10" t="s">
        <v>22</v>
      </c>
      <c r="Y3513" s="10" t="s">
        <v>22</v>
      </c>
      <c r="Z3513" s="10" t="s">
        <v>22</v>
      </c>
    </row>
    <row r="3514" spans="1:26" ht="24" customHeight="1" x14ac:dyDescent="0.2">
      <c r="A3514" s="9" t="s">
        <v>20678</v>
      </c>
      <c r="B3514" s="9" t="s">
        <v>15137</v>
      </c>
      <c r="C3514" s="9" t="s">
        <v>15195</v>
      </c>
      <c r="D3514" s="6" t="s">
        <v>15196</v>
      </c>
      <c r="E3514" s="22">
        <v>44719</v>
      </c>
      <c r="F3514" s="22">
        <v>46544</v>
      </c>
      <c r="G3514" s="6" t="s">
        <v>15197</v>
      </c>
      <c r="H3514" s="6" t="s">
        <v>18</v>
      </c>
      <c r="I3514" s="6" t="s">
        <v>67</v>
      </c>
      <c r="J3514" s="6" t="s">
        <v>15198</v>
      </c>
      <c r="K3514" s="9" t="s">
        <v>15199</v>
      </c>
      <c r="L3514" s="10" t="s">
        <v>22</v>
      </c>
      <c r="M3514" s="10" t="s">
        <v>22</v>
      </c>
      <c r="N3514" s="10" t="s">
        <v>22</v>
      </c>
      <c r="O3514" s="10" t="s">
        <v>22</v>
      </c>
      <c r="P3514" s="10" t="s">
        <v>22</v>
      </c>
      <c r="Q3514" s="10" t="s">
        <v>22</v>
      </c>
      <c r="U3514" s="10" t="s">
        <v>22</v>
      </c>
      <c r="V3514" s="10" t="s">
        <v>22</v>
      </c>
      <c r="W3514" s="10" t="s">
        <v>22</v>
      </c>
      <c r="X3514" s="10" t="s">
        <v>22</v>
      </c>
      <c r="Y3514" s="10" t="s">
        <v>22</v>
      </c>
      <c r="Z3514" s="10" t="s">
        <v>22</v>
      </c>
    </row>
    <row r="3515" spans="1:26" ht="24" customHeight="1" x14ac:dyDescent="0.2">
      <c r="A3515" s="9" t="s">
        <v>20679</v>
      </c>
      <c r="B3515" s="9" t="s">
        <v>15137</v>
      </c>
      <c r="C3515" s="9" t="s">
        <v>13715</v>
      </c>
      <c r="D3515" s="6" t="s">
        <v>15200</v>
      </c>
      <c r="E3515" s="22">
        <v>44725</v>
      </c>
      <c r="F3515" s="22">
        <v>46550</v>
      </c>
      <c r="G3515" s="6" t="s">
        <v>15201</v>
      </c>
      <c r="H3515" s="6" t="s">
        <v>18</v>
      </c>
      <c r="I3515" s="6" t="s">
        <v>67</v>
      </c>
      <c r="J3515" s="6" t="s">
        <v>15202</v>
      </c>
      <c r="K3515" s="9" t="s">
        <v>15203</v>
      </c>
      <c r="L3515" s="10" t="s">
        <v>22</v>
      </c>
      <c r="M3515" s="10" t="s">
        <v>22</v>
      </c>
      <c r="N3515" s="10" t="s">
        <v>22</v>
      </c>
      <c r="O3515" s="10" t="s">
        <v>22</v>
      </c>
      <c r="P3515" s="10" t="s">
        <v>22</v>
      </c>
      <c r="Q3515" s="10" t="s">
        <v>22</v>
      </c>
      <c r="R3515" s="10" t="s">
        <v>22</v>
      </c>
      <c r="S3515" s="10" t="s">
        <v>22</v>
      </c>
      <c r="T3515" s="10" t="s">
        <v>22</v>
      </c>
      <c r="U3515" s="10" t="s">
        <v>22</v>
      </c>
      <c r="V3515" s="10" t="s">
        <v>22</v>
      </c>
      <c r="W3515" s="10" t="s">
        <v>22</v>
      </c>
      <c r="X3515" s="10" t="s">
        <v>22</v>
      </c>
      <c r="Y3515" s="10" t="s">
        <v>22</v>
      </c>
      <c r="Z3515" s="10" t="s">
        <v>22</v>
      </c>
    </row>
    <row r="3516" spans="1:26" ht="24" customHeight="1" x14ac:dyDescent="0.2">
      <c r="A3516" s="9" t="s">
        <v>20680</v>
      </c>
      <c r="B3516" s="9" t="s">
        <v>15137</v>
      </c>
      <c r="C3516" s="9" t="s">
        <v>15204</v>
      </c>
      <c r="D3516" s="6" t="s">
        <v>15205</v>
      </c>
      <c r="E3516" s="22">
        <v>44734</v>
      </c>
      <c r="F3516" s="22">
        <v>46559</v>
      </c>
      <c r="G3516" s="6" t="s">
        <v>15206</v>
      </c>
      <c r="H3516" s="6" t="s">
        <v>18</v>
      </c>
      <c r="I3516" s="6" t="s">
        <v>67</v>
      </c>
      <c r="J3516" s="6" t="s">
        <v>15207</v>
      </c>
      <c r="K3516" s="9" t="s">
        <v>15208</v>
      </c>
      <c r="L3516" s="10" t="s">
        <v>22</v>
      </c>
      <c r="M3516" s="10" t="s">
        <v>22</v>
      </c>
      <c r="N3516" s="10" t="s">
        <v>22</v>
      </c>
      <c r="O3516" s="10" t="s">
        <v>22</v>
      </c>
      <c r="P3516" s="10" t="s">
        <v>22</v>
      </c>
      <c r="Q3516" s="10" t="s">
        <v>22</v>
      </c>
    </row>
    <row r="3517" spans="1:26" ht="24" customHeight="1" x14ac:dyDescent="0.2">
      <c r="A3517" s="9" t="s">
        <v>20681</v>
      </c>
      <c r="B3517" s="9" t="s">
        <v>15137</v>
      </c>
      <c r="C3517" s="9" t="s">
        <v>15209</v>
      </c>
      <c r="D3517" s="6" t="s">
        <v>15210</v>
      </c>
      <c r="E3517" s="22">
        <v>44739</v>
      </c>
      <c r="F3517" s="22">
        <v>46564</v>
      </c>
      <c r="G3517" s="6" t="s">
        <v>15211</v>
      </c>
      <c r="H3517" s="6" t="s">
        <v>18</v>
      </c>
      <c r="I3517" s="6" t="s">
        <v>522</v>
      </c>
      <c r="J3517" s="6" t="s">
        <v>15212</v>
      </c>
      <c r="K3517" s="9" t="s">
        <v>15213</v>
      </c>
      <c r="L3517" s="10" t="s">
        <v>22</v>
      </c>
      <c r="M3517" s="10" t="s">
        <v>22</v>
      </c>
      <c r="N3517" s="10" t="s">
        <v>22</v>
      </c>
      <c r="O3517" s="10" t="s">
        <v>22</v>
      </c>
      <c r="P3517" s="10" t="s">
        <v>22</v>
      </c>
      <c r="Q3517" s="10" t="s">
        <v>22</v>
      </c>
      <c r="R3517" s="10" t="s">
        <v>22</v>
      </c>
      <c r="S3517" s="10" t="s">
        <v>22</v>
      </c>
      <c r="T3517" s="10" t="s">
        <v>22</v>
      </c>
      <c r="U3517" s="10" t="s">
        <v>22</v>
      </c>
      <c r="V3517" s="10" t="s">
        <v>22</v>
      </c>
      <c r="W3517" s="10" t="s">
        <v>22</v>
      </c>
      <c r="X3517" s="10" t="s">
        <v>22</v>
      </c>
      <c r="Y3517" s="10" t="s">
        <v>22</v>
      </c>
      <c r="Z3517" s="10" t="s">
        <v>22</v>
      </c>
    </row>
    <row r="3518" spans="1:26" ht="24" customHeight="1" x14ac:dyDescent="0.2">
      <c r="A3518" s="9" t="s">
        <v>20682</v>
      </c>
      <c r="B3518" s="9" t="s">
        <v>15137</v>
      </c>
      <c r="C3518" s="9" t="s">
        <v>175</v>
      </c>
      <c r="D3518" s="6" t="s">
        <v>15214</v>
      </c>
      <c r="E3518" s="22">
        <v>44760</v>
      </c>
      <c r="F3518" s="22">
        <v>46585</v>
      </c>
      <c r="G3518" s="6" t="s">
        <v>15215</v>
      </c>
      <c r="H3518" s="6" t="s">
        <v>18</v>
      </c>
      <c r="I3518" s="6" t="s">
        <v>522</v>
      </c>
      <c r="J3518" s="6" t="s">
        <v>15216</v>
      </c>
      <c r="K3518" s="9" t="s">
        <v>15217</v>
      </c>
      <c r="L3518" s="10" t="s">
        <v>22</v>
      </c>
      <c r="M3518" s="10" t="s">
        <v>22</v>
      </c>
      <c r="N3518" s="10" t="s">
        <v>22</v>
      </c>
      <c r="O3518" s="10" t="s">
        <v>22</v>
      </c>
      <c r="P3518" s="10" t="s">
        <v>22</v>
      </c>
      <c r="Q3518" s="10" t="s">
        <v>22</v>
      </c>
      <c r="U3518" s="10" t="s">
        <v>22</v>
      </c>
      <c r="V3518" s="10" t="s">
        <v>22</v>
      </c>
      <c r="W3518" s="10" t="s">
        <v>22</v>
      </c>
      <c r="X3518" s="10" t="s">
        <v>22</v>
      </c>
      <c r="Y3518" s="10" t="s">
        <v>22</v>
      </c>
      <c r="Z3518" s="10" t="s">
        <v>22</v>
      </c>
    </row>
    <row r="3519" spans="1:26" ht="24" customHeight="1" x14ac:dyDescent="0.2">
      <c r="A3519" s="9" t="s">
        <v>20683</v>
      </c>
      <c r="B3519" s="9" t="s">
        <v>15137</v>
      </c>
      <c r="C3519" s="9" t="s">
        <v>178</v>
      </c>
      <c r="D3519" s="6" t="s">
        <v>15218</v>
      </c>
      <c r="E3519" s="22">
        <v>44808</v>
      </c>
      <c r="F3519" s="22">
        <v>46633</v>
      </c>
      <c r="G3519" s="6" t="s">
        <v>15219</v>
      </c>
      <c r="H3519" s="6" t="s">
        <v>18</v>
      </c>
      <c r="I3519" s="6" t="s">
        <v>15174</v>
      </c>
      <c r="J3519" s="6" t="s">
        <v>15220</v>
      </c>
      <c r="K3519" s="9" t="s">
        <v>15221</v>
      </c>
      <c r="L3519" s="10" t="s">
        <v>22</v>
      </c>
      <c r="M3519" s="10" t="s">
        <v>22</v>
      </c>
      <c r="N3519" s="10" t="s">
        <v>22</v>
      </c>
      <c r="O3519" s="10" t="s">
        <v>22</v>
      </c>
      <c r="P3519" s="10" t="s">
        <v>22</v>
      </c>
      <c r="Q3519" s="10" t="s">
        <v>22</v>
      </c>
      <c r="R3519" s="10" t="s">
        <v>22</v>
      </c>
      <c r="S3519" s="10" t="s">
        <v>22</v>
      </c>
      <c r="T3519" s="10" t="s">
        <v>22</v>
      </c>
    </row>
    <row r="3520" spans="1:26" ht="24" customHeight="1" x14ac:dyDescent="0.2">
      <c r="A3520" s="9" t="s">
        <v>20684</v>
      </c>
      <c r="B3520" s="9" t="s">
        <v>15137</v>
      </c>
      <c r="C3520" s="9" t="s">
        <v>189</v>
      </c>
      <c r="D3520" s="6" t="s">
        <v>15222</v>
      </c>
      <c r="E3520" s="22">
        <v>44809</v>
      </c>
      <c r="F3520" s="22">
        <v>46634</v>
      </c>
      <c r="G3520" s="6" t="s">
        <v>15223</v>
      </c>
      <c r="H3520" s="6" t="s">
        <v>18</v>
      </c>
      <c r="I3520" s="6" t="s">
        <v>7031</v>
      </c>
      <c r="J3520" s="6" t="s">
        <v>15224</v>
      </c>
      <c r="K3520" s="9" t="s">
        <v>15225</v>
      </c>
      <c r="L3520" s="10" t="s">
        <v>22</v>
      </c>
      <c r="M3520" s="10" t="s">
        <v>22</v>
      </c>
      <c r="N3520" s="10" t="s">
        <v>22</v>
      </c>
      <c r="O3520" s="10" t="s">
        <v>22</v>
      </c>
      <c r="P3520" s="10" t="s">
        <v>22</v>
      </c>
      <c r="Q3520" s="10" t="s">
        <v>22</v>
      </c>
    </row>
    <row r="3521" spans="1:26" ht="24" customHeight="1" x14ac:dyDescent="0.2">
      <c r="A3521" s="9" t="s">
        <v>20685</v>
      </c>
      <c r="B3521" s="9" t="s">
        <v>15137</v>
      </c>
      <c r="C3521" s="9" t="s">
        <v>199</v>
      </c>
      <c r="D3521" s="6" t="s">
        <v>15226</v>
      </c>
      <c r="E3521" s="22">
        <v>44872</v>
      </c>
      <c r="F3521" s="22">
        <v>46697</v>
      </c>
      <c r="G3521" s="6" t="s">
        <v>15227</v>
      </c>
      <c r="H3521" s="6" t="s">
        <v>18</v>
      </c>
      <c r="I3521" s="6" t="s">
        <v>727</v>
      </c>
      <c r="J3521" s="6" t="s">
        <v>15228</v>
      </c>
      <c r="K3521" s="9" t="s">
        <v>15229</v>
      </c>
      <c r="L3521" s="10" t="s">
        <v>22</v>
      </c>
      <c r="M3521" s="10" t="s">
        <v>22</v>
      </c>
      <c r="N3521" s="10" t="s">
        <v>22</v>
      </c>
      <c r="O3521" s="10" t="s">
        <v>22</v>
      </c>
      <c r="P3521" s="10" t="s">
        <v>22</v>
      </c>
      <c r="Q3521" s="10" t="s">
        <v>22</v>
      </c>
      <c r="U3521" s="10" t="s">
        <v>22</v>
      </c>
      <c r="V3521" s="10" t="s">
        <v>22</v>
      </c>
      <c r="W3521" s="10" t="s">
        <v>22</v>
      </c>
      <c r="X3521" s="10" t="s">
        <v>22</v>
      </c>
      <c r="Y3521" s="10" t="s">
        <v>22</v>
      </c>
      <c r="Z3521" s="10" t="s">
        <v>22</v>
      </c>
    </row>
    <row r="3522" spans="1:26" ht="24" customHeight="1" x14ac:dyDescent="0.2">
      <c r="A3522" s="9" t="s">
        <v>20686</v>
      </c>
      <c r="B3522" s="9" t="s">
        <v>15137</v>
      </c>
      <c r="C3522" s="9" t="s">
        <v>216</v>
      </c>
      <c r="D3522" s="6" t="s">
        <v>15230</v>
      </c>
      <c r="E3522" s="22">
        <v>45027</v>
      </c>
      <c r="F3522" s="22">
        <v>46853</v>
      </c>
      <c r="G3522" s="6" t="s">
        <v>15231</v>
      </c>
      <c r="H3522" s="6" t="s">
        <v>18</v>
      </c>
      <c r="I3522" s="6" t="s">
        <v>522</v>
      </c>
      <c r="J3522" s="6" t="s">
        <v>15232</v>
      </c>
      <c r="K3522" s="9" t="s">
        <v>15233</v>
      </c>
      <c r="L3522" s="10" t="s">
        <v>22</v>
      </c>
      <c r="M3522" s="10" t="s">
        <v>22</v>
      </c>
      <c r="N3522" s="10" t="s">
        <v>22</v>
      </c>
      <c r="O3522" s="10" t="s">
        <v>22</v>
      </c>
      <c r="P3522" s="10" t="s">
        <v>22</v>
      </c>
      <c r="Q3522" s="10" t="s">
        <v>22</v>
      </c>
      <c r="R3522" s="10" t="s">
        <v>22</v>
      </c>
      <c r="S3522" s="10" t="s">
        <v>22</v>
      </c>
      <c r="T3522" s="10" t="s">
        <v>22</v>
      </c>
      <c r="U3522" s="10" t="s">
        <v>22</v>
      </c>
      <c r="V3522" s="10" t="s">
        <v>22</v>
      </c>
      <c r="W3522" s="10" t="s">
        <v>22</v>
      </c>
      <c r="X3522" s="10" t="s">
        <v>22</v>
      </c>
      <c r="Y3522" s="10" t="s">
        <v>22</v>
      </c>
      <c r="Z3522" s="10" t="s">
        <v>22</v>
      </c>
    </row>
    <row r="3523" spans="1:26" ht="24" customHeight="1" x14ac:dyDescent="0.2">
      <c r="A3523" s="9" t="s">
        <v>20687</v>
      </c>
      <c r="B3523" s="9" t="s">
        <v>15137</v>
      </c>
      <c r="C3523" s="9" t="s">
        <v>15234</v>
      </c>
      <c r="D3523" s="6" t="s">
        <v>15235</v>
      </c>
      <c r="E3523" s="22">
        <v>45224</v>
      </c>
      <c r="F3523" s="22">
        <v>47050</v>
      </c>
      <c r="G3523" s="6" t="s">
        <v>15236</v>
      </c>
      <c r="H3523" s="6" t="s">
        <v>18</v>
      </c>
      <c r="I3523" s="6" t="s">
        <v>7031</v>
      </c>
      <c r="J3523" s="6" t="s">
        <v>15237</v>
      </c>
      <c r="K3523" s="9" t="s">
        <v>15238</v>
      </c>
      <c r="L3523" s="10" t="s">
        <v>22</v>
      </c>
      <c r="M3523" s="10" t="s">
        <v>22</v>
      </c>
      <c r="N3523" s="10" t="s">
        <v>22</v>
      </c>
      <c r="O3523" s="10" t="s">
        <v>22</v>
      </c>
      <c r="P3523" s="10" t="s">
        <v>22</v>
      </c>
      <c r="Q3523" s="10" t="s">
        <v>22</v>
      </c>
      <c r="R3523" s="10" t="s">
        <v>22</v>
      </c>
      <c r="S3523" s="10" t="s">
        <v>22</v>
      </c>
      <c r="T3523" s="10" t="s">
        <v>22</v>
      </c>
    </row>
    <row r="3524" spans="1:26" ht="24" customHeight="1" x14ac:dyDescent="0.2">
      <c r="A3524" s="9" t="s">
        <v>20688</v>
      </c>
      <c r="B3524" s="9" t="s">
        <v>15137</v>
      </c>
      <c r="C3524" s="9" t="s">
        <v>13756</v>
      </c>
      <c r="D3524" s="6" t="s">
        <v>15239</v>
      </c>
      <c r="E3524" s="22">
        <v>45278</v>
      </c>
      <c r="F3524" s="22">
        <v>47104</v>
      </c>
      <c r="G3524" s="6" t="s">
        <v>15240</v>
      </c>
      <c r="H3524" s="6" t="s">
        <v>18</v>
      </c>
      <c r="I3524" s="6" t="s">
        <v>7031</v>
      </c>
      <c r="J3524" s="6" t="s">
        <v>15241</v>
      </c>
      <c r="K3524" s="9" t="s">
        <v>15242</v>
      </c>
      <c r="L3524" s="10" t="s">
        <v>22</v>
      </c>
      <c r="M3524" s="10" t="s">
        <v>22</v>
      </c>
      <c r="N3524" s="10" t="s">
        <v>22</v>
      </c>
      <c r="O3524" s="10" t="s">
        <v>22</v>
      </c>
      <c r="P3524" s="10" t="s">
        <v>22</v>
      </c>
      <c r="Q3524" s="10" t="s">
        <v>22</v>
      </c>
      <c r="R3524" s="10" t="s">
        <v>22</v>
      </c>
      <c r="S3524" s="10" t="s">
        <v>22</v>
      </c>
      <c r="T3524" s="10" t="s">
        <v>22</v>
      </c>
      <c r="U3524" s="10" t="s">
        <v>22</v>
      </c>
      <c r="V3524" s="10" t="s">
        <v>22</v>
      </c>
      <c r="W3524" s="10" t="s">
        <v>22</v>
      </c>
      <c r="X3524" s="10" t="s">
        <v>22</v>
      </c>
      <c r="Y3524" s="10" t="s">
        <v>22</v>
      </c>
      <c r="Z3524" s="10" t="s">
        <v>22</v>
      </c>
    </row>
    <row r="3525" spans="1:26" ht="24" customHeight="1" x14ac:dyDescent="0.2">
      <c r="A3525" s="9" t="s">
        <v>20689</v>
      </c>
      <c r="B3525" s="9" t="s">
        <v>15137</v>
      </c>
      <c r="C3525" s="9" t="s">
        <v>239</v>
      </c>
      <c r="D3525" s="6" t="s">
        <v>15243</v>
      </c>
      <c r="E3525" s="22">
        <v>45350</v>
      </c>
      <c r="F3525" s="22">
        <v>47176</v>
      </c>
      <c r="G3525" s="6" t="s">
        <v>15244</v>
      </c>
      <c r="H3525" s="6" t="s">
        <v>18</v>
      </c>
      <c r="I3525" s="6" t="s">
        <v>67</v>
      </c>
      <c r="J3525" s="6" t="s">
        <v>15198</v>
      </c>
      <c r="K3525" s="9" t="s">
        <v>15245</v>
      </c>
      <c r="L3525" s="10" t="s">
        <v>22</v>
      </c>
      <c r="M3525" s="10" t="s">
        <v>22</v>
      </c>
      <c r="N3525" s="10" t="s">
        <v>22</v>
      </c>
      <c r="O3525" s="10" t="s">
        <v>22</v>
      </c>
      <c r="P3525" s="10" t="s">
        <v>22</v>
      </c>
      <c r="Q3525" s="10" t="s">
        <v>22</v>
      </c>
      <c r="U3525" s="10" t="s">
        <v>22</v>
      </c>
      <c r="V3525" s="10" t="s">
        <v>22</v>
      </c>
      <c r="W3525" s="10" t="s">
        <v>22</v>
      </c>
      <c r="X3525" s="10" t="s">
        <v>22</v>
      </c>
      <c r="Y3525" s="10" t="s">
        <v>22</v>
      </c>
      <c r="Z3525" s="10" t="s">
        <v>22</v>
      </c>
    </row>
    <row r="3526" spans="1:26" ht="24" customHeight="1" x14ac:dyDescent="0.2">
      <c r="A3526" s="9" t="s">
        <v>20690</v>
      </c>
      <c r="B3526" s="9" t="s">
        <v>15137</v>
      </c>
      <c r="C3526" s="9" t="s">
        <v>249</v>
      </c>
      <c r="D3526" s="6" t="s">
        <v>15246</v>
      </c>
      <c r="E3526" s="22">
        <v>45402</v>
      </c>
      <c r="F3526" s="22">
        <v>47227</v>
      </c>
      <c r="G3526" s="6" t="s">
        <v>15247</v>
      </c>
      <c r="H3526" s="6" t="s">
        <v>18</v>
      </c>
      <c r="I3526" s="6" t="s">
        <v>727</v>
      </c>
      <c r="J3526" s="6" t="s">
        <v>15248</v>
      </c>
      <c r="K3526" s="9" t="s">
        <v>15249</v>
      </c>
      <c r="L3526" s="10" t="s">
        <v>22</v>
      </c>
      <c r="M3526" s="10" t="s">
        <v>22</v>
      </c>
      <c r="N3526" s="10" t="s">
        <v>22</v>
      </c>
      <c r="O3526" s="10" t="s">
        <v>22</v>
      </c>
      <c r="P3526" s="10" t="s">
        <v>22</v>
      </c>
      <c r="Q3526" s="10" t="s">
        <v>22</v>
      </c>
      <c r="U3526" s="10" t="s">
        <v>22</v>
      </c>
      <c r="V3526" s="10" t="s">
        <v>22</v>
      </c>
      <c r="W3526" s="10" t="s">
        <v>22</v>
      </c>
      <c r="X3526" s="10" t="s">
        <v>22</v>
      </c>
      <c r="Y3526" s="10" t="s">
        <v>22</v>
      </c>
      <c r="Z3526" s="10" t="s">
        <v>22</v>
      </c>
    </row>
    <row r="3527" spans="1:26" ht="24" customHeight="1" x14ac:dyDescent="0.2">
      <c r="A3527" s="9" t="s">
        <v>20691</v>
      </c>
      <c r="B3527" s="9" t="s">
        <v>15137</v>
      </c>
      <c r="C3527" s="9" t="s">
        <v>13771</v>
      </c>
      <c r="D3527" s="6" t="s">
        <v>15250</v>
      </c>
      <c r="E3527" s="22">
        <v>45423</v>
      </c>
      <c r="F3527" s="22">
        <v>47248</v>
      </c>
      <c r="G3527" s="6" t="s">
        <v>15251</v>
      </c>
      <c r="H3527" s="6" t="s">
        <v>18</v>
      </c>
      <c r="I3527" s="6" t="s">
        <v>67</v>
      </c>
      <c r="J3527" s="6" t="s">
        <v>15252</v>
      </c>
      <c r="K3527" s="9" t="s">
        <v>15253</v>
      </c>
      <c r="M3527" s="10" t="s">
        <v>22</v>
      </c>
      <c r="N3527" s="10" t="s">
        <v>22</v>
      </c>
      <c r="O3527" s="10" t="s">
        <v>22</v>
      </c>
      <c r="P3527" s="10" t="s">
        <v>22</v>
      </c>
      <c r="Q3527" s="10" t="s">
        <v>22</v>
      </c>
      <c r="V3527" s="10" t="s">
        <v>22</v>
      </c>
      <c r="W3527" s="10" t="s">
        <v>22</v>
      </c>
      <c r="X3527" s="10" t="s">
        <v>22</v>
      </c>
      <c r="Y3527" s="10" t="s">
        <v>22</v>
      </c>
      <c r="Z3527" s="10" t="s">
        <v>22</v>
      </c>
    </row>
    <row r="3528" spans="1:26" ht="24" customHeight="1" x14ac:dyDescent="0.2">
      <c r="A3528" s="9" t="s">
        <v>20692</v>
      </c>
      <c r="B3528" s="9" t="s">
        <v>15137</v>
      </c>
      <c r="C3528" s="9" t="s">
        <v>271</v>
      </c>
      <c r="D3528" s="6" t="s">
        <v>15254</v>
      </c>
      <c r="E3528" s="22">
        <v>45460</v>
      </c>
      <c r="F3528" s="22">
        <v>47285</v>
      </c>
      <c r="G3528" s="6" t="s">
        <v>15255</v>
      </c>
      <c r="H3528" s="6" t="s">
        <v>18</v>
      </c>
      <c r="I3528" s="6" t="s">
        <v>7031</v>
      </c>
      <c r="J3528" s="6" t="s">
        <v>17191</v>
      </c>
      <c r="K3528" s="9" t="s">
        <v>15256</v>
      </c>
      <c r="L3528" s="10" t="s">
        <v>22</v>
      </c>
      <c r="M3528" s="10" t="s">
        <v>22</v>
      </c>
      <c r="N3528" s="10" t="s">
        <v>22</v>
      </c>
      <c r="O3528" s="10" t="s">
        <v>22</v>
      </c>
      <c r="P3528" s="10" t="s">
        <v>22</v>
      </c>
      <c r="Q3528" s="10" t="s">
        <v>22</v>
      </c>
      <c r="U3528" s="10" t="s">
        <v>22</v>
      </c>
      <c r="V3528" s="10" t="s">
        <v>22</v>
      </c>
      <c r="W3528" s="10" t="s">
        <v>22</v>
      </c>
      <c r="X3528" s="10" t="s">
        <v>22</v>
      </c>
      <c r="Y3528" s="10" t="s">
        <v>22</v>
      </c>
      <c r="Z3528" s="10" t="s">
        <v>22</v>
      </c>
    </row>
    <row r="3529" spans="1:26" ht="24" customHeight="1" x14ac:dyDescent="0.2">
      <c r="A3529" s="9" t="s">
        <v>20693</v>
      </c>
      <c r="B3529" s="9" t="s">
        <v>15137</v>
      </c>
      <c r="C3529" s="9" t="s">
        <v>15257</v>
      </c>
      <c r="D3529" s="6" t="s">
        <v>15258</v>
      </c>
      <c r="E3529" s="22">
        <v>45560</v>
      </c>
      <c r="F3529" s="22">
        <v>47385</v>
      </c>
      <c r="G3529" s="6" t="s">
        <v>15259</v>
      </c>
      <c r="H3529" s="6" t="s">
        <v>18</v>
      </c>
      <c r="I3529" s="6" t="s">
        <v>3615</v>
      </c>
      <c r="J3529" s="6" t="s">
        <v>15260</v>
      </c>
      <c r="L3529" s="10" t="s">
        <v>22</v>
      </c>
      <c r="M3529" s="10" t="s">
        <v>22</v>
      </c>
      <c r="N3529" s="10" t="s">
        <v>22</v>
      </c>
      <c r="O3529" s="10" t="s">
        <v>22</v>
      </c>
      <c r="P3529" s="10" t="s">
        <v>22</v>
      </c>
      <c r="Q3529" s="10" t="s">
        <v>22</v>
      </c>
      <c r="U3529" s="10" t="s">
        <v>22</v>
      </c>
      <c r="V3529" s="10" t="s">
        <v>22</v>
      </c>
      <c r="W3529" s="10" t="s">
        <v>22</v>
      </c>
      <c r="X3529" s="10" t="s">
        <v>22</v>
      </c>
      <c r="Y3529" s="10" t="s">
        <v>22</v>
      </c>
      <c r="Z3529" s="10" t="s">
        <v>22</v>
      </c>
    </row>
    <row r="3530" spans="1:26" ht="24" customHeight="1" x14ac:dyDescent="0.2">
      <c r="A3530" s="9" t="s">
        <v>20694</v>
      </c>
      <c r="B3530" s="9" t="s">
        <v>15137</v>
      </c>
      <c r="C3530" s="9" t="s">
        <v>15261</v>
      </c>
      <c r="D3530" s="6" t="s">
        <v>15262</v>
      </c>
      <c r="E3530" s="22">
        <v>43894</v>
      </c>
      <c r="F3530" s="22">
        <v>45719</v>
      </c>
      <c r="G3530" s="6" t="s">
        <v>15263</v>
      </c>
      <c r="H3530" s="6" t="s">
        <v>18</v>
      </c>
      <c r="I3530" s="6" t="s">
        <v>7031</v>
      </c>
      <c r="J3530" s="6" t="s">
        <v>15264</v>
      </c>
      <c r="K3530" s="9" t="s">
        <v>15265</v>
      </c>
      <c r="L3530" s="10" t="s">
        <v>22</v>
      </c>
      <c r="M3530" s="10" t="s">
        <v>22</v>
      </c>
      <c r="N3530" s="10" t="s">
        <v>22</v>
      </c>
      <c r="O3530" s="10" t="s">
        <v>22</v>
      </c>
      <c r="P3530" s="10" t="s">
        <v>22</v>
      </c>
      <c r="Q3530" s="10" t="s">
        <v>22</v>
      </c>
      <c r="R3530" s="10" t="s">
        <v>22</v>
      </c>
      <c r="S3530" s="10" t="s">
        <v>22</v>
      </c>
      <c r="T3530" s="10" t="s">
        <v>22</v>
      </c>
      <c r="U3530" s="10" t="s">
        <v>22</v>
      </c>
      <c r="V3530" s="10" t="s">
        <v>22</v>
      </c>
      <c r="W3530" s="10" t="s">
        <v>22</v>
      </c>
      <c r="X3530" s="10" t="s">
        <v>22</v>
      </c>
      <c r="Y3530" s="10" t="s">
        <v>22</v>
      </c>
      <c r="Z3530" s="10" t="s">
        <v>22</v>
      </c>
    </row>
    <row r="3531" spans="1:26" ht="24" customHeight="1" x14ac:dyDescent="0.2">
      <c r="A3531" s="9" t="s">
        <v>20695</v>
      </c>
      <c r="B3531" s="9" t="s">
        <v>15137</v>
      </c>
      <c r="C3531" s="9" t="s">
        <v>15266</v>
      </c>
      <c r="D3531" s="6" t="s">
        <v>15267</v>
      </c>
      <c r="E3531" s="22">
        <v>44077</v>
      </c>
      <c r="F3531" s="22">
        <v>45902</v>
      </c>
      <c r="G3531" s="6" t="s">
        <v>15268</v>
      </c>
      <c r="H3531" s="6" t="s">
        <v>18</v>
      </c>
      <c r="I3531" s="6" t="s">
        <v>727</v>
      </c>
      <c r="J3531" s="6" t="s">
        <v>15269</v>
      </c>
      <c r="K3531" s="9" t="s">
        <v>15270</v>
      </c>
      <c r="L3531" s="10" t="s">
        <v>22</v>
      </c>
      <c r="M3531" s="10" t="s">
        <v>22</v>
      </c>
      <c r="N3531" s="10" t="s">
        <v>22</v>
      </c>
      <c r="O3531" s="10" t="s">
        <v>22</v>
      </c>
      <c r="P3531" s="10" t="s">
        <v>22</v>
      </c>
      <c r="Q3531" s="10" t="s">
        <v>22</v>
      </c>
      <c r="R3531" s="10" t="s">
        <v>22</v>
      </c>
      <c r="S3531" s="10" t="s">
        <v>22</v>
      </c>
      <c r="T3531" s="10" t="s">
        <v>22</v>
      </c>
      <c r="U3531" s="10" t="s">
        <v>22</v>
      </c>
      <c r="V3531" s="10" t="s">
        <v>22</v>
      </c>
      <c r="W3531" s="10" t="s">
        <v>22</v>
      </c>
      <c r="X3531" s="10" t="s">
        <v>22</v>
      </c>
      <c r="Y3531" s="10" t="s">
        <v>22</v>
      </c>
      <c r="Z3531" s="10" t="s">
        <v>22</v>
      </c>
    </row>
    <row r="3532" spans="1:26" ht="24" customHeight="1" x14ac:dyDescent="0.2">
      <c r="A3532" s="9" t="s">
        <v>20696</v>
      </c>
      <c r="B3532" s="9" t="s">
        <v>15137</v>
      </c>
      <c r="C3532" s="9" t="s">
        <v>13803</v>
      </c>
      <c r="D3532" s="6" t="s">
        <v>15271</v>
      </c>
      <c r="E3532" s="22">
        <v>44213</v>
      </c>
      <c r="F3532" s="22">
        <v>46038</v>
      </c>
      <c r="G3532" s="6" t="s">
        <v>15272</v>
      </c>
      <c r="H3532" s="6" t="s">
        <v>18</v>
      </c>
      <c r="I3532" s="6" t="s">
        <v>522</v>
      </c>
      <c r="J3532" s="6" t="s">
        <v>15273</v>
      </c>
      <c r="K3532" s="9" t="s">
        <v>15274</v>
      </c>
      <c r="L3532" s="10" t="s">
        <v>22</v>
      </c>
      <c r="M3532" s="10" t="s">
        <v>22</v>
      </c>
      <c r="N3532" s="10" t="s">
        <v>22</v>
      </c>
      <c r="O3532" s="10" t="s">
        <v>22</v>
      </c>
      <c r="P3532" s="10" t="s">
        <v>22</v>
      </c>
      <c r="Q3532" s="10" t="s">
        <v>22</v>
      </c>
      <c r="R3532" s="10" t="s">
        <v>22</v>
      </c>
      <c r="S3532" s="10" t="s">
        <v>22</v>
      </c>
      <c r="T3532" s="10" t="s">
        <v>22</v>
      </c>
      <c r="U3532" s="10" t="s">
        <v>22</v>
      </c>
      <c r="V3532" s="10" t="s">
        <v>22</v>
      </c>
      <c r="W3532" s="10" t="s">
        <v>22</v>
      </c>
      <c r="X3532" s="10" t="s">
        <v>22</v>
      </c>
      <c r="Y3532" s="10" t="s">
        <v>22</v>
      </c>
      <c r="Z3532" s="10" t="s">
        <v>22</v>
      </c>
    </row>
    <row r="3533" spans="1:26" ht="24" customHeight="1" x14ac:dyDescent="0.2">
      <c r="A3533" s="9" t="s">
        <v>20697</v>
      </c>
      <c r="B3533" s="9" t="s">
        <v>15137</v>
      </c>
      <c r="C3533" s="9" t="s">
        <v>13808</v>
      </c>
      <c r="D3533" s="6" t="s">
        <v>15275</v>
      </c>
      <c r="E3533" s="22">
        <v>44285</v>
      </c>
      <c r="F3533" s="22">
        <v>46110</v>
      </c>
      <c r="G3533" s="6" t="s">
        <v>15276</v>
      </c>
      <c r="H3533" s="6" t="s">
        <v>18</v>
      </c>
      <c r="I3533" s="6" t="s">
        <v>522</v>
      </c>
      <c r="J3533" s="6" t="s">
        <v>15277</v>
      </c>
      <c r="L3533" s="10" t="s">
        <v>22</v>
      </c>
      <c r="M3533" s="10" t="s">
        <v>22</v>
      </c>
      <c r="N3533" s="10" t="s">
        <v>22</v>
      </c>
      <c r="O3533" s="10" t="s">
        <v>22</v>
      </c>
      <c r="P3533" s="10" t="s">
        <v>22</v>
      </c>
      <c r="Q3533" s="10" t="s">
        <v>22</v>
      </c>
      <c r="R3533" s="10" t="s">
        <v>22</v>
      </c>
      <c r="S3533" s="10" t="s">
        <v>22</v>
      </c>
      <c r="T3533" s="10" t="s">
        <v>22</v>
      </c>
      <c r="U3533" s="10" t="s">
        <v>22</v>
      </c>
      <c r="V3533" s="10" t="s">
        <v>22</v>
      </c>
      <c r="W3533" s="10" t="s">
        <v>22</v>
      </c>
      <c r="X3533" s="10" t="s">
        <v>22</v>
      </c>
      <c r="Y3533" s="10" t="s">
        <v>22</v>
      </c>
      <c r="Z3533" s="10" t="s">
        <v>22</v>
      </c>
    </row>
    <row r="3534" spans="1:26" ht="24" customHeight="1" x14ac:dyDescent="0.2">
      <c r="A3534" s="9" t="s">
        <v>20698</v>
      </c>
      <c r="B3534" s="9" t="s">
        <v>15137</v>
      </c>
      <c r="C3534" s="9" t="s">
        <v>293</v>
      </c>
      <c r="D3534" s="6" t="s">
        <v>15278</v>
      </c>
      <c r="E3534" s="22">
        <v>44418</v>
      </c>
      <c r="F3534" s="22">
        <v>46243</v>
      </c>
      <c r="G3534" s="6" t="s">
        <v>15279</v>
      </c>
      <c r="H3534" s="6" t="s">
        <v>18</v>
      </c>
      <c r="I3534" s="6" t="s">
        <v>522</v>
      </c>
      <c r="J3534" s="6" t="s">
        <v>15280</v>
      </c>
      <c r="K3534" s="9" t="s">
        <v>15281</v>
      </c>
      <c r="L3534" s="10" t="s">
        <v>22</v>
      </c>
      <c r="M3534" s="10" t="s">
        <v>22</v>
      </c>
      <c r="N3534" s="10" t="s">
        <v>22</v>
      </c>
      <c r="O3534" s="10" t="s">
        <v>22</v>
      </c>
      <c r="P3534" s="10" t="s">
        <v>22</v>
      </c>
      <c r="Q3534" s="10" t="s">
        <v>22</v>
      </c>
      <c r="U3534" s="10" t="s">
        <v>22</v>
      </c>
      <c r="V3534" s="10" t="s">
        <v>22</v>
      </c>
      <c r="W3534" s="10" t="s">
        <v>22</v>
      </c>
      <c r="X3534" s="10" t="s">
        <v>22</v>
      </c>
      <c r="Y3534" s="10" t="s">
        <v>22</v>
      </c>
      <c r="Z3534" s="10" t="s">
        <v>22</v>
      </c>
    </row>
    <row r="3535" spans="1:26" ht="24" customHeight="1" x14ac:dyDescent="0.2">
      <c r="A3535" s="9" t="s">
        <v>20699</v>
      </c>
      <c r="B3535" s="9" t="s">
        <v>15137</v>
      </c>
      <c r="C3535" s="9" t="s">
        <v>309</v>
      </c>
      <c r="D3535" s="6" t="s">
        <v>15282</v>
      </c>
      <c r="E3535" s="22">
        <v>44566</v>
      </c>
      <c r="F3535" s="22">
        <v>46391</v>
      </c>
      <c r="G3535" s="6" t="s">
        <v>15283</v>
      </c>
      <c r="H3535" s="6" t="s">
        <v>18</v>
      </c>
      <c r="I3535" s="6" t="s">
        <v>727</v>
      </c>
      <c r="J3535" s="6" t="s">
        <v>15284</v>
      </c>
      <c r="K3535" s="9" t="s">
        <v>15285</v>
      </c>
      <c r="L3535" s="10" t="s">
        <v>22</v>
      </c>
      <c r="M3535" s="10" t="s">
        <v>22</v>
      </c>
      <c r="N3535" s="10" t="s">
        <v>22</v>
      </c>
      <c r="O3535" s="10" t="s">
        <v>22</v>
      </c>
      <c r="P3535" s="10" t="s">
        <v>22</v>
      </c>
      <c r="Q3535" s="10" t="s">
        <v>22</v>
      </c>
      <c r="U3535" s="10" t="s">
        <v>22</v>
      </c>
      <c r="V3535" s="10" t="s">
        <v>22</v>
      </c>
      <c r="W3535" s="10" t="s">
        <v>22</v>
      </c>
      <c r="X3535" s="10" t="s">
        <v>22</v>
      </c>
      <c r="Y3535" s="10" t="s">
        <v>22</v>
      </c>
      <c r="Z3535" s="10" t="s">
        <v>22</v>
      </c>
    </row>
    <row r="3536" spans="1:26" ht="24" customHeight="1" x14ac:dyDescent="0.2">
      <c r="A3536" s="9" t="s">
        <v>20700</v>
      </c>
      <c r="B3536" s="9" t="s">
        <v>15137</v>
      </c>
      <c r="C3536" s="9" t="s">
        <v>315</v>
      </c>
      <c r="D3536" s="6" t="s">
        <v>15286</v>
      </c>
      <c r="E3536" s="22">
        <v>44591</v>
      </c>
      <c r="F3536" s="22">
        <v>46416</v>
      </c>
      <c r="G3536" s="6" t="s">
        <v>15287</v>
      </c>
      <c r="H3536" s="6" t="s">
        <v>18</v>
      </c>
      <c r="I3536" s="6" t="s">
        <v>15174</v>
      </c>
      <c r="J3536" s="6" t="s">
        <v>15288</v>
      </c>
      <c r="L3536" s="10" t="s">
        <v>22</v>
      </c>
      <c r="M3536" s="10" t="s">
        <v>22</v>
      </c>
      <c r="N3536" s="10" t="s">
        <v>22</v>
      </c>
      <c r="O3536" s="10" t="s">
        <v>22</v>
      </c>
      <c r="P3536" s="10" t="s">
        <v>22</v>
      </c>
      <c r="Q3536" s="10" t="s">
        <v>22</v>
      </c>
      <c r="R3536" s="10" t="s">
        <v>22</v>
      </c>
      <c r="S3536" s="10" t="s">
        <v>22</v>
      </c>
      <c r="T3536" s="10" t="s">
        <v>22</v>
      </c>
      <c r="U3536" s="10" t="s">
        <v>22</v>
      </c>
      <c r="V3536" s="10" t="s">
        <v>22</v>
      </c>
      <c r="W3536" s="10" t="s">
        <v>22</v>
      </c>
      <c r="X3536" s="10" t="s">
        <v>22</v>
      </c>
      <c r="Y3536" s="10" t="s">
        <v>22</v>
      </c>
      <c r="Z3536" s="10" t="s">
        <v>22</v>
      </c>
    </row>
    <row r="3537" spans="1:26" ht="24" customHeight="1" x14ac:dyDescent="0.2">
      <c r="A3537" s="9" t="s">
        <v>20701</v>
      </c>
      <c r="B3537" s="9" t="s">
        <v>15137</v>
      </c>
      <c r="C3537" s="9" t="s">
        <v>15289</v>
      </c>
      <c r="D3537" s="6" t="s">
        <v>15290</v>
      </c>
      <c r="E3537" s="22">
        <v>44647</v>
      </c>
      <c r="F3537" s="22">
        <v>46472</v>
      </c>
      <c r="G3537" s="6" t="s">
        <v>15290</v>
      </c>
      <c r="H3537" s="6" t="s">
        <v>18</v>
      </c>
      <c r="I3537" s="6" t="s">
        <v>15174</v>
      </c>
      <c r="J3537" s="6" t="s">
        <v>15291</v>
      </c>
      <c r="K3537" s="9" t="s">
        <v>15292</v>
      </c>
      <c r="L3537" s="10" t="s">
        <v>22</v>
      </c>
      <c r="M3537" s="10" t="s">
        <v>22</v>
      </c>
      <c r="N3537" s="10" t="s">
        <v>22</v>
      </c>
      <c r="O3537" s="10" t="s">
        <v>22</v>
      </c>
      <c r="P3537" s="10" t="s">
        <v>22</v>
      </c>
      <c r="Q3537" s="10" t="s">
        <v>22</v>
      </c>
      <c r="R3537" s="10" t="s">
        <v>22</v>
      </c>
      <c r="S3537" s="10" t="s">
        <v>22</v>
      </c>
      <c r="T3537" s="10" t="s">
        <v>22</v>
      </c>
      <c r="U3537" s="10" t="s">
        <v>22</v>
      </c>
      <c r="V3537" s="10" t="s">
        <v>22</v>
      </c>
      <c r="W3537" s="10" t="s">
        <v>22</v>
      </c>
      <c r="X3537" s="10" t="s">
        <v>22</v>
      </c>
      <c r="Y3537" s="10" t="s">
        <v>22</v>
      </c>
      <c r="Z3537" s="10" t="s">
        <v>22</v>
      </c>
    </row>
    <row r="3538" spans="1:26" ht="24" customHeight="1" x14ac:dyDescent="0.2">
      <c r="A3538" s="9" t="s">
        <v>20702</v>
      </c>
      <c r="B3538" s="9" t="s">
        <v>15137</v>
      </c>
      <c r="C3538" s="9" t="s">
        <v>15293</v>
      </c>
      <c r="D3538" s="6" t="s">
        <v>15294</v>
      </c>
      <c r="E3538" s="22">
        <v>44668</v>
      </c>
      <c r="F3538" s="22">
        <v>46493</v>
      </c>
      <c r="G3538" s="6" t="s">
        <v>15295</v>
      </c>
      <c r="H3538" s="6" t="s">
        <v>18</v>
      </c>
      <c r="I3538" s="6" t="s">
        <v>67</v>
      </c>
      <c r="J3538" s="6" t="s">
        <v>15296</v>
      </c>
      <c r="K3538" s="9" t="s">
        <v>15297</v>
      </c>
      <c r="L3538" s="10" t="s">
        <v>22</v>
      </c>
      <c r="M3538" s="10" t="s">
        <v>22</v>
      </c>
      <c r="N3538" s="10" t="s">
        <v>22</v>
      </c>
      <c r="O3538" s="10" t="s">
        <v>22</v>
      </c>
      <c r="P3538" s="10" t="s">
        <v>22</v>
      </c>
      <c r="Q3538" s="10" t="s">
        <v>22</v>
      </c>
      <c r="U3538" s="10" t="s">
        <v>22</v>
      </c>
      <c r="V3538" s="10" t="s">
        <v>22</v>
      </c>
      <c r="W3538" s="10" t="s">
        <v>22</v>
      </c>
      <c r="X3538" s="10" t="s">
        <v>22</v>
      </c>
      <c r="Y3538" s="10" t="s">
        <v>22</v>
      </c>
      <c r="Z3538" s="10" t="s">
        <v>22</v>
      </c>
    </row>
    <row r="3539" spans="1:26" ht="24" customHeight="1" x14ac:dyDescent="0.2">
      <c r="A3539" s="9" t="s">
        <v>20703</v>
      </c>
      <c r="B3539" s="9" t="s">
        <v>15137</v>
      </c>
      <c r="C3539" s="9" t="s">
        <v>15298</v>
      </c>
      <c r="D3539" s="6" t="s">
        <v>15299</v>
      </c>
      <c r="E3539" s="22">
        <v>44670</v>
      </c>
      <c r="F3539" s="22">
        <v>46495</v>
      </c>
      <c r="G3539" s="6" t="s">
        <v>15300</v>
      </c>
      <c r="H3539" s="6" t="s">
        <v>18</v>
      </c>
      <c r="I3539" s="6" t="s">
        <v>522</v>
      </c>
      <c r="J3539" s="6" t="s">
        <v>15301</v>
      </c>
      <c r="K3539" s="9" t="s">
        <v>15302</v>
      </c>
      <c r="L3539" s="10" t="s">
        <v>22</v>
      </c>
      <c r="M3539" s="10" t="s">
        <v>22</v>
      </c>
      <c r="N3539" s="10" t="s">
        <v>22</v>
      </c>
      <c r="R3539" s="10" t="s">
        <v>22</v>
      </c>
      <c r="S3539" s="10" t="s">
        <v>22</v>
      </c>
      <c r="T3539" s="10" t="s">
        <v>22</v>
      </c>
    </row>
    <row r="3540" spans="1:26" ht="24" customHeight="1" x14ac:dyDescent="0.2">
      <c r="A3540" s="9" t="s">
        <v>20704</v>
      </c>
      <c r="B3540" s="9" t="s">
        <v>15137</v>
      </c>
      <c r="C3540" s="9" t="s">
        <v>327</v>
      </c>
      <c r="D3540" s="6" t="s">
        <v>15303</v>
      </c>
      <c r="E3540" s="22">
        <v>44704</v>
      </c>
      <c r="F3540" s="22">
        <v>46529</v>
      </c>
      <c r="G3540" s="6" t="s">
        <v>15304</v>
      </c>
      <c r="H3540" s="6" t="s">
        <v>18</v>
      </c>
      <c r="I3540" s="6" t="s">
        <v>727</v>
      </c>
      <c r="J3540" s="6" t="s">
        <v>15305</v>
      </c>
      <c r="K3540" s="9" t="s">
        <v>15306</v>
      </c>
      <c r="L3540" s="10" t="s">
        <v>22</v>
      </c>
      <c r="M3540" s="10" t="s">
        <v>22</v>
      </c>
      <c r="N3540" s="10" t="s">
        <v>22</v>
      </c>
      <c r="O3540" s="10" t="s">
        <v>22</v>
      </c>
      <c r="P3540" s="10" t="s">
        <v>22</v>
      </c>
      <c r="Q3540" s="10" t="s">
        <v>22</v>
      </c>
      <c r="R3540" s="10" t="s">
        <v>22</v>
      </c>
      <c r="S3540" s="10" t="s">
        <v>22</v>
      </c>
      <c r="T3540" s="10" t="s">
        <v>22</v>
      </c>
      <c r="U3540" s="10" t="s">
        <v>22</v>
      </c>
      <c r="V3540" s="10" t="s">
        <v>22</v>
      </c>
      <c r="W3540" s="10" t="s">
        <v>22</v>
      </c>
      <c r="X3540" s="10" t="s">
        <v>22</v>
      </c>
      <c r="Y3540" s="10" t="s">
        <v>22</v>
      </c>
      <c r="Z3540" s="10" t="s">
        <v>22</v>
      </c>
    </row>
    <row r="3541" spans="1:26" ht="24" customHeight="1" x14ac:dyDescent="0.2">
      <c r="A3541" s="9" t="s">
        <v>20705</v>
      </c>
      <c r="B3541" s="9" t="s">
        <v>15137</v>
      </c>
      <c r="C3541" s="9" t="s">
        <v>349</v>
      </c>
      <c r="D3541" s="6" t="s">
        <v>15307</v>
      </c>
      <c r="E3541" s="22">
        <v>44807</v>
      </c>
      <c r="F3541" s="22">
        <v>46632</v>
      </c>
      <c r="G3541" s="6" t="s">
        <v>15308</v>
      </c>
      <c r="H3541" s="6" t="s">
        <v>18</v>
      </c>
      <c r="I3541" s="6" t="s">
        <v>67</v>
      </c>
      <c r="J3541" s="6" t="s">
        <v>15309</v>
      </c>
      <c r="K3541" s="9" t="s">
        <v>15310</v>
      </c>
      <c r="L3541" s="10" t="s">
        <v>22</v>
      </c>
      <c r="M3541" s="10" t="s">
        <v>22</v>
      </c>
      <c r="N3541" s="10" t="s">
        <v>22</v>
      </c>
      <c r="O3541" s="10" t="s">
        <v>22</v>
      </c>
      <c r="P3541" s="10" t="s">
        <v>22</v>
      </c>
      <c r="Q3541" s="10" t="s">
        <v>22</v>
      </c>
    </row>
    <row r="3542" spans="1:26" ht="24" customHeight="1" x14ac:dyDescent="0.2">
      <c r="A3542" s="9" t="s">
        <v>20706</v>
      </c>
      <c r="B3542" s="9" t="s">
        <v>15137</v>
      </c>
      <c r="C3542" s="9" t="s">
        <v>354</v>
      </c>
      <c r="D3542" s="6" t="s">
        <v>15311</v>
      </c>
      <c r="E3542" s="22">
        <v>44852</v>
      </c>
      <c r="F3542" s="22">
        <v>46677</v>
      </c>
      <c r="G3542" s="6" t="s">
        <v>15312</v>
      </c>
      <c r="H3542" s="6" t="s">
        <v>18</v>
      </c>
      <c r="I3542" s="6" t="s">
        <v>7031</v>
      </c>
      <c r="J3542" s="6" t="s">
        <v>15313</v>
      </c>
      <c r="K3542" s="9" t="s">
        <v>15314</v>
      </c>
      <c r="L3542" s="10" t="s">
        <v>22</v>
      </c>
      <c r="M3542" s="10" t="s">
        <v>22</v>
      </c>
      <c r="N3542" s="10" t="s">
        <v>22</v>
      </c>
      <c r="O3542" s="10" t="s">
        <v>22</v>
      </c>
      <c r="P3542" s="10" t="s">
        <v>22</v>
      </c>
      <c r="Q3542" s="10" t="s">
        <v>22</v>
      </c>
      <c r="R3542" s="10" t="s">
        <v>22</v>
      </c>
      <c r="S3542" s="10" t="s">
        <v>22</v>
      </c>
      <c r="T3542" s="10" t="s">
        <v>22</v>
      </c>
      <c r="U3542" s="10" t="s">
        <v>22</v>
      </c>
      <c r="V3542" s="10" t="s">
        <v>22</v>
      </c>
      <c r="W3542" s="10" t="s">
        <v>22</v>
      </c>
      <c r="X3542" s="10" t="s">
        <v>22</v>
      </c>
      <c r="Y3542" s="10" t="s">
        <v>22</v>
      </c>
      <c r="Z3542" s="10" t="s">
        <v>22</v>
      </c>
    </row>
    <row r="3543" spans="1:26" ht="24" customHeight="1" x14ac:dyDescent="0.2">
      <c r="A3543" s="9" t="s">
        <v>20707</v>
      </c>
      <c r="B3543" s="9" t="s">
        <v>15137</v>
      </c>
      <c r="C3543" s="9" t="s">
        <v>360</v>
      </c>
      <c r="D3543" s="6" t="s">
        <v>14996</v>
      </c>
      <c r="E3543" s="22">
        <v>44873</v>
      </c>
      <c r="F3543" s="22">
        <v>46698</v>
      </c>
      <c r="G3543" s="6" t="s">
        <v>15315</v>
      </c>
      <c r="H3543" s="6" t="s">
        <v>18</v>
      </c>
      <c r="I3543" s="6" t="s">
        <v>522</v>
      </c>
      <c r="J3543" s="6" t="s">
        <v>15316</v>
      </c>
      <c r="L3543" s="10" t="s">
        <v>22</v>
      </c>
      <c r="M3543" s="10" t="s">
        <v>22</v>
      </c>
      <c r="N3543" s="10" t="s">
        <v>22</v>
      </c>
      <c r="O3543" s="10" t="s">
        <v>22</v>
      </c>
      <c r="P3543" s="10" t="s">
        <v>22</v>
      </c>
      <c r="Q3543" s="10" t="s">
        <v>22</v>
      </c>
      <c r="R3543" s="10" t="s">
        <v>22</v>
      </c>
      <c r="S3543" s="10" t="s">
        <v>22</v>
      </c>
      <c r="T3543" s="10" t="s">
        <v>22</v>
      </c>
      <c r="U3543" s="10" t="s">
        <v>22</v>
      </c>
      <c r="V3543" s="10" t="s">
        <v>22</v>
      </c>
      <c r="W3543" s="10" t="s">
        <v>22</v>
      </c>
      <c r="X3543" s="10" t="s">
        <v>22</v>
      </c>
      <c r="Y3543" s="10" t="s">
        <v>22</v>
      </c>
      <c r="Z3543" s="10" t="s">
        <v>22</v>
      </c>
    </row>
    <row r="3544" spans="1:26" ht="24" customHeight="1" x14ac:dyDescent="0.2">
      <c r="A3544" s="9" t="s">
        <v>20708</v>
      </c>
      <c r="B3544" s="9" t="s">
        <v>15137</v>
      </c>
      <c r="C3544" s="9" t="s">
        <v>13872</v>
      </c>
      <c r="D3544" s="6" t="s">
        <v>15317</v>
      </c>
      <c r="E3544" s="22">
        <v>44902</v>
      </c>
      <c r="F3544" s="22">
        <v>46727</v>
      </c>
      <c r="G3544" s="6" t="s">
        <v>15318</v>
      </c>
      <c r="H3544" s="6" t="s">
        <v>18</v>
      </c>
      <c r="I3544" s="6" t="s">
        <v>522</v>
      </c>
      <c r="J3544" s="6" t="s">
        <v>15319</v>
      </c>
      <c r="K3544" s="9" t="s">
        <v>15320</v>
      </c>
      <c r="L3544" s="10" t="s">
        <v>22</v>
      </c>
      <c r="M3544" s="10" t="s">
        <v>22</v>
      </c>
      <c r="N3544" s="10" t="s">
        <v>22</v>
      </c>
      <c r="O3544" s="10" t="s">
        <v>22</v>
      </c>
      <c r="P3544" s="10" t="s">
        <v>22</v>
      </c>
      <c r="Q3544" s="10" t="s">
        <v>22</v>
      </c>
      <c r="U3544" s="10" t="s">
        <v>22</v>
      </c>
      <c r="V3544" s="10" t="s">
        <v>22</v>
      </c>
      <c r="W3544" s="10" t="s">
        <v>22</v>
      </c>
      <c r="X3544" s="10" t="s">
        <v>22</v>
      </c>
      <c r="Y3544" s="10" t="s">
        <v>22</v>
      </c>
      <c r="Z3544" s="10" t="s">
        <v>22</v>
      </c>
    </row>
    <row r="3545" spans="1:26" ht="24" customHeight="1" x14ac:dyDescent="0.2">
      <c r="A3545" s="9" t="s">
        <v>20709</v>
      </c>
      <c r="B3545" s="9" t="s">
        <v>15137</v>
      </c>
      <c r="C3545" s="9" t="s">
        <v>367</v>
      </c>
      <c r="D3545" s="6" t="s">
        <v>15321</v>
      </c>
      <c r="E3545" s="22">
        <v>44908</v>
      </c>
      <c r="F3545" s="22">
        <v>46733</v>
      </c>
      <c r="G3545" s="6" t="s">
        <v>15322</v>
      </c>
      <c r="H3545" s="6" t="s">
        <v>18</v>
      </c>
      <c r="I3545" s="6" t="s">
        <v>522</v>
      </c>
      <c r="J3545" s="6" t="s">
        <v>15323</v>
      </c>
      <c r="K3545" s="9" t="s">
        <v>15324</v>
      </c>
      <c r="L3545" s="10" t="s">
        <v>22</v>
      </c>
      <c r="M3545" s="10" t="s">
        <v>22</v>
      </c>
      <c r="N3545" s="10" t="s">
        <v>22</v>
      </c>
      <c r="O3545" s="10" t="s">
        <v>22</v>
      </c>
      <c r="P3545" s="10" t="s">
        <v>22</v>
      </c>
      <c r="Q3545" s="10" t="s">
        <v>22</v>
      </c>
    </row>
    <row r="3546" spans="1:26" ht="24" customHeight="1" x14ac:dyDescent="0.2">
      <c r="A3546" s="9" t="s">
        <v>20710</v>
      </c>
      <c r="B3546" s="9" t="s">
        <v>15137</v>
      </c>
      <c r="C3546" s="9" t="s">
        <v>13882</v>
      </c>
      <c r="D3546" s="6" t="s">
        <v>15325</v>
      </c>
      <c r="E3546" s="22">
        <v>44908</v>
      </c>
      <c r="F3546" s="22">
        <v>46733</v>
      </c>
      <c r="G3546" s="6" t="s">
        <v>15326</v>
      </c>
      <c r="H3546" s="6" t="s">
        <v>18</v>
      </c>
      <c r="I3546" s="6" t="s">
        <v>67</v>
      </c>
      <c r="J3546" s="6" t="s">
        <v>15327</v>
      </c>
      <c r="L3546" s="10" t="s">
        <v>22</v>
      </c>
      <c r="M3546" s="10" t="s">
        <v>22</v>
      </c>
      <c r="N3546" s="10" t="s">
        <v>22</v>
      </c>
      <c r="O3546" s="10" t="s">
        <v>22</v>
      </c>
      <c r="P3546" s="10" t="s">
        <v>22</v>
      </c>
      <c r="Q3546" s="10" t="s">
        <v>22</v>
      </c>
      <c r="U3546" s="10" t="s">
        <v>22</v>
      </c>
      <c r="V3546" s="10" t="s">
        <v>22</v>
      </c>
      <c r="W3546" s="10" t="s">
        <v>22</v>
      </c>
      <c r="X3546" s="10" t="s">
        <v>22</v>
      </c>
      <c r="Y3546" s="10" t="s">
        <v>22</v>
      </c>
      <c r="Z3546" s="10" t="s">
        <v>22</v>
      </c>
    </row>
    <row r="3547" spans="1:26" ht="24" customHeight="1" x14ac:dyDescent="0.2">
      <c r="A3547" s="9" t="s">
        <v>20711</v>
      </c>
      <c r="B3547" s="9" t="s">
        <v>15137</v>
      </c>
      <c r="C3547" s="9" t="s">
        <v>372</v>
      </c>
      <c r="D3547" s="6" t="s">
        <v>15328</v>
      </c>
      <c r="E3547" s="22">
        <v>44908</v>
      </c>
      <c r="F3547" s="22">
        <v>46733</v>
      </c>
      <c r="G3547" s="6" t="s">
        <v>15329</v>
      </c>
      <c r="H3547" s="6" t="s">
        <v>18</v>
      </c>
      <c r="I3547" s="6" t="s">
        <v>522</v>
      </c>
      <c r="J3547" s="6" t="s">
        <v>15330</v>
      </c>
      <c r="K3547" s="9" t="s">
        <v>15331</v>
      </c>
      <c r="L3547" s="10" t="s">
        <v>22</v>
      </c>
      <c r="M3547" s="10" t="s">
        <v>22</v>
      </c>
      <c r="N3547" s="10" t="s">
        <v>22</v>
      </c>
      <c r="O3547" s="10" t="s">
        <v>22</v>
      </c>
      <c r="P3547" s="10" t="s">
        <v>22</v>
      </c>
      <c r="Q3547" s="10" t="s">
        <v>22</v>
      </c>
      <c r="U3547" s="10" t="s">
        <v>22</v>
      </c>
      <c r="V3547" s="10" t="s">
        <v>22</v>
      </c>
      <c r="W3547" s="10" t="s">
        <v>22</v>
      </c>
      <c r="X3547" s="10" t="s">
        <v>22</v>
      </c>
      <c r="Y3547" s="10" t="s">
        <v>22</v>
      </c>
      <c r="Z3547" s="10" t="s">
        <v>22</v>
      </c>
    </row>
    <row r="3548" spans="1:26" ht="24" customHeight="1" x14ac:dyDescent="0.2">
      <c r="A3548" s="9" t="s">
        <v>20712</v>
      </c>
      <c r="B3548" s="9" t="s">
        <v>15137</v>
      </c>
      <c r="C3548" s="9" t="s">
        <v>386</v>
      </c>
      <c r="D3548" s="6" t="s">
        <v>15332</v>
      </c>
      <c r="E3548" s="22">
        <v>44915</v>
      </c>
      <c r="F3548" s="22">
        <v>46740</v>
      </c>
      <c r="G3548" s="6" t="s">
        <v>15333</v>
      </c>
      <c r="H3548" s="6" t="s">
        <v>18</v>
      </c>
      <c r="I3548" s="6" t="s">
        <v>522</v>
      </c>
      <c r="J3548" s="6" t="s">
        <v>15334</v>
      </c>
      <c r="K3548" s="9" t="s">
        <v>15335</v>
      </c>
      <c r="L3548" s="10" t="s">
        <v>22</v>
      </c>
      <c r="M3548" s="10" t="s">
        <v>22</v>
      </c>
      <c r="N3548" s="10" t="s">
        <v>22</v>
      </c>
      <c r="U3548" s="10" t="s">
        <v>22</v>
      </c>
      <c r="V3548" s="10" t="s">
        <v>22</v>
      </c>
      <c r="W3548" s="10" t="s">
        <v>22</v>
      </c>
    </row>
    <row r="3549" spans="1:26" ht="24" customHeight="1" x14ac:dyDescent="0.2">
      <c r="A3549" s="9" t="s">
        <v>20713</v>
      </c>
      <c r="B3549" s="9" t="s">
        <v>15137</v>
      </c>
      <c r="C3549" s="9" t="s">
        <v>395</v>
      </c>
      <c r="D3549" s="6" t="s">
        <v>15336</v>
      </c>
      <c r="E3549" s="22">
        <v>45047</v>
      </c>
      <c r="F3549" s="22">
        <v>46873</v>
      </c>
      <c r="G3549" s="6" t="s">
        <v>15337</v>
      </c>
      <c r="H3549" s="6" t="s">
        <v>18</v>
      </c>
      <c r="I3549" s="6" t="s">
        <v>15338</v>
      </c>
      <c r="J3549" s="6" t="s">
        <v>15339</v>
      </c>
      <c r="K3549" s="9" t="s">
        <v>15340</v>
      </c>
      <c r="L3549" s="10" t="s">
        <v>22</v>
      </c>
      <c r="M3549" s="10" t="s">
        <v>22</v>
      </c>
      <c r="N3549" s="10" t="s">
        <v>22</v>
      </c>
      <c r="O3549" s="10" t="s">
        <v>22</v>
      </c>
      <c r="P3549" s="10" t="s">
        <v>22</v>
      </c>
      <c r="Q3549" s="10" t="s">
        <v>22</v>
      </c>
    </row>
    <row r="3550" spans="1:26" ht="24" customHeight="1" x14ac:dyDescent="0.2">
      <c r="A3550" s="9" t="s">
        <v>20714</v>
      </c>
      <c r="B3550" s="9" t="s">
        <v>15137</v>
      </c>
      <c r="C3550" s="9" t="s">
        <v>395</v>
      </c>
      <c r="D3550" s="6" t="s">
        <v>15336</v>
      </c>
      <c r="E3550" s="22">
        <v>45047</v>
      </c>
      <c r="F3550" s="22">
        <v>46873</v>
      </c>
      <c r="G3550" s="6" t="s">
        <v>15341</v>
      </c>
      <c r="H3550" s="6" t="s">
        <v>18</v>
      </c>
      <c r="I3550" s="6" t="s">
        <v>3615</v>
      </c>
      <c r="J3550" s="6" t="s">
        <v>15342</v>
      </c>
      <c r="K3550" s="9" t="s">
        <v>15343</v>
      </c>
      <c r="L3550" s="10" t="s">
        <v>22</v>
      </c>
      <c r="M3550" s="10" t="s">
        <v>22</v>
      </c>
      <c r="N3550" s="10" t="s">
        <v>22</v>
      </c>
      <c r="O3550" s="10" t="s">
        <v>22</v>
      </c>
      <c r="P3550" s="10" t="s">
        <v>22</v>
      </c>
      <c r="Q3550" s="10" t="s">
        <v>22</v>
      </c>
    </row>
    <row r="3551" spans="1:26" ht="24" customHeight="1" x14ac:dyDescent="0.2">
      <c r="A3551" s="9" t="s">
        <v>20715</v>
      </c>
      <c r="B3551" s="9" t="s">
        <v>15137</v>
      </c>
      <c r="C3551" s="9" t="s">
        <v>15344</v>
      </c>
      <c r="D3551" s="6" t="s">
        <v>15345</v>
      </c>
      <c r="E3551" s="22">
        <v>45114</v>
      </c>
      <c r="F3551" s="22">
        <v>46940</v>
      </c>
      <c r="G3551" s="6" t="s">
        <v>15346</v>
      </c>
      <c r="H3551" s="6" t="s">
        <v>18</v>
      </c>
      <c r="I3551" s="6" t="s">
        <v>7031</v>
      </c>
      <c r="J3551" s="6" t="s">
        <v>15347</v>
      </c>
      <c r="K3551" s="9" t="s">
        <v>15348</v>
      </c>
      <c r="L3551" s="10" t="s">
        <v>22</v>
      </c>
      <c r="M3551" s="10" t="s">
        <v>22</v>
      </c>
      <c r="N3551" s="10" t="s">
        <v>22</v>
      </c>
      <c r="O3551" s="10" t="s">
        <v>22</v>
      </c>
      <c r="P3551" s="10" t="s">
        <v>22</v>
      </c>
      <c r="Q3551" s="10" t="s">
        <v>22</v>
      </c>
      <c r="R3551" s="10" t="s">
        <v>22</v>
      </c>
      <c r="S3551" s="10" t="s">
        <v>22</v>
      </c>
      <c r="T3551" s="10" t="s">
        <v>22</v>
      </c>
      <c r="U3551" s="10" t="s">
        <v>22</v>
      </c>
      <c r="V3551" s="10" t="s">
        <v>22</v>
      </c>
      <c r="W3551" s="10" t="s">
        <v>22</v>
      </c>
      <c r="X3551" s="10" t="s">
        <v>22</v>
      </c>
      <c r="Y3551" s="10" t="s">
        <v>22</v>
      </c>
      <c r="Z3551" s="10" t="s">
        <v>22</v>
      </c>
    </row>
    <row r="3552" spans="1:26" ht="24" customHeight="1" x14ac:dyDescent="0.2">
      <c r="A3552" s="9" t="s">
        <v>20716</v>
      </c>
      <c r="B3552" s="9" t="s">
        <v>15137</v>
      </c>
      <c r="C3552" s="9" t="s">
        <v>15349</v>
      </c>
      <c r="D3552" s="6" t="s">
        <v>15350</v>
      </c>
      <c r="E3552" s="22">
        <v>45173</v>
      </c>
      <c r="F3552" s="22">
        <v>46999</v>
      </c>
      <c r="G3552" s="6" t="s">
        <v>15351</v>
      </c>
      <c r="H3552" s="6" t="s">
        <v>18</v>
      </c>
      <c r="I3552" s="6" t="s">
        <v>15174</v>
      </c>
      <c r="J3552" s="6" t="s">
        <v>15352</v>
      </c>
      <c r="K3552" s="9" t="s">
        <v>15353</v>
      </c>
      <c r="L3552" s="10" t="s">
        <v>22</v>
      </c>
      <c r="M3552" s="10" t="s">
        <v>22</v>
      </c>
      <c r="N3552" s="10" t="s">
        <v>22</v>
      </c>
      <c r="O3552" s="10" t="s">
        <v>22</v>
      </c>
      <c r="P3552" s="10" t="s">
        <v>22</v>
      </c>
      <c r="Q3552" s="10" t="s">
        <v>22</v>
      </c>
      <c r="R3552" s="10" t="s">
        <v>22</v>
      </c>
      <c r="S3552" s="10" t="s">
        <v>22</v>
      </c>
      <c r="T3552" s="10" t="s">
        <v>22</v>
      </c>
      <c r="U3552" s="10" t="s">
        <v>22</v>
      </c>
      <c r="V3552" s="10" t="s">
        <v>22</v>
      </c>
      <c r="W3552" s="10" t="s">
        <v>22</v>
      </c>
      <c r="X3552" s="10" t="s">
        <v>22</v>
      </c>
      <c r="Y3552" s="10" t="s">
        <v>22</v>
      </c>
      <c r="Z3552" s="10" t="s">
        <v>22</v>
      </c>
    </row>
    <row r="3553" spans="1:26" ht="24" customHeight="1" x14ac:dyDescent="0.2">
      <c r="A3553" s="9" t="s">
        <v>20717</v>
      </c>
      <c r="B3553" s="9" t="s">
        <v>15137</v>
      </c>
      <c r="C3553" s="9" t="s">
        <v>13944</v>
      </c>
      <c r="D3553" s="6" t="s">
        <v>15354</v>
      </c>
      <c r="E3553" s="22">
        <v>45207</v>
      </c>
      <c r="F3553" s="22">
        <v>47033</v>
      </c>
      <c r="G3553" s="6" t="s">
        <v>15355</v>
      </c>
      <c r="H3553" s="6" t="s">
        <v>18</v>
      </c>
      <c r="I3553" s="6" t="s">
        <v>67</v>
      </c>
      <c r="J3553" s="6" t="s">
        <v>15356</v>
      </c>
      <c r="K3553" s="9" t="s">
        <v>15357</v>
      </c>
      <c r="L3553" s="10" t="s">
        <v>22</v>
      </c>
      <c r="M3553" s="10" t="s">
        <v>22</v>
      </c>
      <c r="N3553" s="10" t="s">
        <v>22</v>
      </c>
      <c r="O3553" s="10" t="s">
        <v>22</v>
      </c>
      <c r="P3553" s="10" t="s">
        <v>22</v>
      </c>
      <c r="Q3553" s="10" t="s">
        <v>22</v>
      </c>
      <c r="R3553" s="10" t="s">
        <v>22</v>
      </c>
      <c r="S3553" s="10" t="s">
        <v>22</v>
      </c>
      <c r="T3553" s="10" t="s">
        <v>22</v>
      </c>
      <c r="U3553" s="10" t="s">
        <v>22</v>
      </c>
      <c r="V3553" s="10" t="s">
        <v>22</v>
      </c>
      <c r="W3553" s="10" t="s">
        <v>22</v>
      </c>
      <c r="X3553" s="10" t="s">
        <v>22</v>
      </c>
      <c r="Y3553" s="10" t="s">
        <v>22</v>
      </c>
      <c r="Z3553" s="10" t="s">
        <v>22</v>
      </c>
    </row>
    <row r="3554" spans="1:26" ht="24" customHeight="1" x14ac:dyDescent="0.2">
      <c r="A3554" s="9" t="s">
        <v>20718</v>
      </c>
      <c r="B3554" s="9" t="s">
        <v>15137</v>
      </c>
      <c r="C3554" s="9" t="s">
        <v>15358</v>
      </c>
      <c r="D3554" s="6" t="s">
        <v>15359</v>
      </c>
      <c r="E3554" s="22">
        <v>45243</v>
      </c>
      <c r="F3554" s="22">
        <v>47069</v>
      </c>
      <c r="G3554" s="6" t="s">
        <v>15360</v>
      </c>
      <c r="H3554" s="6" t="s">
        <v>18</v>
      </c>
      <c r="I3554" s="6" t="s">
        <v>522</v>
      </c>
      <c r="J3554" s="6" t="s">
        <v>15361</v>
      </c>
      <c r="K3554" s="9" t="s">
        <v>15362</v>
      </c>
      <c r="L3554" s="10" t="s">
        <v>22</v>
      </c>
      <c r="M3554" s="10" t="s">
        <v>22</v>
      </c>
      <c r="N3554" s="10" t="s">
        <v>22</v>
      </c>
      <c r="O3554" s="10" t="s">
        <v>22</v>
      </c>
      <c r="P3554" s="10" t="s">
        <v>22</v>
      </c>
      <c r="Q3554" s="10" t="s">
        <v>22</v>
      </c>
      <c r="R3554" s="10" t="s">
        <v>22</v>
      </c>
      <c r="S3554" s="10" t="s">
        <v>22</v>
      </c>
      <c r="T3554" s="10" t="s">
        <v>22</v>
      </c>
      <c r="U3554" s="10" t="s">
        <v>22</v>
      </c>
      <c r="V3554" s="10" t="s">
        <v>22</v>
      </c>
      <c r="W3554" s="10" t="s">
        <v>22</v>
      </c>
      <c r="X3554" s="10" t="s">
        <v>22</v>
      </c>
      <c r="Y3554" s="10" t="s">
        <v>22</v>
      </c>
      <c r="Z3554" s="10" t="s">
        <v>22</v>
      </c>
    </row>
    <row r="3555" spans="1:26" ht="24" customHeight="1" x14ac:dyDescent="0.2">
      <c r="A3555" s="9" t="s">
        <v>20719</v>
      </c>
      <c r="B3555" s="9" t="s">
        <v>15137</v>
      </c>
      <c r="C3555" s="9" t="s">
        <v>13962</v>
      </c>
      <c r="D3555" s="6" t="s">
        <v>15365</v>
      </c>
      <c r="E3555" s="22">
        <v>45426</v>
      </c>
      <c r="F3555" s="22">
        <v>47251</v>
      </c>
      <c r="G3555" s="6" t="s">
        <v>15366</v>
      </c>
      <c r="H3555" s="6" t="s">
        <v>18</v>
      </c>
      <c r="I3555" s="6" t="s">
        <v>67</v>
      </c>
      <c r="J3555" s="6" t="s">
        <v>15367</v>
      </c>
      <c r="K3555" s="9" t="s">
        <v>15368</v>
      </c>
      <c r="L3555" s="10" t="s">
        <v>22</v>
      </c>
      <c r="M3555" s="10" t="s">
        <v>22</v>
      </c>
      <c r="N3555" s="10" t="s">
        <v>22</v>
      </c>
      <c r="U3555" s="10" t="s">
        <v>22</v>
      </c>
      <c r="V3555" s="10" t="s">
        <v>22</v>
      </c>
      <c r="W3555" s="10" t="s">
        <v>22</v>
      </c>
    </row>
    <row r="3556" spans="1:26" ht="24" customHeight="1" x14ac:dyDescent="0.2">
      <c r="A3556" s="9" t="s">
        <v>20720</v>
      </c>
      <c r="B3556" s="9" t="s">
        <v>15137</v>
      </c>
      <c r="C3556" s="9" t="s">
        <v>15369</v>
      </c>
      <c r="D3556" s="6" t="s">
        <v>15370</v>
      </c>
      <c r="E3556" s="22">
        <v>45543</v>
      </c>
      <c r="F3556" s="22">
        <v>47368</v>
      </c>
      <c r="G3556" s="6" t="s">
        <v>15371</v>
      </c>
      <c r="H3556" s="6" t="s">
        <v>18</v>
      </c>
      <c r="I3556" s="6" t="s">
        <v>67</v>
      </c>
      <c r="J3556" s="6" t="s">
        <v>15372</v>
      </c>
      <c r="K3556" s="9" t="s">
        <v>15373</v>
      </c>
      <c r="L3556" s="10" t="s">
        <v>22</v>
      </c>
      <c r="M3556" s="10" t="s">
        <v>22</v>
      </c>
      <c r="N3556" s="10" t="s">
        <v>22</v>
      </c>
      <c r="O3556" s="10" t="s">
        <v>22</v>
      </c>
      <c r="P3556" s="10" t="s">
        <v>22</v>
      </c>
      <c r="Q3556" s="10" t="s">
        <v>22</v>
      </c>
      <c r="R3556" s="10" t="s">
        <v>22</v>
      </c>
      <c r="S3556" s="10" t="s">
        <v>22</v>
      </c>
      <c r="T3556" s="10" t="s">
        <v>22</v>
      </c>
      <c r="U3556" s="10" t="s">
        <v>22</v>
      </c>
      <c r="V3556" s="10" t="s">
        <v>22</v>
      </c>
      <c r="W3556" s="10" t="s">
        <v>22</v>
      </c>
      <c r="X3556" s="10" t="s">
        <v>22</v>
      </c>
      <c r="Y3556" s="10" t="s">
        <v>22</v>
      </c>
      <c r="Z3556" s="10" t="s">
        <v>22</v>
      </c>
    </row>
    <row r="3557" spans="1:26" ht="24" customHeight="1" x14ac:dyDescent="0.2">
      <c r="A3557" s="9" t="s">
        <v>20721</v>
      </c>
      <c r="B3557" s="9" t="s">
        <v>15137</v>
      </c>
      <c r="C3557" s="9" t="s">
        <v>444</v>
      </c>
      <c r="D3557" s="6" t="s">
        <v>15374</v>
      </c>
      <c r="E3557" s="22">
        <v>45488</v>
      </c>
      <c r="F3557" s="22">
        <v>47313</v>
      </c>
      <c r="G3557" s="6" t="s">
        <v>15375</v>
      </c>
      <c r="H3557" s="6" t="s">
        <v>18</v>
      </c>
      <c r="I3557" s="6" t="s">
        <v>3615</v>
      </c>
      <c r="J3557" s="6" t="s">
        <v>15376</v>
      </c>
      <c r="K3557" s="9" t="s">
        <v>15377</v>
      </c>
      <c r="L3557" s="10" t="s">
        <v>22</v>
      </c>
      <c r="M3557" s="10" t="s">
        <v>22</v>
      </c>
      <c r="N3557" s="10" t="s">
        <v>22</v>
      </c>
      <c r="O3557" s="10" t="s">
        <v>22</v>
      </c>
      <c r="P3557" s="10" t="s">
        <v>22</v>
      </c>
      <c r="Q3557" s="10" t="s">
        <v>22</v>
      </c>
      <c r="R3557" s="10" t="s">
        <v>22</v>
      </c>
      <c r="S3557" s="10" t="s">
        <v>22</v>
      </c>
      <c r="T3557" s="10" t="s">
        <v>22</v>
      </c>
      <c r="U3557" s="10" t="s">
        <v>22</v>
      </c>
      <c r="V3557" s="10" t="s">
        <v>22</v>
      </c>
      <c r="W3557" s="10" t="s">
        <v>22</v>
      </c>
      <c r="X3557" s="10" t="s">
        <v>22</v>
      </c>
      <c r="Y3557" s="10" t="s">
        <v>22</v>
      </c>
      <c r="Z3557" s="10" t="s">
        <v>22</v>
      </c>
    </row>
    <row r="3558" spans="1:26" ht="24" customHeight="1" x14ac:dyDescent="0.2">
      <c r="A3558" s="9" t="s">
        <v>20722</v>
      </c>
      <c r="B3558" s="9" t="s">
        <v>15137</v>
      </c>
      <c r="C3558" s="9" t="s">
        <v>448</v>
      </c>
      <c r="D3558" s="6" t="s">
        <v>15378</v>
      </c>
      <c r="E3558" s="22">
        <v>45497</v>
      </c>
      <c r="F3558" s="22">
        <v>47322</v>
      </c>
      <c r="G3558" s="6" t="s">
        <v>17192</v>
      </c>
      <c r="H3558" s="6" t="s">
        <v>18</v>
      </c>
      <c r="I3558" s="6" t="s">
        <v>67</v>
      </c>
      <c r="J3558" s="6" t="s">
        <v>15379</v>
      </c>
      <c r="K3558" s="9" t="s">
        <v>15380</v>
      </c>
      <c r="L3558" s="10" t="s">
        <v>22</v>
      </c>
      <c r="M3558" s="10" t="s">
        <v>22</v>
      </c>
      <c r="N3558" s="10" t="s">
        <v>22</v>
      </c>
      <c r="O3558" s="10" t="s">
        <v>22</v>
      </c>
      <c r="P3558" s="10" t="s">
        <v>22</v>
      </c>
      <c r="Q3558" s="10" t="s">
        <v>22</v>
      </c>
      <c r="U3558" s="10" t="s">
        <v>22</v>
      </c>
      <c r="V3558" s="10" t="s">
        <v>22</v>
      </c>
      <c r="W3558" s="10" t="s">
        <v>22</v>
      </c>
      <c r="X3558" s="10" t="s">
        <v>22</v>
      </c>
      <c r="Y3558" s="10" t="s">
        <v>22</v>
      </c>
      <c r="Z3558" s="10" t="s">
        <v>22</v>
      </c>
    </row>
    <row r="3559" spans="1:26" ht="24" customHeight="1" x14ac:dyDescent="0.2">
      <c r="A3559" s="9" t="s">
        <v>20723</v>
      </c>
      <c r="B3559" s="9" t="s">
        <v>15137</v>
      </c>
      <c r="C3559" s="9" t="s">
        <v>448</v>
      </c>
      <c r="D3559" s="6" t="s">
        <v>15378</v>
      </c>
      <c r="E3559" s="22">
        <v>45497</v>
      </c>
      <c r="F3559" s="22">
        <v>47322</v>
      </c>
      <c r="G3559" s="6" t="s">
        <v>15381</v>
      </c>
      <c r="H3559" s="6" t="s">
        <v>18</v>
      </c>
      <c r="I3559" s="6" t="s">
        <v>67</v>
      </c>
      <c r="J3559" s="6" t="s">
        <v>15382</v>
      </c>
      <c r="K3559" s="9" t="s">
        <v>15383</v>
      </c>
      <c r="L3559" s="10" t="s">
        <v>22</v>
      </c>
      <c r="M3559" s="10" t="s">
        <v>22</v>
      </c>
      <c r="N3559" s="10" t="s">
        <v>22</v>
      </c>
      <c r="O3559" s="10" t="s">
        <v>22</v>
      </c>
      <c r="P3559" s="10" t="s">
        <v>22</v>
      </c>
      <c r="Q3559" s="10" t="s">
        <v>22</v>
      </c>
    </row>
    <row r="3560" spans="1:26" ht="24" customHeight="1" x14ac:dyDescent="0.2">
      <c r="A3560" s="9" t="s">
        <v>20724</v>
      </c>
      <c r="B3560" s="9" t="s">
        <v>15137</v>
      </c>
      <c r="C3560" s="9" t="s">
        <v>15384</v>
      </c>
      <c r="D3560" s="6" t="s">
        <v>15385</v>
      </c>
      <c r="E3560" s="22">
        <v>45581</v>
      </c>
      <c r="F3560" s="22">
        <v>47406</v>
      </c>
      <c r="G3560" s="6" t="s">
        <v>15386</v>
      </c>
      <c r="H3560" s="6" t="s">
        <v>18</v>
      </c>
      <c r="I3560" s="6" t="s">
        <v>522</v>
      </c>
      <c r="J3560" s="6" t="s">
        <v>15387</v>
      </c>
      <c r="K3560" s="9" t="s">
        <v>15388</v>
      </c>
      <c r="L3560" s="10" t="s">
        <v>22</v>
      </c>
      <c r="M3560" s="10" t="s">
        <v>22</v>
      </c>
      <c r="N3560" s="10" t="s">
        <v>22</v>
      </c>
      <c r="U3560" s="10" t="s">
        <v>22</v>
      </c>
      <c r="V3560" s="10" t="s">
        <v>22</v>
      </c>
      <c r="W3560" s="10" t="s">
        <v>22</v>
      </c>
    </row>
    <row r="3561" spans="1:26" ht="24" customHeight="1" x14ac:dyDescent="0.2">
      <c r="A3561" s="9" t="s">
        <v>20725</v>
      </c>
      <c r="B3561" s="9" t="s">
        <v>15137</v>
      </c>
      <c r="C3561" s="9" t="s">
        <v>15389</v>
      </c>
      <c r="D3561" s="6" t="s">
        <v>15390</v>
      </c>
      <c r="E3561" s="22">
        <v>43941</v>
      </c>
      <c r="F3561" s="22">
        <v>45766</v>
      </c>
      <c r="G3561" s="6" t="s">
        <v>15391</v>
      </c>
      <c r="H3561" s="6" t="s">
        <v>18</v>
      </c>
      <c r="I3561" s="6" t="s">
        <v>15174</v>
      </c>
      <c r="J3561" s="6" t="s">
        <v>15392</v>
      </c>
      <c r="K3561" s="9" t="s">
        <v>15393</v>
      </c>
      <c r="L3561" s="10" t="s">
        <v>22</v>
      </c>
      <c r="M3561" s="10" t="s">
        <v>22</v>
      </c>
      <c r="N3561" s="10" t="s">
        <v>22</v>
      </c>
      <c r="O3561" s="10" t="s">
        <v>22</v>
      </c>
      <c r="P3561" s="10" t="s">
        <v>22</v>
      </c>
      <c r="Q3561" s="10" t="s">
        <v>22</v>
      </c>
      <c r="U3561" s="10" t="s">
        <v>22</v>
      </c>
      <c r="V3561" s="10" t="s">
        <v>22</v>
      </c>
      <c r="W3561" s="10" t="s">
        <v>22</v>
      </c>
      <c r="X3561" s="10" t="s">
        <v>22</v>
      </c>
      <c r="Y3561" s="10" t="s">
        <v>22</v>
      </c>
      <c r="Z3561" s="10" t="s">
        <v>22</v>
      </c>
    </row>
    <row r="3562" spans="1:26" ht="24" customHeight="1" x14ac:dyDescent="0.2">
      <c r="A3562" s="9" t="s">
        <v>20726</v>
      </c>
      <c r="B3562" s="9" t="s">
        <v>15137</v>
      </c>
      <c r="C3562" s="9" t="s">
        <v>14128</v>
      </c>
      <c r="D3562" s="6" t="s">
        <v>15394</v>
      </c>
      <c r="E3562" s="22">
        <v>44124</v>
      </c>
      <c r="F3562" s="22">
        <v>45949</v>
      </c>
      <c r="G3562" s="6" t="s">
        <v>15395</v>
      </c>
      <c r="H3562" s="6" t="s">
        <v>18</v>
      </c>
      <c r="I3562" s="6" t="s">
        <v>522</v>
      </c>
      <c r="J3562" s="6" t="s">
        <v>15396</v>
      </c>
      <c r="K3562" s="9" t="s">
        <v>15397</v>
      </c>
      <c r="L3562" s="10" t="s">
        <v>22</v>
      </c>
      <c r="M3562" s="10" t="s">
        <v>22</v>
      </c>
      <c r="N3562" s="10" t="s">
        <v>22</v>
      </c>
      <c r="O3562" s="10" t="s">
        <v>22</v>
      </c>
      <c r="P3562" s="10" t="s">
        <v>22</v>
      </c>
      <c r="Q3562" s="10" t="s">
        <v>22</v>
      </c>
      <c r="R3562" s="10" t="s">
        <v>22</v>
      </c>
      <c r="S3562" s="10" t="s">
        <v>22</v>
      </c>
      <c r="T3562" s="10" t="s">
        <v>22</v>
      </c>
      <c r="U3562" s="10" t="s">
        <v>22</v>
      </c>
      <c r="V3562" s="10" t="s">
        <v>22</v>
      </c>
      <c r="W3562" s="10" t="s">
        <v>22</v>
      </c>
      <c r="X3562" s="10" t="s">
        <v>22</v>
      </c>
      <c r="Y3562" s="10" t="s">
        <v>22</v>
      </c>
      <c r="Z3562" s="10" t="s">
        <v>22</v>
      </c>
    </row>
    <row r="3563" spans="1:26" ht="24" customHeight="1" x14ac:dyDescent="0.2">
      <c r="A3563" s="9" t="s">
        <v>20727</v>
      </c>
      <c r="B3563" s="9" t="s">
        <v>15137</v>
      </c>
      <c r="C3563" s="9" t="s">
        <v>15398</v>
      </c>
      <c r="D3563" s="6" t="s">
        <v>15399</v>
      </c>
      <c r="E3563" s="22">
        <v>44193</v>
      </c>
      <c r="F3563" s="22">
        <v>46018</v>
      </c>
      <c r="G3563" s="6" t="s">
        <v>15400</v>
      </c>
      <c r="H3563" s="6" t="s">
        <v>18</v>
      </c>
      <c r="I3563" s="6" t="s">
        <v>67</v>
      </c>
      <c r="J3563" s="6" t="s">
        <v>15401</v>
      </c>
      <c r="K3563" s="9" t="s">
        <v>15402</v>
      </c>
      <c r="L3563" s="10" t="s">
        <v>22</v>
      </c>
      <c r="M3563" s="10" t="s">
        <v>22</v>
      </c>
      <c r="N3563" s="10" t="s">
        <v>22</v>
      </c>
      <c r="O3563" s="10" t="s">
        <v>22</v>
      </c>
      <c r="P3563" s="10" t="s">
        <v>22</v>
      </c>
      <c r="Q3563" s="10" t="s">
        <v>22</v>
      </c>
      <c r="U3563" s="10" t="s">
        <v>22</v>
      </c>
      <c r="V3563" s="10" t="s">
        <v>22</v>
      </c>
      <c r="W3563" s="10" t="s">
        <v>22</v>
      </c>
      <c r="X3563" s="10" t="s">
        <v>22</v>
      </c>
      <c r="Y3563" s="10" t="s">
        <v>22</v>
      </c>
      <c r="Z3563" s="10" t="s">
        <v>22</v>
      </c>
    </row>
    <row r="3564" spans="1:26" ht="24" customHeight="1" x14ac:dyDescent="0.2">
      <c r="A3564" s="9" t="s">
        <v>20728</v>
      </c>
      <c r="B3564" s="9" t="s">
        <v>15137</v>
      </c>
      <c r="C3564" s="9" t="s">
        <v>501</v>
      </c>
      <c r="D3564" s="6" t="s">
        <v>15403</v>
      </c>
      <c r="E3564" s="22">
        <v>44255</v>
      </c>
      <c r="F3564" s="22">
        <v>46080</v>
      </c>
      <c r="G3564" s="6" t="s">
        <v>15404</v>
      </c>
      <c r="H3564" s="6" t="s">
        <v>18</v>
      </c>
      <c r="I3564" s="6" t="s">
        <v>15174</v>
      </c>
      <c r="J3564" s="6" t="s">
        <v>15405</v>
      </c>
      <c r="K3564" s="9" t="s">
        <v>15406</v>
      </c>
      <c r="L3564" s="10" t="s">
        <v>22</v>
      </c>
      <c r="M3564" s="10" t="s">
        <v>22</v>
      </c>
      <c r="N3564" s="10" t="s">
        <v>22</v>
      </c>
      <c r="O3564" s="10" t="s">
        <v>22</v>
      </c>
      <c r="P3564" s="10" t="s">
        <v>22</v>
      </c>
      <c r="Q3564" s="10" t="s">
        <v>22</v>
      </c>
      <c r="R3564" s="10" t="s">
        <v>22</v>
      </c>
      <c r="S3564" s="10" t="s">
        <v>22</v>
      </c>
      <c r="T3564" s="10" t="s">
        <v>22</v>
      </c>
      <c r="U3564" s="10" t="s">
        <v>22</v>
      </c>
      <c r="V3564" s="10" t="s">
        <v>22</v>
      </c>
      <c r="W3564" s="10" t="s">
        <v>22</v>
      </c>
      <c r="X3564" s="10" t="s">
        <v>22</v>
      </c>
      <c r="Y3564" s="10" t="s">
        <v>22</v>
      </c>
      <c r="Z3564" s="10" t="s">
        <v>22</v>
      </c>
    </row>
    <row r="3565" spans="1:26" ht="24" customHeight="1" x14ac:dyDescent="0.2">
      <c r="A3565" s="9" t="s">
        <v>20729</v>
      </c>
      <c r="B3565" s="9" t="s">
        <v>15137</v>
      </c>
      <c r="C3565" s="9" t="s">
        <v>15407</v>
      </c>
      <c r="D3565" s="6" t="s">
        <v>15408</v>
      </c>
      <c r="E3565" s="22">
        <v>44416</v>
      </c>
      <c r="F3565" s="22">
        <v>46241</v>
      </c>
      <c r="G3565" s="6" t="s">
        <v>15409</v>
      </c>
      <c r="H3565" s="6" t="s">
        <v>18</v>
      </c>
      <c r="I3565" s="6" t="s">
        <v>522</v>
      </c>
      <c r="J3565" s="6" t="s">
        <v>15410</v>
      </c>
      <c r="K3565" s="9" t="s">
        <v>15411</v>
      </c>
      <c r="L3565" s="10" t="s">
        <v>22</v>
      </c>
      <c r="M3565" s="10" t="s">
        <v>22</v>
      </c>
      <c r="N3565" s="10" t="s">
        <v>22</v>
      </c>
      <c r="O3565" s="10" t="s">
        <v>22</v>
      </c>
      <c r="P3565" s="10" t="s">
        <v>22</v>
      </c>
      <c r="Q3565" s="10" t="s">
        <v>22</v>
      </c>
      <c r="R3565" s="10" t="s">
        <v>22</v>
      </c>
      <c r="S3565" s="10" t="s">
        <v>22</v>
      </c>
      <c r="T3565" s="10" t="s">
        <v>22</v>
      </c>
      <c r="U3565" s="10" t="s">
        <v>22</v>
      </c>
      <c r="V3565" s="10" t="s">
        <v>22</v>
      </c>
      <c r="W3565" s="10" t="s">
        <v>22</v>
      </c>
      <c r="X3565" s="10" t="s">
        <v>22</v>
      </c>
      <c r="Y3565" s="10" t="s">
        <v>22</v>
      </c>
      <c r="Z3565" s="10" t="s">
        <v>22</v>
      </c>
    </row>
    <row r="3566" spans="1:26" ht="24" customHeight="1" x14ac:dyDescent="0.2">
      <c r="A3566" s="9" t="s">
        <v>20730</v>
      </c>
      <c r="B3566" s="9" t="s">
        <v>15137</v>
      </c>
      <c r="C3566" s="9" t="s">
        <v>531</v>
      </c>
      <c r="D3566" s="6" t="s">
        <v>15412</v>
      </c>
      <c r="E3566" s="22">
        <v>44466</v>
      </c>
      <c r="F3566" s="22">
        <v>46291</v>
      </c>
      <c r="G3566" s="6" t="s">
        <v>15413</v>
      </c>
      <c r="H3566" s="6" t="s">
        <v>18</v>
      </c>
      <c r="I3566" s="6" t="s">
        <v>522</v>
      </c>
      <c r="J3566" s="6" t="s">
        <v>15414</v>
      </c>
      <c r="L3566" s="10" t="s">
        <v>22</v>
      </c>
      <c r="M3566" s="10" t="s">
        <v>22</v>
      </c>
      <c r="N3566" s="10" t="s">
        <v>22</v>
      </c>
      <c r="O3566" s="10" t="s">
        <v>22</v>
      </c>
      <c r="P3566" s="10" t="s">
        <v>22</v>
      </c>
      <c r="Q3566" s="10" t="s">
        <v>22</v>
      </c>
      <c r="R3566" s="10" t="s">
        <v>22</v>
      </c>
      <c r="S3566" s="10" t="s">
        <v>22</v>
      </c>
      <c r="T3566" s="10" t="s">
        <v>22</v>
      </c>
      <c r="U3566" s="10" t="s">
        <v>22</v>
      </c>
      <c r="V3566" s="10" t="s">
        <v>22</v>
      </c>
      <c r="W3566" s="10" t="s">
        <v>22</v>
      </c>
      <c r="X3566" s="10" t="s">
        <v>22</v>
      </c>
      <c r="Y3566" s="10" t="s">
        <v>22</v>
      </c>
      <c r="Z3566" s="10" t="s">
        <v>22</v>
      </c>
    </row>
    <row r="3567" spans="1:26" ht="24" customHeight="1" x14ac:dyDescent="0.2">
      <c r="A3567" s="9" t="s">
        <v>20731</v>
      </c>
      <c r="B3567" s="9" t="s">
        <v>15137</v>
      </c>
      <c r="C3567" s="9" t="s">
        <v>15415</v>
      </c>
      <c r="D3567" s="6" t="s">
        <v>15416</v>
      </c>
      <c r="E3567" s="22">
        <v>44480</v>
      </c>
      <c r="F3567" s="22">
        <v>46305</v>
      </c>
      <c r="G3567" s="6" t="s">
        <v>15417</v>
      </c>
      <c r="H3567" s="6" t="s">
        <v>18</v>
      </c>
      <c r="I3567" s="6" t="s">
        <v>67</v>
      </c>
      <c r="J3567" s="6" t="s">
        <v>15418</v>
      </c>
      <c r="K3567" s="9" t="s">
        <v>15419</v>
      </c>
      <c r="L3567" s="10" t="s">
        <v>22</v>
      </c>
      <c r="M3567" s="10" t="s">
        <v>22</v>
      </c>
      <c r="N3567" s="10" t="s">
        <v>22</v>
      </c>
      <c r="O3567" s="10" t="s">
        <v>22</v>
      </c>
      <c r="P3567" s="10" t="s">
        <v>22</v>
      </c>
      <c r="Q3567" s="10" t="s">
        <v>22</v>
      </c>
    </row>
    <row r="3568" spans="1:26" ht="24" customHeight="1" x14ac:dyDescent="0.2">
      <c r="A3568" s="9" t="s">
        <v>20732</v>
      </c>
      <c r="B3568" s="9" t="s">
        <v>15137</v>
      </c>
      <c r="C3568" s="9" t="s">
        <v>573</v>
      </c>
      <c r="D3568" s="6" t="s">
        <v>15420</v>
      </c>
      <c r="E3568" s="22">
        <v>44502</v>
      </c>
      <c r="F3568" s="22">
        <v>46327</v>
      </c>
      <c r="G3568" s="6" t="s">
        <v>15421</v>
      </c>
      <c r="H3568" s="6" t="s">
        <v>18</v>
      </c>
      <c r="I3568" s="6" t="s">
        <v>522</v>
      </c>
      <c r="J3568" s="6" t="s">
        <v>15422</v>
      </c>
      <c r="L3568" s="10" t="s">
        <v>22</v>
      </c>
      <c r="M3568" s="10" t="s">
        <v>22</v>
      </c>
      <c r="N3568" s="10" t="s">
        <v>22</v>
      </c>
      <c r="O3568" s="10" t="s">
        <v>22</v>
      </c>
      <c r="P3568" s="10" t="s">
        <v>22</v>
      </c>
      <c r="Q3568" s="10" t="s">
        <v>22</v>
      </c>
      <c r="R3568" s="10" t="s">
        <v>22</v>
      </c>
      <c r="S3568" s="10" t="s">
        <v>22</v>
      </c>
      <c r="T3568" s="10" t="s">
        <v>22</v>
      </c>
      <c r="U3568" s="10" t="s">
        <v>22</v>
      </c>
      <c r="V3568" s="10" t="s">
        <v>22</v>
      </c>
      <c r="W3568" s="10" t="s">
        <v>22</v>
      </c>
      <c r="X3568" s="10" t="s">
        <v>22</v>
      </c>
      <c r="Y3568" s="10" t="s">
        <v>22</v>
      </c>
      <c r="Z3568" s="10" t="s">
        <v>22</v>
      </c>
    </row>
    <row r="3569" spans="1:26" ht="24" customHeight="1" x14ac:dyDescent="0.2">
      <c r="A3569" s="9" t="s">
        <v>20733</v>
      </c>
      <c r="B3569" s="9" t="s">
        <v>15137</v>
      </c>
      <c r="C3569" s="9" t="s">
        <v>588</v>
      </c>
      <c r="D3569" s="6" t="s">
        <v>15423</v>
      </c>
      <c r="E3569" s="22">
        <v>44614</v>
      </c>
      <c r="F3569" s="22">
        <v>46439</v>
      </c>
      <c r="G3569" s="6" t="s">
        <v>15424</v>
      </c>
      <c r="H3569" s="6" t="s">
        <v>18</v>
      </c>
      <c r="I3569" s="6" t="s">
        <v>3615</v>
      </c>
      <c r="J3569" s="6" t="s">
        <v>15425</v>
      </c>
      <c r="K3569" s="9" t="s">
        <v>15426</v>
      </c>
      <c r="L3569" s="10" t="s">
        <v>22</v>
      </c>
      <c r="M3569" s="10" t="s">
        <v>22</v>
      </c>
      <c r="N3569" s="10" t="s">
        <v>22</v>
      </c>
      <c r="O3569" s="10" t="s">
        <v>22</v>
      </c>
      <c r="P3569" s="10" t="s">
        <v>22</v>
      </c>
      <c r="Q3569" s="10" t="s">
        <v>22</v>
      </c>
      <c r="R3569" s="10" t="s">
        <v>22</v>
      </c>
      <c r="S3569" s="10" t="s">
        <v>22</v>
      </c>
      <c r="T3569" s="10" t="s">
        <v>22</v>
      </c>
    </row>
    <row r="3570" spans="1:26" ht="24" customHeight="1" x14ac:dyDescent="0.2">
      <c r="A3570" s="9" t="s">
        <v>20734</v>
      </c>
      <c r="B3570" s="9" t="s">
        <v>15137</v>
      </c>
      <c r="C3570" s="9" t="s">
        <v>14154</v>
      </c>
      <c r="D3570" s="6" t="s">
        <v>15427</v>
      </c>
      <c r="E3570" s="22">
        <v>44628</v>
      </c>
      <c r="F3570" s="22">
        <v>46453</v>
      </c>
      <c r="G3570" s="6" t="s">
        <v>15428</v>
      </c>
      <c r="H3570" s="6" t="s">
        <v>18</v>
      </c>
      <c r="I3570" s="6" t="s">
        <v>67</v>
      </c>
      <c r="J3570" s="6" t="s">
        <v>15429</v>
      </c>
      <c r="K3570" s="9" t="s">
        <v>15430</v>
      </c>
      <c r="L3570" s="10" t="s">
        <v>22</v>
      </c>
      <c r="M3570" s="10" t="s">
        <v>22</v>
      </c>
      <c r="N3570" s="10" t="s">
        <v>22</v>
      </c>
      <c r="U3570" s="10" t="s">
        <v>22</v>
      </c>
      <c r="V3570" s="10" t="s">
        <v>22</v>
      </c>
      <c r="W3570" s="10" t="s">
        <v>22</v>
      </c>
    </row>
    <row r="3571" spans="1:26" ht="24" customHeight="1" x14ac:dyDescent="0.2">
      <c r="A3571" s="9" t="s">
        <v>20735</v>
      </c>
      <c r="B3571" s="9" t="s">
        <v>15137</v>
      </c>
      <c r="C3571" s="9" t="s">
        <v>15431</v>
      </c>
      <c r="D3571" s="6" t="s">
        <v>15432</v>
      </c>
      <c r="E3571" s="22">
        <v>44642</v>
      </c>
      <c r="F3571" s="22">
        <v>46467</v>
      </c>
      <c r="G3571" s="6" t="s">
        <v>15433</v>
      </c>
      <c r="H3571" s="6" t="s">
        <v>18</v>
      </c>
      <c r="I3571" s="6" t="s">
        <v>67</v>
      </c>
      <c r="J3571" s="6" t="s">
        <v>15434</v>
      </c>
      <c r="K3571" s="9" t="s">
        <v>15435</v>
      </c>
      <c r="L3571" s="10" t="s">
        <v>22</v>
      </c>
      <c r="M3571" s="10" t="s">
        <v>22</v>
      </c>
      <c r="N3571" s="10" t="s">
        <v>22</v>
      </c>
      <c r="O3571" s="10" t="s">
        <v>22</v>
      </c>
      <c r="P3571" s="10" t="s">
        <v>22</v>
      </c>
      <c r="Q3571" s="10" t="s">
        <v>22</v>
      </c>
      <c r="R3571" s="10" t="s">
        <v>22</v>
      </c>
      <c r="S3571" s="10" t="s">
        <v>22</v>
      </c>
      <c r="T3571" s="10" t="s">
        <v>22</v>
      </c>
      <c r="U3571" s="10" t="s">
        <v>22</v>
      </c>
      <c r="V3571" s="10" t="s">
        <v>22</v>
      </c>
      <c r="W3571" s="10" t="s">
        <v>22</v>
      </c>
      <c r="X3571" s="10" t="s">
        <v>22</v>
      </c>
      <c r="Y3571" s="10" t="s">
        <v>22</v>
      </c>
      <c r="Z3571" s="10" t="s">
        <v>22</v>
      </c>
    </row>
    <row r="3572" spans="1:26" ht="24" customHeight="1" x14ac:dyDescent="0.2">
      <c r="A3572" s="9" t="s">
        <v>20736</v>
      </c>
      <c r="B3572" s="9" t="s">
        <v>15137</v>
      </c>
      <c r="C3572" s="9" t="s">
        <v>14172</v>
      </c>
      <c r="D3572" s="6" t="s">
        <v>15436</v>
      </c>
      <c r="E3572" s="22">
        <v>44655</v>
      </c>
      <c r="F3572" s="22">
        <v>46480</v>
      </c>
      <c r="G3572" s="6" t="s">
        <v>15437</v>
      </c>
      <c r="H3572" s="6" t="s">
        <v>18</v>
      </c>
      <c r="I3572" s="6" t="s">
        <v>522</v>
      </c>
      <c r="J3572" s="6" t="s">
        <v>15438</v>
      </c>
      <c r="K3572" s="9" t="s">
        <v>15439</v>
      </c>
      <c r="L3572" s="10" t="s">
        <v>22</v>
      </c>
      <c r="M3572" s="10" t="s">
        <v>22</v>
      </c>
      <c r="N3572" s="10" t="s">
        <v>22</v>
      </c>
      <c r="O3572" s="10" t="s">
        <v>22</v>
      </c>
      <c r="P3572" s="10" t="s">
        <v>22</v>
      </c>
      <c r="Q3572" s="10" t="s">
        <v>22</v>
      </c>
      <c r="R3572" s="10" t="s">
        <v>22</v>
      </c>
      <c r="S3572" s="10" t="s">
        <v>22</v>
      </c>
      <c r="T3572" s="10" t="s">
        <v>22</v>
      </c>
      <c r="U3572" s="10" t="s">
        <v>22</v>
      </c>
      <c r="V3572" s="10" t="s">
        <v>22</v>
      </c>
      <c r="W3572" s="10" t="s">
        <v>22</v>
      </c>
      <c r="X3572" s="10" t="s">
        <v>22</v>
      </c>
      <c r="Y3572" s="10" t="s">
        <v>22</v>
      </c>
      <c r="Z3572" s="10" t="s">
        <v>22</v>
      </c>
    </row>
    <row r="3573" spans="1:26" ht="24" customHeight="1" x14ac:dyDescent="0.2">
      <c r="A3573" s="9" t="s">
        <v>20737</v>
      </c>
      <c r="B3573" s="9" t="s">
        <v>15137</v>
      </c>
      <c r="C3573" s="9" t="s">
        <v>15440</v>
      </c>
      <c r="D3573" s="6" t="s">
        <v>15441</v>
      </c>
      <c r="E3573" s="22">
        <v>44657</v>
      </c>
      <c r="F3573" s="22">
        <v>46482</v>
      </c>
      <c r="G3573" s="6" t="s">
        <v>15442</v>
      </c>
      <c r="H3573" s="6" t="s">
        <v>18</v>
      </c>
      <c r="I3573" s="6" t="s">
        <v>727</v>
      </c>
      <c r="J3573" s="6" t="s">
        <v>15443</v>
      </c>
      <c r="K3573" s="9" t="s">
        <v>15444</v>
      </c>
      <c r="L3573" s="10" t="s">
        <v>22</v>
      </c>
      <c r="M3573" s="10" t="s">
        <v>22</v>
      </c>
      <c r="N3573" s="10" t="s">
        <v>22</v>
      </c>
      <c r="O3573" s="10" t="s">
        <v>22</v>
      </c>
      <c r="P3573" s="10" t="s">
        <v>22</v>
      </c>
      <c r="Q3573" s="10" t="s">
        <v>22</v>
      </c>
      <c r="R3573" s="10" t="s">
        <v>22</v>
      </c>
      <c r="S3573" s="10" t="s">
        <v>22</v>
      </c>
      <c r="T3573" s="10" t="s">
        <v>22</v>
      </c>
      <c r="U3573" s="10" t="s">
        <v>22</v>
      </c>
      <c r="V3573" s="10" t="s">
        <v>22</v>
      </c>
      <c r="W3573" s="10" t="s">
        <v>22</v>
      </c>
      <c r="X3573" s="10" t="s">
        <v>22</v>
      </c>
      <c r="Y3573" s="10" t="s">
        <v>22</v>
      </c>
      <c r="Z3573" s="10" t="s">
        <v>22</v>
      </c>
    </row>
    <row r="3574" spans="1:26" ht="24" customHeight="1" x14ac:dyDescent="0.2">
      <c r="A3574" s="9" t="s">
        <v>20738</v>
      </c>
      <c r="B3574" s="9" t="s">
        <v>15137</v>
      </c>
      <c r="C3574" s="9" t="s">
        <v>594</v>
      </c>
      <c r="D3574" s="6" t="s">
        <v>15445</v>
      </c>
      <c r="E3574" s="22">
        <v>44664</v>
      </c>
      <c r="F3574" s="22">
        <v>46489</v>
      </c>
      <c r="G3574" s="6" t="s">
        <v>15446</v>
      </c>
      <c r="H3574" s="6" t="s">
        <v>18</v>
      </c>
      <c r="I3574" s="6" t="s">
        <v>15174</v>
      </c>
      <c r="J3574" s="6" t="s">
        <v>15447</v>
      </c>
      <c r="K3574" s="9" t="s">
        <v>15448</v>
      </c>
      <c r="L3574" s="10" t="s">
        <v>22</v>
      </c>
      <c r="M3574" s="10" t="s">
        <v>22</v>
      </c>
      <c r="N3574" s="10" t="s">
        <v>22</v>
      </c>
      <c r="O3574" s="10" t="s">
        <v>22</v>
      </c>
      <c r="P3574" s="10" t="s">
        <v>22</v>
      </c>
      <c r="Q3574" s="10" t="s">
        <v>22</v>
      </c>
      <c r="U3574" s="10" t="s">
        <v>22</v>
      </c>
      <c r="V3574" s="10" t="s">
        <v>22</v>
      </c>
      <c r="W3574" s="10" t="s">
        <v>22</v>
      </c>
      <c r="X3574" s="10" t="s">
        <v>22</v>
      </c>
      <c r="Y3574" s="10" t="s">
        <v>22</v>
      </c>
      <c r="Z3574" s="10" t="s">
        <v>22</v>
      </c>
    </row>
    <row r="3575" spans="1:26" ht="24" customHeight="1" x14ac:dyDescent="0.2">
      <c r="A3575" s="9" t="s">
        <v>20739</v>
      </c>
      <c r="B3575" s="9" t="s">
        <v>15137</v>
      </c>
      <c r="C3575" s="9" t="s">
        <v>14179</v>
      </c>
      <c r="D3575" s="6" t="s">
        <v>15449</v>
      </c>
      <c r="E3575" s="22">
        <v>44705</v>
      </c>
      <c r="F3575" s="22">
        <v>46530</v>
      </c>
      <c r="G3575" s="6" t="s">
        <v>15450</v>
      </c>
      <c r="H3575" s="6" t="s">
        <v>18</v>
      </c>
      <c r="I3575" s="6" t="s">
        <v>15174</v>
      </c>
      <c r="J3575" s="6" t="s">
        <v>15451</v>
      </c>
      <c r="K3575" s="9" t="s">
        <v>15452</v>
      </c>
      <c r="L3575" s="10" t="s">
        <v>22</v>
      </c>
      <c r="M3575" s="10" t="s">
        <v>22</v>
      </c>
      <c r="N3575" s="10" t="s">
        <v>22</v>
      </c>
      <c r="O3575" s="10" t="s">
        <v>22</v>
      </c>
      <c r="P3575" s="10" t="s">
        <v>22</v>
      </c>
      <c r="Q3575" s="10" t="s">
        <v>22</v>
      </c>
      <c r="U3575" s="10" t="s">
        <v>22</v>
      </c>
      <c r="V3575" s="10" t="s">
        <v>22</v>
      </c>
      <c r="W3575" s="10" t="s">
        <v>22</v>
      </c>
      <c r="X3575" s="10" t="s">
        <v>22</v>
      </c>
      <c r="Y3575" s="10" t="s">
        <v>22</v>
      </c>
      <c r="Z3575" s="10" t="s">
        <v>22</v>
      </c>
    </row>
    <row r="3576" spans="1:26" ht="24" customHeight="1" x14ac:dyDescent="0.2">
      <c r="A3576" s="9" t="s">
        <v>20740</v>
      </c>
      <c r="B3576" s="9" t="s">
        <v>15137</v>
      </c>
      <c r="C3576" s="9" t="s">
        <v>15453</v>
      </c>
      <c r="D3576" s="6" t="s">
        <v>15454</v>
      </c>
      <c r="E3576" s="22">
        <v>44740</v>
      </c>
      <c r="F3576" s="22">
        <v>46565</v>
      </c>
      <c r="G3576" s="6" t="s">
        <v>15455</v>
      </c>
      <c r="H3576" s="6" t="s">
        <v>18</v>
      </c>
      <c r="I3576" s="6" t="s">
        <v>15338</v>
      </c>
      <c r="J3576" s="6" t="s">
        <v>15456</v>
      </c>
      <c r="K3576" s="9" t="s">
        <v>15457</v>
      </c>
      <c r="L3576" s="10" t="s">
        <v>22</v>
      </c>
      <c r="M3576" s="10" t="s">
        <v>22</v>
      </c>
      <c r="N3576" s="10" t="s">
        <v>22</v>
      </c>
      <c r="O3576" s="10" t="s">
        <v>22</v>
      </c>
      <c r="P3576" s="10" t="s">
        <v>22</v>
      </c>
      <c r="Q3576" s="10" t="s">
        <v>22</v>
      </c>
      <c r="U3576" s="10" t="s">
        <v>22</v>
      </c>
      <c r="V3576" s="10" t="s">
        <v>22</v>
      </c>
      <c r="W3576" s="10" t="s">
        <v>22</v>
      </c>
      <c r="X3576" s="10" t="s">
        <v>22</v>
      </c>
      <c r="Y3576" s="10" t="s">
        <v>22</v>
      </c>
      <c r="Z3576" s="10" t="s">
        <v>22</v>
      </c>
    </row>
    <row r="3577" spans="1:26" ht="24" customHeight="1" x14ac:dyDescent="0.2">
      <c r="A3577" s="9" t="s">
        <v>20741</v>
      </c>
      <c r="B3577" s="9" t="s">
        <v>15137</v>
      </c>
      <c r="C3577" s="9" t="s">
        <v>600</v>
      </c>
      <c r="D3577" s="6" t="s">
        <v>15458</v>
      </c>
      <c r="E3577" s="22">
        <v>44774</v>
      </c>
      <c r="F3577" s="22">
        <v>46599</v>
      </c>
      <c r="G3577" s="6" t="s">
        <v>15459</v>
      </c>
      <c r="H3577" s="6" t="s">
        <v>18</v>
      </c>
      <c r="I3577" s="6" t="s">
        <v>522</v>
      </c>
      <c r="J3577" s="6" t="s">
        <v>15460</v>
      </c>
      <c r="K3577" s="9" t="s">
        <v>15461</v>
      </c>
      <c r="L3577" s="10" t="s">
        <v>22</v>
      </c>
      <c r="M3577" s="10" t="s">
        <v>22</v>
      </c>
      <c r="N3577" s="10" t="s">
        <v>22</v>
      </c>
      <c r="O3577" s="10" t="s">
        <v>22</v>
      </c>
      <c r="P3577" s="10" t="s">
        <v>22</v>
      </c>
      <c r="Q3577" s="10" t="s">
        <v>22</v>
      </c>
      <c r="U3577" s="10" t="s">
        <v>22</v>
      </c>
      <c r="V3577" s="10" t="s">
        <v>22</v>
      </c>
      <c r="W3577" s="10" t="s">
        <v>22</v>
      </c>
      <c r="X3577" s="10" t="s">
        <v>22</v>
      </c>
      <c r="Y3577" s="10" t="s">
        <v>22</v>
      </c>
      <c r="Z3577" s="10" t="s">
        <v>22</v>
      </c>
    </row>
    <row r="3578" spans="1:26" ht="24" customHeight="1" x14ac:dyDescent="0.2">
      <c r="A3578" s="9" t="s">
        <v>20742</v>
      </c>
      <c r="B3578" s="9" t="s">
        <v>15137</v>
      </c>
      <c r="C3578" s="9" t="s">
        <v>611</v>
      </c>
      <c r="D3578" s="6" t="s">
        <v>15462</v>
      </c>
      <c r="E3578" s="22">
        <v>44900</v>
      </c>
      <c r="F3578" s="22">
        <v>46725</v>
      </c>
      <c r="G3578" s="6" t="s">
        <v>15463</v>
      </c>
      <c r="H3578" s="6" t="s">
        <v>18</v>
      </c>
      <c r="I3578" s="6" t="s">
        <v>67</v>
      </c>
      <c r="J3578" s="6" t="s">
        <v>15464</v>
      </c>
      <c r="K3578" s="9" t="s">
        <v>15465</v>
      </c>
      <c r="L3578" s="10" t="s">
        <v>22</v>
      </c>
      <c r="M3578" s="10" t="s">
        <v>22</v>
      </c>
      <c r="N3578" s="10" t="s">
        <v>22</v>
      </c>
      <c r="O3578" s="10" t="s">
        <v>22</v>
      </c>
      <c r="P3578" s="10" t="s">
        <v>22</v>
      </c>
      <c r="Q3578" s="10" t="s">
        <v>22</v>
      </c>
      <c r="R3578" s="10" t="s">
        <v>22</v>
      </c>
      <c r="S3578" s="10" t="s">
        <v>22</v>
      </c>
      <c r="T3578" s="10" t="s">
        <v>22</v>
      </c>
      <c r="U3578" s="10" t="s">
        <v>22</v>
      </c>
      <c r="V3578" s="10" t="s">
        <v>22</v>
      </c>
      <c r="W3578" s="10" t="s">
        <v>22</v>
      </c>
      <c r="X3578" s="10" t="s">
        <v>22</v>
      </c>
      <c r="Y3578" s="10" t="s">
        <v>22</v>
      </c>
      <c r="Z3578" s="10" t="s">
        <v>22</v>
      </c>
    </row>
    <row r="3579" spans="1:26" ht="24" customHeight="1" x14ac:dyDescent="0.2">
      <c r="A3579" s="9" t="s">
        <v>20743</v>
      </c>
      <c r="B3579" s="9" t="s">
        <v>15137</v>
      </c>
      <c r="C3579" s="9" t="s">
        <v>628</v>
      </c>
      <c r="D3579" s="6" t="s">
        <v>15466</v>
      </c>
      <c r="E3579" s="22">
        <v>45013</v>
      </c>
      <c r="F3579" s="22">
        <v>46839</v>
      </c>
      <c r="G3579" s="6" t="s">
        <v>15467</v>
      </c>
      <c r="H3579" s="6" t="s">
        <v>18</v>
      </c>
      <c r="I3579" s="6" t="s">
        <v>67</v>
      </c>
      <c r="J3579" s="6" t="s">
        <v>15468</v>
      </c>
      <c r="K3579" s="9" t="s">
        <v>15469</v>
      </c>
      <c r="L3579" s="10" t="s">
        <v>22</v>
      </c>
      <c r="M3579" s="10" t="s">
        <v>22</v>
      </c>
      <c r="N3579" s="10" t="s">
        <v>22</v>
      </c>
      <c r="O3579" s="10" t="s">
        <v>22</v>
      </c>
      <c r="P3579" s="10" t="s">
        <v>22</v>
      </c>
      <c r="Q3579" s="10" t="s">
        <v>22</v>
      </c>
      <c r="R3579" s="10" t="s">
        <v>22</v>
      </c>
      <c r="S3579" s="10" t="s">
        <v>22</v>
      </c>
      <c r="T3579" s="10" t="s">
        <v>22</v>
      </c>
      <c r="U3579" s="10" t="s">
        <v>22</v>
      </c>
      <c r="V3579" s="10" t="s">
        <v>22</v>
      </c>
      <c r="W3579" s="10" t="s">
        <v>22</v>
      </c>
      <c r="X3579" s="10" t="s">
        <v>22</v>
      </c>
      <c r="Y3579" s="10" t="s">
        <v>22</v>
      </c>
      <c r="Z3579" s="10" t="s">
        <v>22</v>
      </c>
    </row>
    <row r="3580" spans="1:26" ht="24" customHeight="1" x14ac:dyDescent="0.2">
      <c r="A3580" s="9" t="s">
        <v>20744</v>
      </c>
      <c r="B3580" s="9" t="s">
        <v>15137</v>
      </c>
      <c r="C3580" s="9" t="s">
        <v>14196</v>
      </c>
      <c r="D3580" s="6" t="s">
        <v>15470</v>
      </c>
      <c r="E3580" s="22">
        <v>45031</v>
      </c>
      <c r="F3580" s="22">
        <v>46857</v>
      </c>
      <c r="G3580" s="6" t="s">
        <v>15471</v>
      </c>
      <c r="H3580" s="6" t="s">
        <v>18</v>
      </c>
      <c r="I3580" s="6" t="s">
        <v>522</v>
      </c>
      <c r="J3580" s="6" t="s">
        <v>15472</v>
      </c>
      <c r="K3580" s="9" t="s">
        <v>15473</v>
      </c>
      <c r="L3580" s="10" t="s">
        <v>22</v>
      </c>
      <c r="M3580" s="10" t="s">
        <v>22</v>
      </c>
      <c r="N3580" s="10" t="s">
        <v>22</v>
      </c>
    </row>
    <row r="3581" spans="1:26" ht="24" customHeight="1" x14ac:dyDescent="0.2">
      <c r="A3581" s="9" t="s">
        <v>20745</v>
      </c>
      <c r="B3581" s="9" t="s">
        <v>15137</v>
      </c>
      <c r="C3581" s="9" t="s">
        <v>14201</v>
      </c>
      <c r="D3581" s="6" t="s">
        <v>15474</v>
      </c>
      <c r="E3581" s="22">
        <v>45077</v>
      </c>
      <c r="F3581" s="22">
        <v>46903</v>
      </c>
      <c r="G3581" s="6" t="s">
        <v>15475</v>
      </c>
      <c r="H3581" s="6" t="s">
        <v>18</v>
      </c>
      <c r="I3581" s="6" t="s">
        <v>67</v>
      </c>
      <c r="J3581" s="6" t="s">
        <v>15476</v>
      </c>
      <c r="K3581" s="9" t="s">
        <v>15477</v>
      </c>
      <c r="L3581" s="10" t="s">
        <v>22</v>
      </c>
      <c r="M3581" s="10" t="s">
        <v>22</v>
      </c>
      <c r="N3581" s="10" t="s">
        <v>22</v>
      </c>
      <c r="O3581" s="10" t="s">
        <v>22</v>
      </c>
      <c r="P3581" s="10" t="s">
        <v>22</v>
      </c>
      <c r="Q3581" s="10" t="s">
        <v>22</v>
      </c>
      <c r="U3581" s="10" t="s">
        <v>22</v>
      </c>
      <c r="V3581" s="10" t="s">
        <v>22</v>
      </c>
      <c r="W3581" s="10" t="s">
        <v>22</v>
      </c>
      <c r="X3581" s="10" t="s">
        <v>22</v>
      </c>
      <c r="Y3581" s="10" t="s">
        <v>22</v>
      </c>
      <c r="Z3581" s="10" t="s">
        <v>22</v>
      </c>
    </row>
    <row r="3582" spans="1:26" ht="24" customHeight="1" x14ac:dyDescent="0.2">
      <c r="A3582" s="9" t="s">
        <v>20746</v>
      </c>
      <c r="B3582" s="9" t="s">
        <v>15137</v>
      </c>
      <c r="C3582" s="9" t="s">
        <v>643</v>
      </c>
      <c r="D3582" s="6" t="s">
        <v>15478</v>
      </c>
      <c r="E3582" s="22">
        <v>45189</v>
      </c>
      <c r="F3582" s="22">
        <v>47015</v>
      </c>
      <c r="G3582" s="6" t="s">
        <v>15479</v>
      </c>
      <c r="H3582" s="6" t="s">
        <v>18</v>
      </c>
      <c r="I3582" s="6" t="s">
        <v>7031</v>
      </c>
      <c r="J3582" s="6" t="s">
        <v>15480</v>
      </c>
      <c r="K3582" s="9" t="s">
        <v>15481</v>
      </c>
      <c r="L3582" s="10" t="s">
        <v>22</v>
      </c>
      <c r="M3582" s="10" t="s">
        <v>22</v>
      </c>
      <c r="N3582" s="10" t="s">
        <v>22</v>
      </c>
      <c r="U3582" s="10" t="s">
        <v>22</v>
      </c>
      <c r="V3582" s="10" t="s">
        <v>22</v>
      </c>
      <c r="W3582" s="10" t="s">
        <v>22</v>
      </c>
    </row>
    <row r="3583" spans="1:26" ht="24" customHeight="1" x14ac:dyDescent="0.2">
      <c r="A3583" s="9" t="s">
        <v>20747</v>
      </c>
      <c r="B3583" s="9" t="s">
        <v>15137</v>
      </c>
      <c r="C3583" s="9" t="s">
        <v>15482</v>
      </c>
      <c r="D3583" s="6" t="s">
        <v>15483</v>
      </c>
      <c r="E3583" s="22">
        <v>45256</v>
      </c>
      <c r="F3583" s="22">
        <v>47082</v>
      </c>
      <c r="G3583" s="6" t="s">
        <v>15484</v>
      </c>
      <c r="H3583" s="6" t="s">
        <v>18</v>
      </c>
      <c r="I3583" s="6" t="s">
        <v>67</v>
      </c>
      <c r="J3583" s="6" t="s">
        <v>15485</v>
      </c>
      <c r="K3583" s="9" t="s">
        <v>15486</v>
      </c>
      <c r="L3583" s="10" t="s">
        <v>22</v>
      </c>
      <c r="M3583" s="10" t="s">
        <v>22</v>
      </c>
      <c r="N3583" s="10" t="s">
        <v>22</v>
      </c>
      <c r="O3583" s="10" t="s">
        <v>22</v>
      </c>
      <c r="P3583" s="10" t="s">
        <v>22</v>
      </c>
      <c r="Q3583" s="10" t="s">
        <v>22</v>
      </c>
      <c r="R3583" s="10" t="s">
        <v>22</v>
      </c>
      <c r="S3583" s="10" t="s">
        <v>22</v>
      </c>
      <c r="T3583" s="10" t="s">
        <v>22</v>
      </c>
      <c r="U3583" s="10" t="s">
        <v>22</v>
      </c>
      <c r="V3583" s="10" t="s">
        <v>22</v>
      </c>
      <c r="W3583" s="10" t="s">
        <v>22</v>
      </c>
      <c r="X3583" s="10" t="s">
        <v>22</v>
      </c>
      <c r="Y3583" s="10" t="s">
        <v>22</v>
      </c>
      <c r="Z3583" s="10" t="s">
        <v>22</v>
      </c>
    </row>
    <row r="3584" spans="1:26" ht="24" customHeight="1" x14ac:dyDescent="0.2">
      <c r="A3584" s="9" t="s">
        <v>20748</v>
      </c>
      <c r="B3584" s="9" t="s">
        <v>15137</v>
      </c>
      <c r="C3584" s="9" t="s">
        <v>663</v>
      </c>
      <c r="D3584" s="6" t="s">
        <v>15487</v>
      </c>
      <c r="E3584" s="22">
        <v>45346</v>
      </c>
      <c r="F3584" s="22">
        <v>47172</v>
      </c>
      <c r="G3584" s="6" t="s">
        <v>15488</v>
      </c>
      <c r="H3584" s="6" t="s">
        <v>18</v>
      </c>
      <c r="I3584" s="6" t="s">
        <v>522</v>
      </c>
      <c r="J3584" s="6" t="s">
        <v>15489</v>
      </c>
      <c r="K3584" s="9" t="s">
        <v>15490</v>
      </c>
      <c r="L3584" s="10" t="s">
        <v>22</v>
      </c>
      <c r="M3584" s="10" t="s">
        <v>22</v>
      </c>
      <c r="N3584" s="10" t="s">
        <v>22</v>
      </c>
      <c r="U3584" s="10" t="s">
        <v>22</v>
      </c>
      <c r="V3584" s="10" t="s">
        <v>22</v>
      </c>
      <c r="W3584" s="10" t="s">
        <v>22</v>
      </c>
    </row>
    <row r="3585" spans="1:26" ht="24" customHeight="1" x14ac:dyDescent="0.2">
      <c r="A3585" s="9" t="s">
        <v>20749</v>
      </c>
      <c r="B3585" s="9" t="s">
        <v>15137</v>
      </c>
      <c r="C3585" s="9" t="s">
        <v>668</v>
      </c>
      <c r="D3585" s="6" t="s">
        <v>15494</v>
      </c>
      <c r="E3585" s="22">
        <v>45516</v>
      </c>
      <c r="F3585" s="22">
        <v>47341</v>
      </c>
      <c r="G3585" s="6" t="s">
        <v>15495</v>
      </c>
      <c r="H3585" s="6" t="s">
        <v>18</v>
      </c>
      <c r="I3585" s="6" t="s">
        <v>67</v>
      </c>
      <c r="J3585" s="6" t="s">
        <v>15496</v>
      </c>
      <c r="K3585" s="9" t="s">
        <v>15497</v>
      </c>
      <c r="L3585" s="10" t="s">
        <v>22</v>
      </c>
      <c r="M3585" s="10" t="s">
        <v>22</v>
      </c>
      <c r="N3585" s="10" t="s">
        <v>22</v>
      </c>
      <c r="O3585" s="10" t="s">
        <v>22</v>
      </c>
      <c r="P3585" s="10" t="s">
        <v>22</v>
      </c>
      <c r="Q3585" s="10" t="s">
        <v>22</v>
      </c>
      <c r="U3585" s="10" t="s">
        <v>22</v>
      </c>
      <c r="V3585" s="10" t="s">
        <v>22</v>
      </c>
      <c r="W3585" s="10" t="s">
        <v>22</v>
      </c>
      <c r="X3585" s="10" t="s">
        <v>22</v>
      </c>
      <c r="Y3585" s="10" t="s">
        <v>22</v>
      </c>
      <c r="Z3585" s="10" t="s">
        <v>22</v>
      </c>
    </row>
    <row r="3586" spans="1:26" ht="24" customHeight="1" x14ac:dyDescent="0.2">
      <c r="A3586" s="9" t="s">
        <v>20750</v>
      </c>
      <c r="B3586" s="9" t="s">
        <v>15137</v>
      </c>
      <c r="C3586" s="9" t="s">
        <v>14219</v>
      </c>
      <c r="D3586" s="6" t="s">
        <v>15498</v>
      </c>
      <c r="E3586" s="22">
        <v>43899</v>
      </c>
      <c r="F3586" s="22">
        <v>45724</v>
      </c>
      <c r="G3586" s="6" t="s">
        <v>15499</v>
      </c>
      <c r="H3586" s="6" t="s">
        <v>18</v>
      </c>
      <c r="I3586" s="6" t="s">
        <v>67</v>
      </c>
      <c r="J3586" s="6" t="s">
        <v>15500</v>
      </c>
      <c r="K3586" s="9" t="s">
        <v>15501</v>
      </c>
      <c r="L3586" s="10" t="s">
        <v>22</v>
      </c>
      <c r="M3586" s="10" t="s">
        <v>22</v>
      </c>
      <c r="N3586" s="10" t="s">
        <v>22</v>
      </c>
      <c r="O3586" s="10" t="s">
        <v>22</v>
      </c>
      <c r="P3586" s="10" t="s">
        <v>22</v>
      </c>
      <c r="Q3586" s="10" t="s">
        <v>22</v>
      </c>
      <c r="R3586" s="10" t="s">
        <v>22</v>
      </c>
      <c r="S3586" s="10" t="s">
        <v>22</v>
      </c>
      <c r="T3586" s="10" t="s">
        <v>22</v>
      </c>
      <c r="U3586" s="10" t="s">
        <v>22</v>
      </c>
      <c r="V3586" s="10" t="s">
        <v>22</v>
      </c>
      <c r="W3586" s="10" t="s">
        <v>22</v>
      </c>
      <c r="X3586" s="10" t="s">
        <v>22</v>
      </c>
      <c r="Y3586" s="10" t="s">
        <v>22</v>
      </c>
      <c r="Z3586" s="10" t="s">
        <v>22</v>
      </c>
    </row>
    <row r="3587" spans="1:26" ht="24" customHeight="1" x14ac:dyDescent="0.2">
      <c r="A3587" s="9" t="s">
        <v>20751</v>
      </c>
      <c r="B3587" s="9" t="s">
        <v>15137</v>
      </c>
      <c r="C3587" s="9" t="s">
        <v>14224</v>
      </c>
      <c r="D3587" s="6" t="s">
        <v>15502</v>
      </c>
      <c r="E3587" s="22">
        <v>43921</v>
      </c>
      <c r="F3587" s="22">
        <v>45746</v>
      </c>
      <c r="G3587" s="6" t="s">
        <v>15503</v>
      </c>
      <c r="H3587" s="6" t="s">
        <v>18</v>
      </c>
      <c r="I3587" s="6" t="s">
        <v>522</v>
      </c>
      <c r="J3587" s="6" t="s">
        <v>15504</v>
      </c>
      <c r="K3587" s="9" t="s">
        <v>15505</v>
      </c>
      <c r="L3587" s="10" t="s">
        <v>22</v>
      </c>
      <c r="M3587" s="10" t="s">
        <v>22</v>
      </c>
      <c r="N3587" s="10" t="s">
        <v>22</v>
      </c>
      <c r="O3587" s="10" t="s">
        <v>22</v>
      </c>
      <c r="P3587" s="10" t="s">
        <v>22</v>
      </c>
      <c r="Q3587" s="10" t="s">
        <v>22</v>
      </c>
      <c r="U3587" s="10" t="s">
        <v>22</v>
      </c>
      <c r="V3587" s="10" t="s">
        <v>22</v>
      </c>
      <c r="W3587" s="10" t="s">
        <v>22</v>
      </c>
      <c r="X3587" s="10" t="s">
        <v>22</v>
      </c>
      <c r="Y3587" s="10" t="s">
        <v>22</v>
      </c>
      <c r="Z3587" s="10" t="s">
        <v>22</v>
      </c>
    </row>
    <row r="3588" spans="1:26" ht="24" customHeight="1" x14ac:dyDescent="0.2">
      <c r="A3588" s="9" t="s">
        <v>20752</v>
      </c>
      <c r="B3588" s="9" t="s">
        <v>15137</v>
      </c>
      <c r="C3588" s="9" t="s">
        <v>15506</v>
      </c>
      <c r="D3588" s="6" t="s">
        <v>15507</v>
      </c>
      <c r="E3588" s="22">
        <v>43923</v>
      </c>
      <c r="F3588" s="22">
        <v>45748</v>
      </c>
      <c r="G3588" s="6" t="s">
        <v>15508</v>
      </c>
      <c r="H3588" s="6" t="s">
        <v>18</v>
      </c>
      <c r="I3588" s="6" t="s">
        <v>727</v>
      </c>
      <c r="J3588" s="6" t="s">
        <v>15509</v>
      </c>
      <c r="K3588" s="9" t="s">
        <v>15510</v>
      </c>
      <c r="L3588" s="10" t="s">
        <v>22</v>
      </c>
      <c r="M3588" s="10" t="s">
        <v>22</v>
      </c>
      <c r="N3588" s="10" t="s">
        <v>22</v>
      </c>
      <c r="O3588" s="10" t="s">
        <v>22</v>
      </c>
      <c r="P3588" s="10" t="s">
        <v>22</v>
      </c>
      <c r="Q3588" s="10" t="s">
        <v>22</v>
      </c>
      <c r="R3588" s="10" t="s">
        <v>22</v>
      </c>
      <c r="S3588" s="10" t="s">
        <v>22</v>
      </c>
      <c r="T3588" s="10" t="s">
        <v>22</v>
      </c>
      <c r="U3588" s="10" t="s">
        <v>22</v>
      </c>
      <c r="V3588" s="10" t="s">
        <v>22</v>
      </c>
      <c r="W3588" s="10" t="s">
        <v>22</v>
      </c>
      <c r="X3588" s="10" t="s">
        <v>22</v>
      </c>
      <c r="Y3588" s="10" t="s">
        <v>22</v>
      </c>
      <c r="Z3588" s="10" t="s">
        <v>22</v>
      </c>
    </row>
    <row r="3589" spans="1:26" ht="24" customHeight="1" x14ac:dyDescent="0.2">
      <c r="A3589" s="9" t="s">
        <v>20753</v>
      </c>
      <c r="B3589" s="9" t="s">
        <v>15137</v>
      </c>
      <c r="C3589" s="9" t="s">
        <v>14228</v>
      </c>
      <c r="D3589" s="6" t="s">
        <v>15511</v>
      </c>
      <c r="E3589" s="22">
        <v>44674</v>
      </c>
      <c r="F3589" s="22">
        <v>46499</v>
      </c>
      <c r="G3589" s="6" t="s">
        <v>15512</v>
      </c>
      <c r="H3589" s="6" t="s">
        <v>18</v>
      </c>
      <c r="I3589" s="6" t="s">
        <v>522</v>
      </c>
      <c r="J3589" s="6" t="s">
        <v>15513</v>
      </c>
      <c r="K3589" s="9" t="s">
        <v>15514</v>
      </c>
      <c r="L3589" s="10" t="s">
        <v>22</v>
      </c>
      <c r="M3589" s="10" t="s">
        <v>22</v>
      </c>
      <c r="N3589" s="10" t="s">
        <v>22</v>
      </c>
      <c r="O3589" s="10" t="s">
        <v>22</v>
      </c>
      <c r="P3589" s="10" t="s">
        <v>22</v>
      </c>
      <c r="Q3589" s="10" t="s">
        <v>22</v>
      </c>
      <c r="R3589" s="10" t="s">
        <v>22</v>
      </c>
      <c r="S3589" s="10" t="s">
        <v>22</v>
      </c>
      <c r="T3589" s="10" t="s">
        <v>22</v>
      </c>
      <c r="U3589" s="10" t="s">
        <v>22</v>
      </c>
      <c r="V3589" s="10" t="s">
        <v>22</v>
      </c>
      <c r="W3589" s="10" t="s">
        <v>22</v>
      </c>
      <c r="X3589" s="10" t="s">
        <v>22</v>
      </c>
      <c r="Y3589" s="10" t="s">
        <v>22</v>
      </c>
      <c r="Z3589" s="10" t="s">
        <v>22</v>
      </c>
    </row>
    <row r="3590" spans="1:26" ht="24" customHeight="1" x14ac:dyDescent="0.2">
      <c r="A3590" s="9" t="s">
        <v>20754</v>
      </c>
      <c r="B3590" s="9" t="s">
        <v>15137</v>
      </c>
      <c r="C3590" s="9" t="s">
        <v>683</v>
      </c>
      <c r="D3590" s="6" t="s">
        <v>15515</v>
      </c>
      <c r="E3590" s="22">
        <v>44835</v>
      </c>
      <c r="F3590" s="22">
        <v>46660</v>
      </c>
      <c r="G3590" s="6" t="s">
        <v>15516</v>
      </c>
      <c r="H3590" s="6" t="s">
        <v>18</v>
      </c>
      <c r="I3590" s="6" t="s">
        <v>67</v>
      </c>
      <c r="J3590" s="6" t="s">
        <v>15517</v>
      </c>
      <c r="K3590" s="9" t="s">
        <v>15518</v>
      </c>
      <c r="L3590" s="10" t="s">
        <v>22</v>
      </c>
      <c r="M3590" s="10" t="s">
        <v>22</v>
      </c>
      <c r="N3590" s="10" t="s">
        <v>22</v>
      </c>
      <c r="O3590" s="10" t="s">
        <v>22</v>
      </c>
      <c r="P3590" s="10" t="s">
        <v>22</v>
      </c>
      <c r="Q3590" s="10" t="s">
        <v>22</v>
      </c>
      <c r="R3590" s="10" t="s">
        <v>22</v>
      </c>
      <c r="S3590" s="10" t="s">
        <v>22</v>
      </c>
      <c r="T3590" s="10" t="s">
        <v>22</v>
      </c>
      <c r="U3590" s="10" t="s">
        <v>22</v>
      </c>
      <c r="V3590" s="10" t="s">
        <v>22</v>
      </c>
      <c r="W3590" s="10" t="s">
        <v>22</v>
      </c>
      <c r="X3590" s="10" t="s">
        <v>22</v>
      </c>
      <c r="Y3590" s="10" t="s">
        <v>22</v>
      </c>
      <c r="Z3590" s="10" t="s">
        <v>22</v>
      </c>
    </row>
    <row r="3591" spans="1:26" ht="24" customHeight="1" x14ac:dyDescent="0.2">
      <c r="A3591" s="9" t="s">
        <v>20755</v>
      </c>
      <c r="B3591" s="9" t="s">
        <v>15137</v>
      </c>
      <c r="C3591" s="9" t="s">
        <v>698</v>
      </c>
      <c r="D3591" s="6" t="s">
        <v>15519</v>
      </c>
      <c r="E3591" s="22">
        <v>44159</v>
      </c>
      <c r="F3591" s="22">
        <v>45984</v>
      </c>
      <c r="G3591" s="6" t="s">
        <v>15520</v>
      </c>
      <c r="H3591" s="6" t="s">
        <v>18</v>
      </c>
      <c r="I3591" s="6" t="s">
        <v>727</v>
      </c>
      <c r="J3591" s="6" t="s">
        <v>15521</v>
      </c>
      <c r="K3591" s="9" t="s">
        <v>15522</v>
      </c>
      <c r="L3591" s="10" t="s">
        <v>22</v>
      </c>
      <c r="M3591" s="10" t="s">
        <v>22</v>
      </c>
      <c r="N3591" s="10" t="s">
        <v>22</v>
      </c>
      <c r="O3591" s="10" t="s">
        <v>22</v>
      </c>
      <c r="P3591" s="10" t="s">
        <v>22</v>
      </c>
      <c r="Q3591" s="10" t="s">
        <v>22</v>
      </c>
      <c r="R3591" s="10" t="s">
        <v>22</v>
      </c>
      <c r="S3591" s="10" t="s">
        <v>22</v>
      </c>
      <c r="T3591" s="10" t="s">
        <v>22</v>
      </c>
      <c r="U3591" s="10" t="s">
        <v>22</v>
      </c>
      <c r="V3591" s="10" t="s">
        <v>22</v>
      </c>
      <c r="W3591" s="10" t="s">
        <v>22</v>
      </c>
      <c r="X3591" s="10" t="s">
        <v>22</v>
      </c>
      <c r="Y3591" s="10" t="s">
        <v>22</v>
      </c>
      <c r="Z3591" s="10" t="s">
        <v>22</v>
      </c>
    </row>
    <row r="3592" spans="1:26" ht="24" customHeight="1" x14ac:dyDescent="0.2">
      <c r="A3592" s="9" t="s">
        <v>20756</v>
      </c>
      <c r="B3592" s="9" t="s">
        <v>15137</v>
      </c>
      <c r="C3592" s="9" t="s">
        <v>705</v>
      </c>
      <c r="D3592" s="6" t="s">
        <v>15523</v>
      </c>
      <c r="E3592" s="22">
        <v>44159</v>
      </c>
      <c r="F3592" s="22">
        <v>45984</v>
      </c>
      <c r="G3592" s="6" t="s">
        <v>15524</v>
      </c>
      <c r="H3592" s="6" t="s">
        <v>18</v>
      </c>
      <c r="I3592" s="6" t="s">
        <v>7031</v>
      </c>
      <c r="J3592" s="6" t="s">
        <v>15525</v>
      </c>
      <c r="O3592" s="10" t="s">
        <v>22</v>
      </c>
      <c r="P3592" s="10" t="s">
        <v>22</v>
      </c>
      <c r="Q3592" s="10" t="s">
        <v>22</v>
      </c>
      <c r="R3592" s="10" t="s">
        <v>22</v>
      </c>
      <c r="S3592" s="10" t="s">
        <v>22</v>
      </c>
      <c r="T3592" s="10" t="s">
        <v>22</v>
      </c>
      <c r="X3592" s="10" t="s">
        <v>22</v>
      </c>
      <c r="Y3592" s="10" t="s">
        <v>22</v>
      </c>
      <c r="Z3592" s="10" t="s">
        <v>22</v>
      </c>
    </row>
    <row r="3593" spans="1:26" ht="24" customHeight="1" x14ac:dyDescent="0.2">
      <c r="A3593" s="9" t="s">
        <v>20757</v>
      </c>
      <c r="B3593" s="9" t="s">
        <v>15137</v>
      </c>
      <c r="C3593" s="9" t="s">
        <v>15526</v>
      </c>
      <c r="D3593" s="6" t="s">
        <v>15527</v>
      </c>
      <c r="E3593" s="22">
        <v>44614</v>
      </c>
      <c r="F3593" s="22">
        <v>46439</v>
      </c>
      <c r="G3593" s="6" t="s">
        <v>15528</v>
      </c>
      <c r="H3593" s="6" t="s">
        <v>18</v>
      </c>
      <c r="I3593" s="6" t="s">
        <v>15174</v>
      </c>
      <c r="J3593" s="6" t="s">
        <v>15529</v>
      </c>
      <c r="K3593" s="9" t="s">
        <v>15530</v>
      </c>
      <c r="L3593" s="10" t="s">
        <v>22</v>
      </c>
      <c r="M3593" s="10" t="s">
        <v>22</v>
      </c>
      <c r="N3593" s="10" t="s">
        <v>22</v>
      </c>
      <c r="O3593" s="10" t="s">
        <v>22</v>
      </c>
      <c r="P3593" s="10" t="s">
        <v>22</v>
      </c>
      <c r="Q3593" s="10" t="s">
        <v>22</v>
      </c>
      <c r="R3593" s="10" t="s">
        <v>22</v>
      </c>
      <c r="S3593" s="10" t="s">
        <v>22</v>
      </c>
      <c r="T3593" s="10" t="s">
        <v>22</v>
      </c>
      <c r="U3593" s="10" t="s">
        <v>22</v>
      </c>
      <c r="V3593" s="10" t="s">
        <v>22</v>
      </c>
      <c r="W3593" s="10" t="s">
        <v>22</v>
      </c>
      <c r="X3593" s="10" t="s">
        <v>22</v>
      </c>
      <c r="Y3593" s="10" t="s">
        <v>22</v>
      </c>
      <c r="Z3593" s="10" t="s">
        <v>22</v>
      </c>
    </row>
    <row r="3594" spans="1:26" ht="24" customHeight="1" x14ac:dyDescent="0.2">
      <c r="A3594" s="9" t="s">
        <v>20758</v>
      </c>
      <c r="B3594" s="9" t="s">
        <v>15137</v>
      </c>
      <c r="C3594" s="9" t="s">
        <v>714</v>
      </c>
      <c r="D3594" s="6" t="s">
        <v>15531</v>
      </c>
      <c r="E3594" s="22">
        <v>44258</v>
      </c>
      <c r="F3594" s="22">
        <v>46083</v>
      </c>
      <c r="G3594" s="6" t="s">
        <v>15532</v>
      </c>
      <c r="H3594" s="6" t="s">
        <v>18</v>
      </c>
      <c r="I3594" s="6" t="s">
        <v>15174</v>
      </c>
      <c r="J3594" s="6" t="s">
        <v>15533</v>
      </c>
      <c r="K3594" s="9" t="s">
        <v>15534</v>
      </c>
      <c r="L3594" s="10" t="s">
        <v>22</v>
      </c>
      <c r="M3594" s="10" t="s">
        <v>22</v>
      </c>
      <c r="N3594" s="10" t="s">
        <v>22</v>
      </c>
      <c r="O3594" s="10" t="s">
        <v>22</v>
      </c>
      <c r="P3594" s="10" t="s">
        <v>22</v>
      </c>
      <c r="Q3594" s="10" t="s">
        <v>22</v>
      </c>
      <c r="R3594" s="10" t="s">
        <v>22</v>
      </c>
      <c r="S3594" s="10" t="s">
        <v>22</v>
      </c>
      <c r="T3594" s="10" t="s">
        <v>22</v>
      </c>
      <c r="U3594" s="10" t="s">
        <v>22</v>
      </c>
      <c r="V3594" s="10" t="s">
        <v>22</v>
      </c>
      <c r="W3594" s="10" t="s">
        <v>22</v>
      </c>
      <c r="X3594" s="10" t="s">
        <v>22</v>
      </c>
      <c r="Y3594" s="10" t="s">
        <v>22</v>
      </c>
      <c r="Z3594" s="10" t="s">
        <v>22</v>
      </c>
    </row>
    <row r="3595" spans="1:26" ht="24" customHeight="1" x14ac:dyDescent="0.2">
      <c r="A3595" s="9" t="s">
        <v>20759</v>
      </c>
      <c r="B3595" s="9" t="s">
        <v>15137</v>
      </c>
      <c r="C3595" s="9" t="s">
        <v>14254</v>
      </c>
      <c r="D3595" s="6" t="s">
        <v>15535</v>
      </c>
      <c r="E3595" s="22">
        <v>44307</v>
      </c>
      <c r="F3595" s="22">
        <v>46132</v>
      </c>
      <c r="G3595" s="6" t="s">
        <v>15536</v>
      </c>
      <c r="H3595" s="6" t="s">
        <v>18</v>
      </c>
      <c r="I3595" s="6" t="s">
        <v>3615</v>
      </c>
      <c r="J3595" s="6" t="s">
        <v>15537</v>
      </c>
      <c r="K3595" s="9" t="s">
        <v>15538</v>
      </c>
      <c r="L3595" s="10" t="s">
        <v>22</v>
      </c>
      <c r="M3595" s="10" t="s">
        <v>22</v>
      </c>
      <c r="N3595" s="10" t="s">
        <v>22</v>
      </c>
      <c r="O3595" s="10" t="s">
        <v>22</v>
      </c>
      <c r="P3595" s="10" t="s">
        <v>22</v>
      </c>
      <c r="Q3595" s="10" t="s">
        <v>22</v>
      </c>
      <c r="R3595" s="10" t="s">
        <v>22</v>
      </c>
      <c r="S3595" s="10" t="s">
        <v>22</v>
      </c>
      <c r="T3595" s="10" t="s">
        <v>22</v>
      </c>
      <c r="U3595" s="10" t="s">
        <v>22</v>
      </c>
      <c r="V3595" s="10" t="s">
        <v>22</v>
      </c>
      <c r="W3595" s="10" t="s">
        <v>22</v>
      </c>
      <c r="X3595" s="10" t="s">
        <v>22</v>
      </c>
      <c r="Y3595" s="10" t="s">
        <v>22</v>
      </c>
      <c r="Z3595" s="10" t="s">
        <v>22</v>
      </c>
    </row>
    <row r="3596" spans="1:26" ht="24" customHeight="1" x14ac:dyDescent="0.2">
      <c r="A3596" s="9" t="s">
        <v>20760</v>
      </c>
      <c r="B3596" s="9" t="s">
        <v>15137</v>
      </c>
      <c r="C3596" s="9" t="s">
        <v>15539</v>
      </c>
      <c r="D3596" s="6" t="s">
        <v>15540</v>
      </c>
      <c r="E3596" s="22">
        <v>44307</v>
      </c>
      <c r="F3596" s="22">
        <v>46132</v>
      </c>
      <c r="G3596" s="6" t="s">
        <v>15541</v>
      </c>
      <c r="H3596" s="6" t="s">
        <v>18</v>
      </c>
      <c r="I3596" s="6" t="s">
        <v>727</v>
      </c>
      <c r="J3596" s="6" t="s">
        <v>15542</v>
      </c>
      <c r="K3596" s="9" t="s">
        <v>15543</v>
      </c>
      <c r="L3596" s="10" t="s">
        <v>22</v>
      </c>
      <c r="M3596" s="10" t="s">
        <v>22</v>
      </c>
      <c r="N3596" s="10" t="s">
        <v>22</v>
      </c>
      <c r="O3596" s="10" t="s">
        <v>22</v>
      </c>
      <c r="P3596" s="10" t="s">
        <v>22</v>
      </c>
      <c r="Q3596" s="10" t="s">
        <v>22</v>
      </c>
      <c r="R3596" s="10" t="s">
        <v>22</v>
      </c>
      <c r="S3596" s="10" t="s">
        <v>22</v>
      </c>
      <c r="T3596" s="10" t="s">
        <v>22</v>
      </c>
      <c r="U3596" s="10" t="s">
        <v>22</v>
      </c>
      <c r="V3596" s="10" t="s">
        <v>22</v>
      </c>
      <c r="W3596" s="10" t="s">
        <v>22</v>
      </c>
      <c r="X3596" s="10" t="s">
        <v>22</v>
      </c>
      <c r="Y3596" s="10" t="s">
        <v>22</v>
      </c>
      <c r="Z3596" s="10" t="s">
        <v>22</v>
      </c>
    </row>
    <row r="3597" spans="1:26" ht="24" customHeight="1" x14ac:dyDescent="0.2">
      <c r="A3597" s="9" t="s">
        <v>20761</v>
      </c>
      <c r="B3597" s="9" t="s">
        <v>15137</v>
      </c>
      <c r="C3597" s="9" t="s">
        <v>719</v>
      </c>
      <c r="D3597" s="6" t="s">
        <v>15544</v>
      </c>
      <c r="E3597" s="22">
        <v>44350</v>
      </c>
      <c r="F3597" s="22">
        <v>46175</v>
      </c>
      <c r="G3597" s="6" t="s">
        <v>15545</v>
      </c>
      <c r="H3597" s="6" t="s">
        <v>18</v>
      </c>
      <c r="I3597" s="6" t="s">
        <v>67</v>
      </c>
      <c r="J3597" s="6" t="s">
        <v>15546</v>
      </c>
      <c r="K3597" s="9" t="s">
        <v>15547</v>
      </c>
      <c r="L3597" s="10" t="s">
        <v>22</v>
      </c>
      <c r="M3597" s="10" t="s">
        <v>22</v>
      </c>
      <c r="N3597" s="10" t="s">
        <v>22</v>
      </c>
      <c r="O3597" s="10" t="s">
        <v>22</v>
      </c>
      <c r="P3597" s="10" t="s">
        <v>22</v>
      </c>
      <c r="Q3597" s="10" t="s">
        <v>22</v>
      </c>
      <c r="R3597" s="10" t="s">
        <v>22</v>
      </c>
      <c r="S3597" s="10" t="s">
        <v>22</v>
      </c>
      <c r="T3597" s="10" t="s">
        <v>22</v>
      </c>
      <c r="U3597" s="10" t="s">
        <v>22</v>
      </c>
      <c r="V3597" s="10" t="s">
        <v>22</v>
      </c>
      <c r="W3597" s="10" t="s">
        <v>22</v>
      </c>
      <c r="X3597" s="10" t="s">
        <v>22</v>
      </c>
      <c r="Y3597" s="10" t="s">
        <v>22</v>
      </c>
      <c r="Z3597" s="10" t="s">
        <v>22</v>
      </c>
    </row>
    <row r="3598" spans="1:26" ht="24" customHeight="1" x14ac:dyDescent="0.2">
      <c r="A3598" s="9" t="s">
        <v>20762</v>
      </c>
      <c r="B3598" s="9" t="s">
        <v>15137</v>
      </c>
      <c r="C3598" s="9" t="s">
        <v>15548</v>
      </c>
      <c r="D3598" s="6" t="s">
        <v>15549</v>
      </c>
      <c r="E3598" s="22">
        <v>44350</v>
      </c>
      <c r="F3598" s="22">
        <v>46175</v>
      </c>
      <c r="G3598" s="6" t="s">
        <v>15550</v>
      </c>
      <c r="H3598" s="6" t="s">
        <v>18</v>
      </c>
      <c r="I3598" s="6" t="s">
        <v>522</v>
      </c>
      <c r="J3598" s="6" t="s">
        <v>15551</v>
      </c>
      <c r="K3598" s="9" t="s">
        <v>15552</v>
      </c>
      <c r="L3598" s="10" t="s">
        <v>22</v>
      </c>
      <c r="M3598" s="10" t="s">
        <v>22</v>
      </c>
      <c r="N3598" s="10" t="s">
        <v>22</v>
      </c>
      <c r="O3598" s="10" t="s">
        <v>22</v>
      </c>
      <c r="P3598" s="10" t="s">
        <v>22</v>
      </c>
      <c r="Q3598" s="10" t="s">
        <v>22</v>
      </c>
      <c r="R3598" s="10" t="s">
        <v>22</v>
      </c>
      <c r="S3598" s="10" t="s">
        <v>22</v>
      </c>
      <c r="T3598" s="10" t="s">
        <v>22</v>
      </c>
      <c r="U3598" s="10" t="s">
        <v>22</v>
      </c>
      <c r="V3598" s="10" t="s">
        <v>22</v>
      </c>
      <c r="W3598" s="10" t="s">
        <v>22</v>
      </c>
      <c r="X3598" s="10" t="s">
        <v>22</v>
      </c>
      <c r="Y3598" s="10" t="s">
        <v>22</v>
      </c>
      <c r="Z3598" s="10" t="s">
        <v>22</v>
      </c>
    </row>
    <row r="3599" spans="1:26" ht="24" customHeight="1" x14ac:dyDescent="0.2">
      <c r="A3599" s="9" t="s">
        <v>20763</v>
      </c>
      <c r="B3599" s="9" t="s">
        <v>15137</v>
      </c>
      <c r="C3599" s="9" t="s">
        <v>724</v>
      </c>
      <c r="D3599" s="6" t="s">
        <v>15553</v>
      </c>
      <c r="E3599" s="22">
        <v>45074</v>
      </c>
      <c r="F3599" s="22">
        <v>46900</v>
      </c>
      <c r="G3599" s="6" t="s">
        <v>15554</v>
      </c>
      <c r="H3599" s="6" t="s">
        <v>18</v>
      </c>
      <c r="I3599" s="6" t="s">
        <v>15174</v>
      </c>
      <c r="J3599" s="6" t="s">
        <v>15555</v>
      </c>
      <c r="K3599" s="9" t="s">
        <v>15556</v>
      </c>
      <c r="L3599" s="10" t="s">
        <v>22</v>
      </c>
      <c r="M3599" s="10" t="s">
        <v>22</v>
      </c>
      <c r="N3599" s="10" t="s">
        <v>22</v>
      </c>
      <c r="O3599" s="10" t="s">
        <v>22</v>
      </c>
      <c r="P3599" s="10" t="s">
        <v>22</v>
      </c>
      <c r="Q3599" s="10" t="s">
        <v>22</v>
      </c>
      <c r="R3599" s="10" t="s">
        <v>22</v>
      </c>
      <c r="S3599" s="10" t="s">
        <v>22</v>
      </c>
      <c r="T3599" s="10" t="s">
        <v>22</v>
      </c>
      <c r="U3599" s="10" t="s">
        <v>22</v>
      </c>
      <c r="V3599" s="10" t="s">
        <v>22</v>
      </c>
      <c r="W3599" s="10" t="s">
        <v>22</v>
      </c>
      <c r="X3599" s="10" t="s">
        <v>22</v>
      </c>
      <c r="Y3599" s="10" t="s">
        <v>22</v>
      </c>
      <c r="Z3599" s="10" t="s">
        <v>22</v>
      </c>
    </row>
    <row r="3600" spans="1:26" ht="24" customHeight="1" x14ac:dyDescent="0.2">
      <c r="A3600" s="9" t="s">
        <v>20764</v>
      </c>
      <c r="B3600" s="9" t="s">
        <v>15137</v>
      </c>
      <c r="C3600" s="9" t="s">
        <v>730</v>
      </c>
      <c r="D3600" s="6" t="s">
        <v>15557</v>
      </c>
      <c r="E3600" s="22">
        <v>44377</v>
      </c>
      <c r="F3600" s="22">
        <v>46202</v>
      </c>
      <c r="G3600" s="6" t="s">
        <v>15558</v>
      </c>
      <c r="H3600" s="6" t="s">
        <v>18</v>
      </c>
      <c r="I3600" s="6" t="s">
        <v>522</v>
      </c>
      <c r="J3600" s="6" t="s">
        <v>15559</v>
      </c>
      <c r="K3600" s="9" t="s">
        <v>15560</v>
      </c>
      <c r="L3600" s="10" t="s">
        <v>22</v>
      </c>
      <c r="M3600" s="10" t="s">
        <v>22</v>
      </c>
      <c r="N3600" s="10" t="s">
        <v>22</v>
      </c>
      <c r="O3600" s="10" t="s">
        <v>22</v>
      </c>
      <c r="P3600" s="10" t="s">
        <v>22</v>
      </c>
      <c r="Q3600" s="10" t="s">
        <v>22</v>
      </c>
      <c r="U3600" s="10" t="s">
        <v>22</v>
      </c>
      <c r="V3600" s="10" t="s">
        <v>22</v>
      </c>
      <c r="W3600" s="10" t="s">
        <v>22</v>
      </c>
      <c r="X3600" s="10" t="s">
        <v>22</v>
      </c>
      <c r="Y3600" s="10" t="s">
        <v>22</v>
      </c>
      <c r="Z3600" s="10" t="s">
        <v>22</v>
      </c>
    </row>
    <row r="3601" spans="1:26" ht="24" customHeight="1" x14ac:dyDescent="0.2">
      <c r="A3601" s="9" t="s">
        <v>20765</v>
      </c>
      <c r="B3601" s="9" t="s">
        <v>15137</v>
      </c>
      <c r="C3601" s="9" t="s">
        <v>14267</v>
      </c>
      <c r="D3601" s="6" t="s">
        <v>15561</v>
      </c>
      <c r="E3601" s="22">
        <v>44377</v>
      </c>
      <c r="F3601" s="22">
        <v>46202</v>
      </c>
      <c r="G3601" s="6" t="s">
        <v>15562</v>
      </c>
      <c r="H3601" s="6" t="s">
        <v>18</v>
      </c>
      <c r="I3601" s="6" t="s">
        <v>522</v>
      </c>
      <c r="J3601" s="6" t="s">
        <v>15563</v>
      </c>
      <c r="K3601" s="9" t="s">
        <v>15564</v>
      </c>
      <c r="L3601" s="10" t="s">
        <v>22</v>
      </c>
      <c r="M3601" s="10" t="s">
        <v>22</v>
      </c>
      <c r="N3601" s="10" t="s">
        <v>22</v>
      </c>
      <c r="O3601" s="10" t="s">
        <v>22</v>
      </c>
      <c r="P3601" s="10" t="s">
        <v>22</v>
      </c>
      <c r="Q3601" s="10" t="s">
        <v>22</v>
      </c>
      <c r="R3601" s="10" t="s">
        <v>22</v>
      </c>
      <c r="S3601" s="10" t="s">
        <v>22</v>
      </c>
      <c r="T3601" s="10" t="s">
        <v>22</v>
      </c>
      <c r="U3601" s="10" t="s">
        <v>22</v>
      </c>
      <c r="V3601" s="10" t="s">
        <v>22</v>
      </c>
      <c r="W3601" s="10" t="s">
        <v>22</v>
      </c>
      <c r="X3601" s="10" t="s">
        <v>22</v>
      </c>
      <c r="Y3601" s="10" t="s">
        <v>22</v>
      </c>
      <c r="Z3601" s="10" t="s">
        <v>22</v>
      </c>
    </row>
    <row r="3602" spans="1:26" ht="24" customHeight="1" x14ac:dyDescent="0.2">
      <c r="A3602" s="9" t="s">
        <v>20766</v>
      </c>
      <c r="B3602" s="9" t="s">
        <v>15137</v>
      </c>
      <c r="C3602" s="9" t="s">
        <v>15565</v>
      </c>
      <c r="D3602" s="6" t="s">
        <v>15566</v>
      </c>
      <c r="E3602" s="22">
        <v>44434</v>
      </c>
      <c r="F3602" s="22">
        <v>46259</v>
      </c>
      <c r="G3602" s="6" t="s">
        <v>15567</v>
      </c>
      <c r="H3602" s="6" t="s">
        <v>18</v>
      </c>
      <c r="I3602" s="6" t="s">
        <v>67</v>
      </c>
      <c r="J3602" s="6" t="s">
        <v>15568</v>
      </c>
      <c r="K3602" s="9" t="s">
        <v>15569</v>
      </c>
      <c r="L3602" s="10" t="s">
        <v>22</v>
      </c>
      <c r="M3602" s="10" t="s">
        <v>22</v>
      </c>
      <c r="N3602" s="10" t="s">
        <v>22</v>
      </c>
      <c r="O3602" s="10" t="s">
        <v>22</v>
      </c>
      <c r="P3602" s="10" t="s">
        <v>22</v>
      </c>
      <c r="Q3602" s="10" t="s">
        <v>22</v>
      </c>
      <c r="R3602" s="10" t="s">
        <v>22</v>
      </c>
      <c r="S3602" s="10" t="s">
        <v>22</v>
      </c>
      <c r="T3602" s="10" t="s">
        <v>22</v>
      </c>
      <c r="U3602" s="10" t="s">
        <v>22</v>
      </c>
      <c r="V3602" s="10" t="s">
        <v>22</v>
      </c>
      <c r="W3602" s="10" t="s">
        <v>22</v>
      </c>
      <c r="X3602" s="10" t="s">
        <v>22</v>
      </c>
      <c r="Y3602" s="10" t="s">
        <v>22</v>
      </c>
      <c r="Z3602" s="10" t="s">
        <v>22</v>
      </c>
    </row>
    <row r="3603" spans="1:26" ht="24" customHeight="1" x14ac:dyDescent="0.2">
      <c r="A3603" s="9" t="s">
        <v>20767</v>
      </c>
      <c r="B3603" s="9" t="s">
        <v>15137</v>
      </c>
      <c r="C3603" s="9" t="s">
        <v>741</v>
      </c>
      <c r="D3603" s="6" t="s">
        <v>15570</v>
      </c>
      <c r="E3603" s="22">
        <v>44469</v>
      </c>
      <c r="F3603" s="22">
        <v>46294</v>
      </c>
      <c r="G3603" s="6" t="s">
        <v>15571</v>
      </c>
      <c r="H3603" s="6" t="s">
        <v>18</v>
      </c>
      <c r="I3603" s="6" t="s">
        <v>3615</v>
      </c>
      <c r="J3603" s="6" t="s">
        <v>15572</v>
      </c>
      <c r="K3603" s="9" t="s">
        <v>15573</v>
      </c>
      <c r="L3603" s="10" t="s">
        <v>22</v>
      </c>
      <c r="M3603" s="10" t="s">
        <v>22</v>
      </c>
      <c r="N3603" s="10" t="s">
        <v>22</v>
      </c>
      <c r="O3603" s="10" t="s">
        <v>22</v>
      </c>
      <c r="P3603" s="10" t="s">
        <v>22</v>
      </c>
      <c r="Q3603" s="10" t="s">
        <v>22</v>
      </c>
      <c r="R3603" s="10" t="s">
        <v>22</v>
      </c>
      <c r="S3603" s="10" t="s">
        <v>22</v>
      </c>
      <c r="T3603" s="10" t="s">
        <v>22</v>
      </c>
      <c r="U3603" s="10" t="s">
        <v>22</v>
      </c>
      <c r="V3603" s="10" t="s">
        <v>22</v>
      </c>
      <c r="W3603" s="10" t="s">
        <v>22</v>
      </c>
      <c r="X3603" s="10" t="s">
        <v>22</v>
      </c>
      <c r="Y3603" s="10" t="s">
        <v>22</v>
      </c>
      <c r="Z3603" s="10" t="s">
        <v>22</v>
      </c>
    </row>
    <row r="3604" spans="1:26" ht="24" customHeight="1" x14ac:dyDescent="0.2">
      <c r="A3604" s="9" t="s">
        <v>20768</v>
      </c>
      <c r="B3604" s="9" t="s">
        <v>15137</v>
      </c>
      <c r="C3604" s="9" t="s">
        <v>746</v>
      </c>
      <c r="D3604" s="6" t="s">
        <v>15574</v>
      </c>
      <c r="E3604" s="22">
        <v>44532</v>
      </c>
      <c r="F3604" s="22">
        <v>46357</v>
      </c>
      <c r="G3604" s="6" t="s">
        <v>15575</v>
      </c>
      <c r="H3604" s="6" t="s">
        <v>18</v>
      </c>
      <c r="I3604" s="6" t="s">
        <v>522</v>
      </c>
      <c r="J3604" s="6" t="s">
        <v>15576</v>
      </c>
      <c r="K3604" s="9" t="s">
        <v>15577</v>
      </c>
      <c r="L3604" s="10" t="s">
        <v>22</v>
      </c>
      <c r="M3604" s="10" t="s">
        <v>22</v>
      </c>
      <c r="N3604" s="10" t="s">
        <v>22</v>
      </c>
      <c r="O3604" s="10" t="s">
        <v>22</v>
      </c>
      <c r="P3604" s="10" t="s">
        <v>22</v>
      </c>
      <c r="Q3604" s="10" t="s">
        <v>22</v>
      </c>
      <c r="R3604" s="10" t="s">
        <v>22</v>
      </c>
      <c r="S3604" s="10" t="s">
        <v>22</v>
      </c>
      <c r="T3604" s="10" t="s">
        <v>22</v>
      </c>
      <c r="U3604" s="10" t="s">
        <v>22</v>
      </c>
      <c r="V3604" s="10" t="s">
        <v>22</v>
      </c>
      <c r="W3604" s="10" t="s">
        <v>22</v>
      </c>
      <c r="X3604" s="10" t="s">
        <v>22</v>
      </c>
      <c r="Y3604" s="10" t="s">
        <v>22</v>
      </c>
      <c r="Z3604" s="10" t="s">
        <v>22</v>
      </c>
    </row>
    <row r="3605" spans="1:26" ht="24" customHeight="1" x14ac:dyDescent="0.2">
      <c r="A3605" s="9" t="s">
        <v>20769</v>
      </c>
      <c r="B3605" s="9" t="s">
        <v>15137</v>
      </c>
      <c r="C3605" s="9" t="s">
        <v>751</v>
      </c>
      <c r="D3605" s="6" t="s">
        <v>15578</v>
      </c>
      <c r="E3605" s="22">
        <v>44545</v>
      </c>
      <c r="F3605" s="22">
        <v>46370</v>
      </c>
      <c r="G3605" s="6" t="s">
        <v>15579</v>
      </c>
      <c r="H3605" s="6" t="s">
        <v>18</v>
      </c>
      <c r="I3605" s="6" t="s">
        <v>15174</v>
      </c>
      <c r="J3605" s="6" t="s">
        <v>15580</v>
      </c>
      <c r="K3605" s="9" t="s">
        <v>15581</v>
      </c>
      <c r="L3605" s="10" t="s">
        <v>22</v>
      </c>
      <c r="M3605" s="10" t="s">
        <v>22</v>
      </c>
      <c r="N3605" s="10" t="s">
        <v>22</v>
      </c>
      <c r="O3605" s="10" t="s">
        <v>22</v>
      </c>
      <c r="P3605" s="10" t="s">
        <v>22</v>
      </c>
      <c r="Q3605" s="10" t="s">
        <v>22</v>
      </c>
      <c r="U3605" s="10" t="s">
        <v>22</v>
      </c>
      <c r="V3605" s="10" t="s">
        <v>22</v>
      </c>
      <c r="W3605" s="10" t="s">
        <v>22</v>
      </c>
      <c r="X3605" s="10" t="s">
        <v>22</v>
      </c>
      <c r="Y3605" s="10" t="s">
        <v>22</v>
      </c>
      <c r="Z3605" s="10" t="s">
        <v>22</v>
      </c>
    </row>
    <row r="3606" spans="1:26" ht="24" customHeight="1" x14ac:dyDescent="0.2">
      <c r="A3606" s="9" t="s">
        <v>20770</v>
      </c>
      <c r="B3606" s="9" t="s">
        <v>15137</v>
      </c>
      <c r="C3606" s="9" t="s">
        <v>14283</v>
      </c>
      <c r="D3606" s="6" t="s">
        <v>15582</v>
      </c>
      <c r="E3606" s="22">
        <v>44545</v>
      </c>
      <c r="F3606" s="22">
        <v>46370</v>
      </c>
      <c r="G3606" s="6" t="s">
        <v>15583</v>
      </c>
      <c r="H3606" s="6" t="s">
        <v>18</v>
      </c>
      <c r="I3606" s="6" t="s">
        <v>15174</v>
      </c>
      <c r="J3606" s="6" t="s">
        <v>15584</v>
      </c>
      <c r="K3606" s="9" t="s">
        <v>15585</v>
      </c>
      <c r="L3606" s="10" t="s">
        <v>22</v>
      </c>
      <c r="M3606" s="10" t="s">
        <v>22</v>
      </c>
      <c r="N3606" s="10" t="s">
        <v>22</v>
      </c>
      <c r="O3606" s="10" t="s">
        <v>22</v>
      </c>
      <c r="P3606" s="10" t="s">
        <v>22</v>
      </c>
      <c r="Q3606" s="10" t="s">
        <v>22</v>
      </c>
      <c r="R3606" s="10" t="s">
        <v>22</v>
      </c>
      <c r="S3606" s="10" t="s">
        <v>22</v>
      </c>
      <c r="T3606" s="10" t="s">
        <v>22</v>
      </c>
      <c r="U3606" s="10" t="s">
        <v>22</v>
      </c>
      <c r="V3606" s="10" t="s">
        <v>22</v>
      </c>
      <c r="W3606" s="10" t="s">
        <v>22</v>
      </c>
      <c r="X3606" s="10" t="s">
        <v>22</v>
      </c>
      <c r="Y3606" s="10" t="s">
        <v>22</v>
      </c>
      <c r="Z3606" s="10" t="s">
        <v>22</v>
      </c>
    </row>
    <row r="3607" spans="1:26" ht="24" customHeight="1" x14ac:dyDescent="0.2">
      <c r="A3607" s="9" t="s">
        <v>20771</v>
      </c>
      <c r="B3607" s="9" t="s">
        <v>15137</v>
      </c>
      <c r="C3607" s="9" t="s">
        <v>756</v>
      </c>
      <c r="D3607" s="6" t="s">
        <v>15586</v>
      </c>
      <c r="E3607" s="22">
        <v>44565</v>
      </c>
      <c r="F3607" s="22">
        <v>46390</v>
      </c>
      <c r="G3607" s="6" t="s">
        <v>15587</v>
      </c>
      <c r="H3607" s="6" t="s">
        <v>18</v>
      </c>
      <c r="I3607" s="6" t="s">
        <v>15174</v>
      </c>
      <c r="J3607" s="6" t="s">
        <v>15588</v>
      </c>
      <c r="K3607" s="9" t="s">
        <v>15589</v>
      </c>
      <c r="L3607" s="10" t="s">
        <v>22</v>
      </c>
      <c r="M3607" s="10" t="s">
        <v>22</v>
      </c>
      <c r="N3607" s="10" t="s">
        <v>22</v>
      </c>
      <c r="O3607" s="10" t="s">
        <v>22</v>
      </c>
      <c r="P3607" s="10" t="s">
        <v>22</v>
      </c>
      <c r="Q3607" s="10" t="s">
        <v>22</v>
      </c>
      <c r="R3607" s="10" t="s">
        <v>22</v>
      </c>
      <c r="S3607" s="10" t="s">
        <v>22</v>
      </c>
      <c r="T3607" s="10" t="s">
        <v>22</v>
      </c>
      <c r="U3607" s="10" t="s">
        <v>22</v>
      </c>
      <c r="V3607" s="10" t="s">
        <v>22</v>
      </c>
      <c r="W3607" s="10" t="s">
        <v>22</v>
      </c>
      <c r="X3607" s="10" t="s">
        <v>22</v>
      </c>
      <c r="Y3607" s="10" t="s">
        <v>22</v>
      </c>
      <c r="Z3607" s="10" t="s">
        <v>22</v>
      </c>
    </row>
    <row r="3608" spans="1:26" ht="24" customHeight="1" x14ac:dyDescent="0.2">
      <c r="A3608" s="9" t="s">
        <v>20772</v>
      </c>
      <c r="B3608" s="9" t="s">
        <v>15137</v>
      </c>
      <c r="C3608" s="9" t="s">
        <v>767</v>
      </c>
      <c r="D3608" s="6" t="s">
        <v>15590</v>
      </c>
      <c r="E3608" s="22">
        <v>44655</v>
      </c>
      <c r="F3608" s="22">
        <v>46480</v>
      </c>
      <c r="G3608" s="6" t="s">
        <v>15591</v>
      </c>
      <c r="H3608" s="6" t="s">
        <v>18</v>
      </c>
      <c r="I3608" s="6" t="s">
        <v>67</v>
      </c>
      <c r="J3608" s="6" t="s">
        <v>15592</v>
      </c>
      <c r="K3608" s="9" t="s">
        <v>15593</v>
      </c>
      <c r="L3608" s="10" t="s">
        <v>22</v>
      </c>
      <c r="M3608" s="10" t="s">
        <v>22</v>
      </c>
      <c r="N3608" s="10" t="s">
        <v>22</v>
      </c>
      <c r="O3608" s="10" t="s">
        <v>22</v>
      </c>
      <c r="P3608" s="10" t="s">
        <v>22</v>
      </c>
      <c r="Q3608" s="10" t="s">
        <v>22</v>
      </c>
      <c r="U3608" s="10" t="s">
        <v>22</v>
      </c>
      <c r="V3608" s="10" t="s">
        <v>22</v>
      </c>
      <c r="W3608" s="10" t="s">
        <v>22</v>
      </c>
      <c r="X3608" s="10" t="s">
        <v>22</v>
      </c>
      <c r="Y3608" s="10" t="s">
        <v>22</v>
      </c>
      <c r="Z3608" s="10" t="s">
        <v>22</v>
      </c>
    </row>
    <row r="3609" spans="1:26" ht="24" customHeight="1" x14ac:dyDescent="0.2">
      <c r="A3609" s="9" t="s">
        <v>20773</v>
      </c>
      <c r="B3609" s="9" t="s">
        <v>15137</v>
      </c>
      <c r="C3609" s="9" t="s">
        <v>778</v>
      </c>
      <c r="D3609" s="6" t="s">
        <v>15594</v>
      </c>
      <c r="E3609" s="22">
        <v>44675</v>
      </c>
      <c r="F3609" s="22">
        <v>46500</v>
      </c>
      <c r="G3609" s="6" t="s">
        <v>15595</v>
      </c>
      <c r="H3609" s="6" t="s">
        <v>18</v>
      </c>
      <c r="I3609" s="6" t="s">
        <v>522</v>
      </c>
      <c r="J3609" s="6" t="s">
        <v>15596</v>
      </c>
      <c r="K3609" s="9" t="s">
        <v>15597</v>
      </c>
      <c r="L3609" s="10" t="s">
        <v>22</v>
      </c>
      <c r="M3609" s="10" t="s">
        <v>22</v>
      </c>
      <c r="N3609" s="10" t="s">
        <v>22</v>
      </c>
      <c r="O3609" s="10" t="s">
        <v>22</v>
      </c>
      <c r="P3609" s="10" t="s">
        <v>22</v>
      </c>
      <c r="Q3609" s="10" t="s">
        <v>22</v>
      </c>
      <c r="R3609" s="10" t="s">
        <v>22</v>
      </c>
      <c r="S3609" s="10" t="s">
        <v>22</v>
      </c>
      <c r="T3609" s="10" t="s">
        <v>22</v>
      </c>
      <c r="U3609" s="10" t="s">
        <v>22</v>
      </c>
      <c r="V3609" s="10" t="s">
        <v>22</v>
      </c>
      <c r="W3609" s="10" t="s">
        <v>22</v>
      </c>
      <c r="X3609" s="10" t="s">
        <v>22</v>
      </c>
      <c r="Y3609" s="10" t="s">
        <v>22</v>
      </c>
      <c r="Z3609" s="10" t="s">
        <v>22</v>
      </c>
    </row>
    <row r="3610" spans="1:26" ht="24" customHeight="1" x14ac:dyDescent="0.2">
      <c r="A3610" s="9" t="s">
        <v>20774</v>
      </c>
      <c r="B3610" s="9" t="s">
        <v>15137</v>
      </c>
      <c r="C3610" s="9" t="s">
        <v>14295</v>
      </c>
      <c r="D3610" s="6" t="s">
        <v>15598</v>
      </c>
      <c r="E3610" s="22">
        <v>44689</v>
      </c>
      <c r="F3610" s="22">
        <v>46514</v>
      </c>
      <c r="G3610" s="6" t="s">
        <v>15599</v>
      </c>
      <c r="H3610" s="6" t="s">
        <v>18</v>
      </c>
      <c r="I3610" s="6" t="s">
        <v>522</v>
      </c>
      <c r="J3610" s="6" t="s">
        <v>15600</v>
      </c>
      <c r="K3610" s="9" t="s">
        <v>15601</v>
      </c>
      <c r="L3610" s="10" t="s">
        <v>22</v>
      </c>
      <c r="M3610" s="10" t="s">
        <v>22</v>
      </c>
      <c r="N3610" s="10" t="s">
        <v>22</v>
      </c>
      <c r="O3610" s="10" t="s">
        <v>22</v>
      </c>
      <c r="P3610" s="10" t="s">
        <v>22</v>
      </c>
      <c r="Q3610" s="10" t="s">
        <v>22</v>
      </c>
      <c r="R3610" s="10" t="s">
        <v>22</v>
      </c>
      <c r="S3610" s="10" t="s">
        <v>22</v>
      </c>
      <c r="T3610" s="10" t="s">
        <v>22</v>
      </c>
      <c r="U3610" s="10" t="s">
        <v>22</v>
      </c>
      <c r="V3610" s="10" t="s">
        <v>22</v>
      </c>
      <c r="W3610" s="10" t="s">
        <v>22</v>
      </c>
      <c r="X3610" s="10" t="s">
        <v>22</v>
      </c>
      <c r="Y3610" s="10" t="s">
        <v>22</v>
      </c>
      <c r="Z3610" s="10" t="s">
        <v>22</v>
      </c>
    </row>
    <row r="3611" spans="1:26" ht="24" customHeight="1" x14ac:dyDescent="0.2">
      <c r="A3611" s="9" t="s">
        <v>20775</v>
      </c>
      <c r="B3611" s="9" t="s">
        <v>15137</v>
      </c>
      <c r="C3611" s="9" t="s">
        <v>783</v>
      </c>
      <c r="D3611" s="6" t="s">
        <v>15602</v>
      </c>
      <c r="E3611" s="22">
        <v>44742</v>
      </c>
      <c r="F3611" s="22">
        <v>46567</v>
      </c>
      <c r="G3611" s="6" t="s">
        <v>15603</v>
      </c>
      <c r="H3611" s="6" t="s">
        <v>18</v>
      </c>
      <c r="I3611" s="6" t="s">
        <v>727</v>
      </c>
      <c r="J3611" s="6" t="s">
        <v>15604</v>
      </c>
      <c r="K3611" s="9" t="s">
        <v>15605</v>
      </c>
      <c r="L3611" s="10" t="s">
        <v>22</v>
      </c>
      <c r="M3611" s="10" t="s">
        <v>22</v>
      </c>
      <c r="N3611" s="10" t="s">
        <v>22</v>
      </c>
      <c r="O3611" s="10" t="s">
        <v>22</v>
      </c>
      <c r="P3611" s="10" t="s">
        <v>22</v>
      </c>
      <c r="Q3611" s="10" t="s">
        <v>22</v>
      </c>
      <c r="U3611" s="10" t="s">
        <v>22</v>
      </c>
      <c r="V3611" s="10" t="s">
        <v>22</v>
      </c>
      <c r="W3611" s="10" t="s">
        <v>22</v>
      </c>
      <c r="X3611" s="10" t="s">
        <v>22</v>
      </c>
      <c r="Y3611" s="10" t="s">
        <v>22</v>
      </c>
      <c r="Z3611" s="10" t="s">
        <v>22</v>
      </c>
    </row>
    <row r="3612" spans="1:26" ht="24" customHeight="1" x14ac:dyDescent="0.2">
      <c r="A3612" s="9" t="s">
        <v>20776</v>
      </c>
      <c r="B3612" s="9" t="s">
        <v>15137</v>
      </c>
      <c r="C3612" s="9" t="s">
        <v>14303</v>
      </c>
      <c r="D3612" s="6" t="s">
        <v>15606</v>
      </c>
      <c r="E3612" s="22">
        <v>44742</v>
      </c>
      <c r="F3612" s="22">
        <v>46567</v>
      </c>
      <c r="G3612" s="6" t="s">
        <v>15607</v>
      </c>
      <c r="H3612" s="6" t="s">
        <v>18</v>
      </c>
      <c r="I3612" s="6" t="s">
        <v>15174</v>
      </c>
      <c r="J3612" s="6" t="s">
        <v>15608</v>
      </c>
      <c r="K3612" s="9" t="s">
        <v>15609</v>
      </c>
      <c r="L3612" s="10" t="s">
        <v>22</v>
      </c>
      <c r="M3612" s="10" t="s">
        <v>22</v>
      </c>
      <c r="N3612" s="10" t="s">
        <v>22</v>
      </c>
      <c r="O3612" s="10" t="s">
        <v>22</v>
      </c>
      <c r="P3612" s="10" t="s">
        <v>22</v>
      </c>
      <c r="Q3612" s="10" t="s">
        <v>22</v>
      </c>
      <c r="R3612" s="10" t="s">
        <v>22</v>
      </c>
      <c r="S3612" s="10" t="s">
        <v>22</v>
      </c>
      <c r="T3612" s="10" t="s">
        <v>22</v>
      </c>
      <c r="U3612" s="10" t="s">
        <v>22</v>
      </c>
      <c r="V3612" s="10" t="s">
        <v>22</v>
      </c>
      <c r="W3612" s="10" t="s">
        <v>22</v>
      </c>
      <c r="X3612" s="10" t="s">
        <v>22</v>
      </c>
      <c r="Y3612" s="10" t="s">
        <v>22</v>
      </c>
      <c r="Z3612" s="10" t="s">
        <v>22</v>
      </c>
    </row>
    <row r="3613" spans="1:26" ht="24" customHeight="1" x14ac:dyDescent="0.2">
      <c r="A3613" s="9" t="s">
        <v>20777</v>
      </c>
      <c r="B3613" s="9" t="s">
        <v>15137</v>
      </c>
      <c r="C3613" s="9" t="s">
        <v>14308</v>
      </c>
      <c r="D3613" s="6" t="s">
        <v>15610</v>
      </c>
      <c r="E3613" s="22">
        <v>44752</v>
      </c>
      <c r="F3613" s="22">
        <v>46577</v>
      </c>
      <c r="G3613" s="6" t="s">
        <v>15611</v>
      </c>
      <c r="H3613" s="6" t="s">
        <v>18</v>
      </c>
      <c r="I3613" s="6" t="s">
        <v>67</v>
      </c>
      <c r="J3613" s="6" t="s">
        <v>15612</v>
      </c>
      <c r="K3613" s="9" t="s">
        <v>15613</v>
      </c>
      <c r="L3613" s="10" t="s">
        <v>22</v>
      </c>
      <c r="M3613" s="10" t="s">
        <v>22</v>
      </c>
      <c r="N3613" s="10" t="s">
        <v>22</v>
      </c>
      <c r="O3613" s="10" t="s">
        <v>22</v>
      </c>
      <c r="P3613" s="10" t="s">
        <v>22</v>
      </c>
      <c r="Q3613" s="10" t="s">
        <v>22</v>
      </c>
      <c r="R3613" s="10" t="s">
        <v>22</v>
      </c>
      <c r="S3613" s="10" t="s">
        <v>22</v>
      </c>
      <c r="T3613" s="10" t="s">
        <v>22</v>
      </c>
      <c r="U3613" s="10" t="s">
        <v>22</v>
      </c>
      <c r="V3613" s="10" t="s">
        <v>22</v>
      </c>
      <c r="W3613" s="10" t="s">
        <v>22</v>
      </c>
      <c r="X3613" s="10" t="s">
        <v>22</v>
      </c>
      <c r="Y3613" s="10" t="s">
        <v>22</v>
      </c>
      <c r="Z3613" s="10" t="s">
        <v>22</v>
      </c>
    </row>
    <row r="3614" spans="1:26" ht="24" customHeight="1" x14ac:dyDescent="0.2">
      <c r="A3614" s="9" t="s">
        <v>20778</v>
      </c>
      <c r="B3614" s="9" t="s">
        <v>15137</v>
      </c>
      <c r="C3614" s="9" t="s">
        <v>802</v>
      </c>
      <c r="D3614" s="6" t="s">
        <v>15614</v>
      </c>
      <c r="E3614" s="22">
        <v>44768</v>
      </c>
      <c r="F3614" s="22">
        <v>46593</v>
      </c>
      <c r="G3614" s="6" t="s">
        <v>15615</v>
      </c>
      <c r="H3614" s="6" t="s">
        <v>18</v>
      </c>
      <c r="I3614" s="6" t="s">
        <v>67</v>
      </c>
      <c r="J3614" s="6" t="s">
        <v>15616</v>
      </c>
      <c r="K3614" s="9" t="s">
        <v>15617</v>
      </c>
      <c r="N3614" s="10" t="s">
        <v>22</v>
      </c>
      <c r="Q3614" s="10" t="s">
        <v>22</v>
      </c>
      <c r="W3614" s="10" t="s">
        <v>22</v>
      </c>
      <c r="Z3614" s="10" t="s">
        <v>22</v>
      </c>
    </row>
    <row r="3615" spans="1:26" ht="24" customHeight="1" x14ac:dyDescent="0.2">
      <c r="A3615" s="9" t="s">
        <v>20779</v>
      </c>
      <c r="B3615" s="9" t="s">
        <v>15137</v>
      </c>
      <c r="C3615" s="9" t="s">
        <v>14322</v>
      </c>
      <c r="D3615" s="6" t="s">
        <v>15618</v>
      </c>
      <c r="E3615" s="22">
        <v>44791</v>
      </c>
      <c r="F3615" s="22">
        <v>46616</v>
      </c>
      <c r="G3615" s="6" t="s">
        <v>15619</v>
      </c>
      <c r="H3615" s="6" t="s">
        <v>18</v>
      </c>
      <c r="I3615" s="6" t="s">
        <v>7031</v>
      </c>
      <c r="J3615" s="6" t="s">
        <v>15620</v>
      </c>
      <c r="L3615" s="10" t="s">
        <v>22</v>
      </c>
      <c r="M3615" s="10" t="s">
        <v>22</v>
      </c>
      <c r="N3615" s="10" t="s">
        <v>22</v>
      </c>
      <c r="O3615" s="10" t="s">
        <v>22</v>
      </c>
      <c r="P3615" s="10" t="s">
        <v>22</v>
      </c>
      <c r="Q3615" s="10" t="s">
        <v>22</v>
      </c>
      <c r="R3615" s="10" t="s">
        <v>22</v>
      </c>
      <c r="S3615" s="10" t="s">
        <v>22</v>
      </c>
      <c r="T3615" s="10" t="s">
        <v>22</v>
      </c>
      <c r="U3615" s="10" t="s">
        <v>22</v>
      </c>
      <c r="V3615" s="10" t="s">
        <v>22</v>
      </c>
      <c r="W3615" s="10" t="s">
        <v>22</v>
      </c>
      <c r="X3615" s="10" t="s">
        <v>22</v>
      </c>
      <c r="Y3615" s="10" t="s">
        <v>22</v>
      </c>
      <c r="Z3615" s="10" t="s">
        <v>22</v>
      </c>
    </row>
    <row r="3616" spans="1:26" ht="24" customHeight="1" x14ac:dyDescent="0.2">
      <c r="A3616" s="9" t="s">
        <v>20780</v>
      </c>
      <c r="B3616" s="9" t="s">
        <v>15137</v>
      </c>
      <c r="C3616" s="9" t="s">
        <v>812</v>
      </c>
      <c r="D3616" s="6" t="s">
        <v>15621</v>
      </c>
      <c r="E3616" s="22">
        <v>44788</v>
      </c>
      <c r="F3616" s="22">
        <v>46613</v>
      </c>
      <c r="G3616" s="6" t="s">
        <v>15622</v>
      </c>
      <c r="H3616" s="6" t="s">
        <v>18</v>
      </c>
      <c r="I3616" s="6" t="s">
        <v>522</v>
      </c>
      <c r="J3616" s="6" t="s">
        <v>15623</v>
      </c>
      <c r="K3616" s="9" t="s">
        <v>15624</v>
      </c>
      <c r="L3616" s="10" t="s">
        <v>22</v>
      </c>
      <c r="M3616" s="10" t="s">
        <v>22</v>
      </c>
      <c r="N3616" s="10" t="s">
        <v>22</v>
      </c>
      <c r="O3616" s="10" t="s">
        <v>22</v>
      </c>
      <c r="P3616" s="10" t="s">
        <v>22</v>
      </c>
      <c r="Q3616" s="10" t="s">
        <v>22</v>
      </c>
      <c r="U3616" s="10" t="s">
        <v>22</v>
      </c>
      <c r="V3616" s="10" t="s">
        <v>22</v>
      </c>
      <c r="W3616" s="10" t="s">
        <v>22</v>
      </c>
      <c r="X3616" s="10" t="s">
        <v>22</v>
      </c>
      <c r="Y3616" s="10" t="s">
        <v>22</v>
      </c>
      <c r="Z3616" s="10" t="s">
        <v>22</v>
      </c>
    </row>
    <row r="3617" spans="1:26" ht="24" customHeight="1" x14ac:dyDescent="0.2">
      <c r="A3617" s="9" t="s">
        <v>20781</v>
      </c>
      <c r="B3617" s="9" t="s">
        <v>15137</v>
      </c>
      <c r="C3617" s="9" t="s">
        <v>15625</v>
      </c>
      <c r="D3617" s="6" t="s">
        <v>15626</v>
      </c>
      <c r="E3617" s="22">
        <v>44811</v>
      </c>
      <c r="F3617" s="22">
        <v>46636</v>
      </c>
      <c r="G3617" s="6" t="s">
        <v>15627</v>
      </c>
      <c r="H3617" s="6" t="s">
        <v>18</v>
      </c>
      <c r="I3617" s="6" t="s">
        <v>522</v>
      </c>
      <c r="J3617" s="6" t="s">
        <v>15628</v>
      </c>
      <c r="K3617" s="9" t="s">
        <v>15629</v>
      </c>
      <c r="L3617" s="10" t="s">
        <v>22</v>
      </c>
      <c r="M3617" s="10" t="s">
        <v>22</v>
      </c>
      <c r="N3617" s="10" t="s">
        <v>22</v>
      </c>
      <c r="O3617" s="10" t="s">
        <v>22</v>
      </c>
      <c r="P3617" s="10" t="s">
        <v>22</v>
      </c>
      <c r="Q3617" s="10" t="s">
        <v>22</v>
      </c>
      <c r="R3617" s="10" t="s">
        <v>22</v>
      </c>
      <c r="S3617" s="10" t="s">
        <v>22</v>
      </c>
      <c r="T3617" s="10" t="s">
        <v>22</v>
      </c>
      <c r="U3617" s="10" t="s">
        <v>22</v>
      </c>
      <c r="V3617" s="10" t="s">
        <v>22</v>
      </c>
      <c r="W3617" s="10" t="s">
        <v>22</v>
      </c>
      <c r="X3617" s="10" t="s">
        <v>22</v>
      </c>
      <c r="Y3617" s="10" t="s">
        <v>22</v>
      </c>
      <c r="Z3617" s="10" t="s">
        <v>22</v>
      </c>
    </row>
    <row r="3618" spans="1:26" ht="24" customHeight="1" x14ac:dyDescent="0.2">
      <c r="A3618" s="9" t="s">
        <v>20782</v>
      </c>
      <c r="B3618" s="9" t="s">
        <v>15137</v>
      </c>
      <c r="C3618" s="9" t="s">
        <v>822</v>
      </c>
      <c r="D3618" s="6" t="s">
        <v>15630</v>
      </c>
      <c r="E3618" s="22">
        <v>45001</v>
      </c>
      <c r="F3618" s="22">
        <v>46827</v>
      </c>
      <c r="G3618" s="6" t="s">
        <v>15631</v>
      </c>
      <c r="H3618" s="6" t="s">
        <v>18</v>
      </c>
      <c r="I3618" s="6" t="s">
        <v>67</v>
      </c>
      <c r="J3618" s="6" t="s">
        <v>15632</v>
      </c>
      <c r="K3618" s="9" t="s">
        <v>15633</v>
      </c>
      <c r="M3618" s="10" t="s">
        <v>22</v>
      </c>
      <c r="N3618" s="10" t="s">
        <v>22</v>
      </c>
      <c r="P3618" s="10" t="s">
        <v>22</v>
      </c>
      <c r="Q3618" s="10" t="s">
        <v>22</v>
      </c>
      <c r="S3618" s="10" t="s">
        <v>22</v>
      </c>
      <c r="T3618" s="10" t="s">
        <v>22</v>
      </c>
      <c r="V3618" s="10" t="s">
        <v>22</v>
      </c>
      <c r="W3618" s="10" t="s">
        <v>22</v>
      </c>
      <c r="Y3618" s="10" t="s">
        <v>22</v>
      </c>
      <c r="Z3618" s="10" t="s">
        <v>22</v>
      </c>
    </row>
    <row r="3619" spans="1:26" ht="24" customHeight="1" x14ac:dyDescent="0.2">
      <c r="A3619" s="9" t="s">
        <v>20783</v>
      </c>
      <c r="B3619" s="9" t="s">
        <v>15137</v>
      </c>
      <c r="C3619" s="9" t="s">
        <v>14340</v>
      </c>
      <c r="D3619" s="6" t="s">
        <v>15634</v>
      </c>
      <c r="E3619" s="22">
        <v>45018</v>
      </c>
      <c r="F3619" s="22">
        <v>46844</v>
      </c>
      <c r="G3619" s="6" t="s">
        <v>15635</v>
      </c>
      <c r="H3619" s="6" t="s">
        <v>18</v>
      </c>
      <c r="I3619" s="6" t="s">
        <v>15174</v>
      </c>
      <c r="J3619" s="6" t="s">
        <v>15636</v>
      </c>
      <c r="K3619" s="9" t="s">
        <v>15637</v>
      </c>
      <c r="L3619" s="10" t="s">
        <v>22</v>
      </c>
      <c r="M3619" s="10" t="s">
        <v>22</v>
      </c>
      <c r="N3619" s="10" t="s">
        <v>22</v>
      </c>
      <c r="O3619" s="10" t="s">
        <v>22</v>
      </c>
      <c r="P3619" s="10" t="s">
        <v>22</v>
      </c>
      <c r="Q3619" s="10" t="s">
        <v>22</v>
      </c>
      <c r="R3619" s="10" t="s">
        <v>22</v>
      </c>
      <c r="S3619" s="10" t="s">
        <v>22</v>
      </c>
      <c r="T3619" s="10" t="s">
        <v>22</v>
      </c>
      <c r="U3619" s="10" t="s">
        <v>22</v>
      </c>
      <c r="V3619" s="10" t="s">
        <v>22</v>
      </c>
      <c r="W3619" s="10" t="s">
        <v>22</v>
      </c>
      <c r="X3619" s="10" t="s">
        <v>22</v>
      </c>
      <c r="Y3619" s="10" t="s">
        <v>22</v>
      </c>
      <c r="Z3619" s="10" t="s">
        <v>22</v>
      </c>
    </row>
    <row r="3620" spans="1:26" ht="24" customHeight="1" x14ac:dyDescent="0.2">
      <c r="A3620" s="9" t="s">
        <v>20784</v>
      </c>
      <c r="B3620" s="9" t="s">
        <v>15137</v>
      </c>
      <c r="C3620" s="9" t="s">
        <v>14345</v>
      </c>
      <c r="D3620" s="6" t="s">
        <v>15638</v>
      </c>
      <c r="E3620" s="22">
        <v>45021</v>
      </c>
      <c r="F3620" s="22">
        <v>46847</v>
      </c>
      <c r="G3620" s="6" t="s">
        <v>15639</v>
      </c>
      <c r="H3620" s="6" t="s">
        <v>18</v>
      </c>
      <c r="I3620" s="6" t="s">
        <v>3615</v>
      </c>
      <c r="J3620" s="6" t="s">
        <v>15640</v>
      </c>
      <c r="K3620" s="9" t="s">
        <v>15641</v>
      </c>
      <c r="L3620" s="10" t="s">
        <v>22</v>
      </c>
      <c r="M3620" s="10" t="s">
        <v>22</v>
      </c>
      <c r="N3620" s="10" t="s">
        <v>22</v>
      </c>
      <c r="O3620" s="10" t="s">
        <v>22</v>
      </c>
      <c r="P3620" s="10" t="s">
        <v>22</v>
      </c>
      <c r="Q3620" s="10" t="s">
        <v>22</v>
      </c>
      <c r="U3620" s="10" t="s">
        <v>22</v>
      </c>
      <c r="V3620" s="10" t="s">
        <v>22</v>
      </c>
      <c r="W3620" s="10" t="s">
        <v>22</v>
      </c>
      <c r="X3620" s="10" t="s">
        <v>22</v>
      </c>
      <c r="Y3620" s="10" t="s">
        <v>22</v>
      </c>
      <c r="Z3620" s="10" t="s">
        <v>22</v>
      </c>
    </row>
    <row r="3621" spans="1:26" ht="24" customHeight="1" x14ac:dyDescent="0.2">
      <c r="A3621" s="9" t="s">
        <v>20785</v>
      </c>
      <c r="B3621" s="9" t="s">
        <v>15137</v>
      </c>
      <c r="C3621" s="9" t="s">
        <v>14353</v>
      </c>
      <c r="D3621" s="6" t="s">
        <v>15642</v>
      </c>
      <c r="E3621" s="22">
        <v>45053</v>
      </c>
      <c r="F3621" s="22">
        <v>46879</v>
      </c>
      <c r="G3621" s="6" t="s">
        <v>15643</v>
      </c>
      <c r="H3621" s="6" t="s">
        <v>18</v>
      </c>
      <c r="I3621" s="6" t="s">
        <v>15174</v>
      </c>
      <c r="J3621" s="6" t="s">
        <v>15644</v>
      </c>
      <c r="L3621" s="10" t="s">
        <v>22</v>
      </c>
      <c r="M3621" s="10" t="s">
        <v>22</v>
      </c>
      <c r="N3621" s="10" t="s">
        <v>22</v>
      </c>
      <c r="O3621" s="10" t="s">
        <v>22</v>
      </c>
      <c r="P3621" s="10" t="s">
        <v>22</v>
      </c>
      <c r="Q3621" s="10" t="s">
        <v>22</v>
      </c>
      <c r="R3621" s="10" t="s">
        <v>22</v>
      </c>
      <c r="S3621" s="10" t="s">
        <v>22</v>
      </c>
      <c r="T3621" s="10" t="s">
        <v>22</v>
      </c>
      <c r="U3621" s="10" t="s">
        <v>22</v>
      </c>
      <c r="V3621" s="10" t="s">
        <v>22</v>
      </c>
      <c r="W3621" s="10" t="s">
        <v>22</v>
      </c>
      <c r="X3621" s="10" t="s">
        <v>22</v>
      </c>
      <c r="Y3621" s="10" t="s">
        <v>22</v>
      </c>
      <c r="Z3621" s="10" t="s">
        <v>22</v>
      </c>
    </row>
    <row r="3622" spans="1:26" ht="24" customHeight="1" x14ac:dyDescent="0.2">
      <c r="A3622" s="9" t="s">
        <v>20786</v>
      </c>
      <c r="B3622" s="9" t="s">
        <v>15137</v>
      </c>
      <c r="C3622" s="9" t="s">
        <v>14363</v>
      </c>
      <c r="D3622" s="6" t="s">
        <v>15645</v>
      </c>
      <c r="E3622" s="22">
        <v>45099</v>
      </c>
      <c r="F3622" s="22">
        <v>46925</v>
      </c>
      <c r="G3622" s="6" t="s">
        <v>15646</v>
      </c>
      <c r="H3622" s="6" t="s">
        <v>18</v>
      </c>
      <c r="I3622" s="6" t="s">
        <v>15174</v>
      </c>
      <c r="J3622" s="6" t="s">
        <v>15647</v>
      </c>
      <c r="K3622" s="9" t="s">
        <v>15648</v>
      </c>
      <c r="L3622" s="10" t="s">
        <v>22</v>
      </c>
      <c r="M3622" s="10" t="s">
        <v>22</v>
      </c>
      <c r="N3622" s="10" t="s">
        <v>22</v>
      </c>
      <c r="O3622" s="10" t="s">
        <v>22</v>
      </c>
      <c r="P3622" s="10" t="s">
        <v>22</v>
      </c>
      <c r="Q3622" s="10" t="s">
        <v>22</v>
      </c>
      <c r="R3622" s="10" t="s">
        <v>22</v>
      </c>
      <c r="S3622" s="10" t="s">
        <v>22</v>
      </c>
      <c r="T3622" s="10" t="s">
        <v>22</v>
      </c>
      <c r="U3622" s="10" t="s">
        <v>22</v>
      </c>
      <c r="V3622" s="10" t="s">
        <v>22</v>
      </c>
      <c r="W3622" s="10" t="s">
        <v>22</v>
      </c>
      <c r="X3622" s="10" t="s">
        <v>22</v>
      </c>
      <c r="Y3622" s="10" t="s">
        <v>22</v>
      </c>
      <c r="Z3622" s="10" t="s">
        <v>22</v>
      </c>
    </row>
    <row r="3623" spans="1:26" ht="24" customHeight="1" x14ac:dyDescent="0.2">
      <c r="A3623" s="9" t="s">
        <v>20787</v>
      </c>
      <c r="B3623" s="9" t="s">
        <v>15137</v>
      </c>
      <c r="C3623" s="9" t="s">
        <v>14368</v>
      </c>
      <c r="D3623" s="6" t="s">
        <v>15649</v>
      </c>
      <c r="E3623" s="22">
        <v>45264</v>
      </c>
      <c r="F3623" s="22">
        <v>47090</v>
      </c>
      <c r="G3623" s="6" t="s">
        <v>15650</v>
      </c>
      <c r="H3623" s="6" t="s">
        <v>18</v>
      </c>
      <c r="I3623" s="6" t="s">
        <v>67</v>
      </c>
      <c r="J3623" s="6" t="s">
        <v>15651</v>
      </c>
      <c r="K3623" s="9" t="s">
        <v>15652</v>
      </c>
      <c r="L3623" s="10" t="s">
        <v>22</v>
      </c>
      <c r="M3623" s="10" t="s">
        <v>22</v>
      </c>
      <c r="N3623" s="10" t="s">
        <v>22</v>
      </c>
      <c r="O3623" s="10" t="s">
        <v>22</v>
      </c>
      <c r="P3623" s="10" t="s">
        <v>22</v>
      </c>
      <c r="Q3623" s="10" t="s">
        <v>22</v>
      </c>
      <c r="R3623" s="10" t="s">
        <v>22</v>
      </c>
      <c r="S3623" s="10" t="s">
        <v>22</v>
      </c>
      <c r="T3623" s="10" t="s">
        <v>22</v>
      </c>
      <c r="U3623" s="10" t="s">
        <v>22</v>
      </c>
      <c r="V3623" s="10" t="s">
        <v>22</v>
      </c>
      <c r="W3623" s="10" t="s">
        <v>22</v>
      </c>
      <c r="X3623" s="10" t="s">
        <v>22</v>
      </c>
      <c r="Y3623" s="10" t="s">
        <v>22</v>
      </c>
      <c r="Z3623" s="10" t="s">
        <v>22</v>
      </c>
    </row>
    <row r="3624" spans="1:26" ht="24" customHeight="1" x14ac:dyDescent="0.2">
      <c r="A3624" s="9" t="s">
        <v>20788</v>
      </c>
      <c r="B3624" s="9" t="s">
        <v>15137</v>
      </c>
      <c r="C3624" s="9" t="s">
        <v>827</v>
      </c>
      <c r="D3624" s="6" t="s">
        <v>15653</v>
      </c>
      <c r="E3624" s="22">
        <v>45264</v>
      </c>
      <c r="F3624" s="22">
        <v>47090</v>
      </c>
      <c r="G3624" s="6" t="s">
        <v>15654</v>
      </c>
      <c r="H3624" s="6" t="s">
        <v>18</v>
      </c>
      <c r="I3624" s="6" t="s">
        <v>15174</v>
      </c>
      <c r="J3624" s="6" t="s">
        <v>15655</v>
      </c>
      <c r="K3624" s="9" t="s">
        <v>15656</v>
      </c>
      <c r="L3624" s="10" t="s">
        <v>22</v>
      </c>
      <c r="M3624" s="10" t="s">
        <v>22</v>
      </c>
      <c r="N3624" s="10" t="s">
        <v>22</v>
      </c>
      <c r="O3624" s="10" t="s">
        <v>22</v>
      </c>
      <c r="P3624" s="10" t="s">
        <v>22</v>
      </c>
      <c r="Q3624" s="10" t="s">
        <v>22</v>
      </c>
      <c r="R3624" s="10" t="s">
        <v>22</v>
      </c>
      <c r="S3624" s="10" t="s">
        <v>22</v>
      </c>
      <c r="T3624" s="10" t="s">
        <v>22</v>
      </c>
      <c r="U3624" s="10" t="s">
        <v>22</v>
      </c>
      <c r="V3624" s="10" t="s">
        <v>22</v>
      </c>
      <c r="W3624" s="10" t="s">
        <v>22</v>
      </c>
      <c r="X3624" s="10" t="s">
        <v>22</v>
      </c>
      <c r="Y3624" s="10" t="s">
        <v>22</v>
      </c>
      <c r="Z3624" s="10" t="s">
        <v>22</v>
      </c>
    </row>
    <row r="3625" spans="1:26" ht="24" customHeight="1" x14ac:dyDescent="0.2">
      <c r="A3625" s="9" t="s">
        <v>20789</v>
      </c>
      <c r="B3625" s="9" t="s">
        <v>15137</v>
      </c>
      <c r="C3625" s="9" t="s">
        <v>14377</v>
      </c>
      <c r="D3625" s="6" t="s">
        <v>15657</v>
      </c>
      <c r="E3625" s="22">
        <v>45377</v>
      </c>
      <c r="F3625" s="22">
        <v>47202</v>
      </c>
      <c r="G3625" s="6" t="s">
        <v>15658</v>
      </c>
      <c r="H3625" s="6" t="s">
        <v>18</v>
      </c>
      <c r="I3625" s="6" t="s">
        <v>522</v>
      </c>
      <c r="J3625" s="6" t="s">
        <v>15659</v>
      </c>
      <c r="K3625" s="9" t="s">
        <v>15660</v>
      </c>
      <c r="L3625" s="10" t="s">
        <v>22</v>
      </c>
      <c r="M3625" s="10" t="s">
        <v>22</v>
      </c>
      <c r="N3625" s="10" t="s">
        <v>22</v>
      </c>
      <c r="O3625" s="10" t="s">
        <v>22</v>
      </c>
      <c r="P3625" s="10" t="s">
        <v>22</v>
      </c>
      <c r="Q3625" s="10" t="s">
        <v>22</v>
      </c>
      <c r="R3625" s="10" t="s">
        <v>22</v>
      </c>
      <c r="S3625" s="10" t="s">
        <v>22</v>
      </c>
      <c r="T3625" s="10" t="s">
        <v>22</v>
      </c>
      <c r="U3625" s="10" t="s">
        <v>22</v>
      </c>
      <c r="V3625" s="10" t="s">
        <v>22</v>
      </c>
      <c r="W3625" s="10" t="s">
        <v>22</v>
      </c>
      <c r="X3625" s="10" t="s">
        <v>22</v>
      </c>
      <c r="Y3625" s="10" t="s">
        <v>22</v>
      </c>
      <c r="Z3625" s="10" t="s">
        <v>22</v>
      </c>
    </row>
    <row r="3626" spans="1:26" ht="24" customHeight="1" x14ac:dyDescent="0.2">
      <c r="A3626" s="9" t="s">
        <v>20790</v>
      </c>
      <c r="B3626" s="9" t="s">
        <v>15137</v>
      </c>
      <c r="C3626" s="9" t="s">
        <v>839</v>
      </c>
      <c r="D3626" s="6" t="s">
        <v>15664</v>
      </c>
      <c r="E3626" s="22">
        <v>44070</v>
      </c>
      <c r="F3626" s="22">
        <v>45895</v>
      </c>
      <c r="G3626" s="6" t="s">
        <v>15665</v>
      </c>
      <c r="H3626" s="6" t="s">
        <v>18</v>
      </c>
      <c r="I3626" s="6" t="s">
        <v>67</v>
      </c>
      <c r="J3626" s="6" t="s">
        <v>15666</v>
      </c>
      <c r="K3626" s="9" t="s">
        <v>15667</v>
      </c>
      <c r="L3626" s="10" t="s">
        <v>22</v>
      </c>
      <c r="M3626" s="10" t="s">
        <v>22</v>
      </c>
      <c r="N3626" s="10" t="s">
        <v>22</v>
      </c>
      <c r="O3626" s="10" t="s">
        <v>22</v>
      </c>
      <c r="P3626" s="10" t="s">
        <v>22</v>
      </c>
      <c r="Q3626" s="10" t="s">
        <v>22</v>
      </c>
      <c r="R3626" s="10" t="s">
        <v>22</v>
      </c>
      <c r="S3626" s="10" t="s">
        <v>22</v>
      </c>
      <c r="T3626" s="10" t="s">
        <v>22</v>
      </c>
      <c r="U3626" s="10" t="s">
        <v>22</v>
      </c>
      <c r="V3626" s="10" t="s">
        <v>22</v>
      </c>
      <c r="W3626" s="10" t="s">
        <v>22</v>
      </c>
      <c r="X3626" s="10" t="s">
        <v>22</v>
      </c>
      <c r="Y3626" s="10" t="s">
        <v>22</v>
      </c>
      <c r="Z3626" s="10" t="s">
        <v>22</v>
      </c>
    </row>
    <row r="3627" spans="1:26" ht="24" customHeight="1" x14ac:dyDescent="0.2">
      <c r="A3627" s="9" t="s">
        <v>20791</v>
      </c>
      <c r="B3627" s="9" t="s">
        <v>15137</v>
      </c>
      <c r="C3627" s="9" t="s">
        <v>850</v>
      </c>
      <c r="D3627" s="6" t="s">
        <v>15668</v>
      </c>
      <c r="E3627" s="22">
        <v>45491</v>
      </c>
      <c r="F3627" s="22">
        <v>47316</v>
      </c>
      <c r="G3627" s="6" t="s">
        <v>15669</v>
      </c>
      <c r="H3627" s="6" t="s">
        <v>18</v>
      </c>
      <c r="I3627" s="6" t="s">
        <v>15174</v>
      </c>
      <c r="J3627" s="6" t="s">
        <v>15670</v>
      </c>
      <c r="L3627" s="10" t="s">
        <v>22</v>
      </c>
      <c r="M3627" s="10" t="s">
        <v>22</v>
      </c>
      <c r="N3627" s="10" t="s">
        <v>22</v>
      </c>
      <c r="O3627" s="10" t="s">
        <v>22</v>
      </c>
      <c r="P3627" s="10" t="s">
        <v>22</v>
      </c>
      <c r="Q3627" s="10" t="s">
        <v>22</v>
      </c>
      <c r="R3627" s="10" t="s">
        <v>22</v>
      </c>
      <c r="S3627" s="10" t="s">
        <v>22</v>
      </c>
      <c r="T3627" s="10" t="s">
        <v>22</v>
      </c>
      <c r="U3627" s="10" t="s">
        <v>22</v>
      </c>
      <c r="V3627" s="10" t="s">
        <v>22</v>
      </c>
      <c r="W3627" s="10" t="s">
        <v>22</v>
      </c>
      <c r="X3627" s="10" t="s">
        <v>22</v>
      </c>
      <c r="Y3627" s="10" t="s">
        <v>22</v>
      </c>
      <c r="Z3627" s="10" t="s">
        <v>22</v>
      </c>
    </row>
    <row r="3628" spans="1:26" ht="24" customHeight="1" x14ac:dyDescent="0.2">
      <c r="A3628" s="9" t="s">
        <v>20792</v>
      </c>
      <c r="B3628" s="9" t="s">
        <v>15137</v>
      </c>
      <c r="C3628" s="9" t="s">
        <v>14394</v>
      </c>
      <c r="D3628" s="6" t="s">
        <v>15671</v>
      </c>
      <c r="E3628" s="22">
        <v>45572</v>
      </c>
      <c r="F3628" s="22">
        <v>47397</v>
      </c>
      <c r="G3628" s="6" t="s">
        <v>15672</v>
      </c>
      <c r="H3628" s="6" t="s">
        <v>18</v>
      </c>
      <c r="I3628" s="6" t="s">
        <v>3615</v>
      </c>
      <c r="J3628" s="6" t="s">
        <v>15673</v>
      </c>
      <c r="K3628" s="9" t="s">
        <v>15674</v>
      </c>
      <c r="L3628" s="10" t="s">
        <v>22</v>
      </c>
      <c r="M3628" s="10" t="s">
        <v>22</v>
      </c>
      <c r="N3628" s="10" t="s">
        <v>22</v>
      </c>
      <c r="O3628" s="10" t="s">
        <v>22</v>
      </c>
      <c r="P3628" s="10" t="s">
        <v>22</v>
      </c>
      <c r="Q3628" s="10" t="s">
        <v>22</v>
      </c>
      <c r="R3628" s="10" t="s">
        <v>22</v>
      </c>
      <c r="S3628" s="10" t="s">
        <v>22</v>
      </c>
      <c r="T3628" s="10" t="s">
        <v>22</v>
      </c>
      <c r="U3628" s="10" t="s">
        <v>22</v>
      </c>
      <c r="V3628" s="10" t="s">
        <v>22</v>
      </c>
      <c r="W3628" s="10" t="s">
        <v>22</v>
      </c>
      <c r="X3628" s="10" t="s">
        <v>22</v>
      </c>
      <c r="Y3628" s="10" t="s">
        <v>22</v>
      </c>
      <c r="Z3628" s="10" t="s">
        <v>22</v>
      </c>
    </row>
    <row r="3629" spans="1:26" ht="24" customHeight="1" x14ac:dyDescent="0.2">
      <c r="A3629" s="9" t="s">
        <v>20793</v>
      </c>
      <c r="B3629" s="9" t="s">
        <v>15137</v>
      </c>
      <c r="C3629" s="9" t="s">
        <v>882</v>
      </c>
      <c r="D3629" s="6" t="s">
        <v>15675</v>
      </c>
      <c r="E3629" s="22">
        <v>43892</v>
      </c>
      <c r="F3629" s="22">
        <v>45717</v>
      </c>
      <c r="G3629" s="6" t="s">
        <v>15676</v>
      </c>
      <c r="H3629" s="6" t="s">
        <v>18</v>
      </c>
      <c r="I3629" s="6" t="s">
        <v>7031</v>
      </c>
      <c r="J3629" s="6" t="s">
        <v>15677</v>
      </c>
      <c r="K3629" s="9" t="s">
        <v>15678</v>
      </c>
      <c r="M3629" s="10" t="s">
        <v>22</v>
      </c>
      <c r="N3629" s="10" t="s">
        <v>22</v>
      </c>
      <c r="V3629" s="10" t="s">
        <v>22</v>
      </c>
      <c r="W3629" s="10" t="s">
        <v>22</v>
      </c>
    </row>
    <row r="3630" spans="1:26" ht="24" customHeight="1" x14ac:dyDescent="0.2">
      <c r="A3630" s="9" t="s">
        <v>20794</v>
      </c>
      <c r="B3630" s="9" t="s">
        <v>15137</v>
      </c>
      <c r="C3630" s="9" t="s">
        <v>887</v>
      </c>
      <c r="D3630" s="6" t="s">
        <v>9650</v>
      </c>
      <c r="E3630" s="22">
        <v>43915</v>
      </c>
      <c r="F3630" s="22">
        <v>45740</v>
      </c>
      <c r="G3630" s="6" t="s">
        <v>9651</v>
      </c>
      <c r="H3630" s="6" t="s">
        <v>18</v>
      </c>
      <c r="I3630" s="6" t="s">
        <v>522</v>
      </c>
      <c r="J3630" s="6" t="s">
        <v>15679</v>
      </c>
      <c r="L3630" s="10" t="s">
        <v>22</v>
      </c>
      <c r="M3630" s="10" t="s">
        <v>22</v>
      </c>
      <c r="N3630" s="10" t="s">
        <v>22</v>
      </c>
      <c r="O3630" s="10" t="s">
        <v>22</v>
      </c>
      <c r="P3630" s="10" t="s">
        <v>22</v>
      </c>
      <c r="Q3630" s="10" t="s">
        <v>22</v>
      </c>
      <c r="R3630" s="10" t="s">
        <v>22</v>
      </c>
      <c r="S3630" s="10" t="s">
        <v>22</v>
      </c>
      <c r="T3630" s="10" t="s">
        <v>22</v>
      </c>
      <c r="U3630" s="10" t="s">
        <v>22</v>
      </c>
      <c r="V3630" s="10" t="s">
        <v>22</v>
      </c>
      <c r="W3630" s="10" t="s">
        <v>22</v>
      </c>
      <c r="X3630" s="10" t="s">
        <v>22</v>
      </c>
      <c r="Y3630" s="10" t="s">
        <v>22</v>
      </c>
      <c r="Z3630" s="10" t="s">
        <v>22</v>
      </c>
    </row>
    <row r="3631" spans="1:26" ht="24" customHeight="1" x14ac:dyDescent="0.2">
      <c r="A3631" s="9" t="s">
        <v>20795</v>
      </c>
      <c r="B3631" s="9" t="s">
        <v>15137</v>
      </c>
      <c r="C3631" s="9" t="s">
        <v>14406</v>
      </c>
      <c r="D3631" s="6" t="s">
        <v>15680</v>
      </c>
      <c r="E3631" s="22">
        <v>43924</v>
      </c>
      <c r="F3631" s="22">
        <v>45749</v>
      </c>
      <c r="G3631" s="6" t="s">
        <v>15681</v>
      </c>
      <c r="H3631" s="6" t="s">
        <v>18</v>
      </c>
      <c r="I3631" s="6" t="s">
        <v>3615</v>
      </c>
      <c r="J3631" s="6" t="s">
        <v>15682</v>
      </c>
      <c r="K3631" s="9" t="s">
        <v>15683</v>
      </c>
      <c r="L3631" s="10" t="s">
        <v>22</v>
      </c>
      <c r="M3631" s="10" t="s">
        <v>22</v>
      </c>
      <c r="N3631" s="10" t="s">
        <v>22</v>
      </c>
      <c r="O3631" s="10" t="s">
        <v>22</v>
      </c>
      <c r="P3631" s="10" t="s">
        <v>22</v>
      </c>
      <c r="Q3631" s="10" t="s">
        <v>22</v>
      </c>
      <c r="R3631" s="10" t="s">
        <v>22</v>
      </c>
      <c r="S3631" s="10" t="s">
        <v>22</v>
      </c>
      <c r="T3631" s="10" t="s">
        <v>22</v>
      </c>
      <c r="U3631" s="10" t="s">
        <v>22</v>
      </c>
      <c r="V3631" s="10" t="s">
        <v>22</v>
      </c>
      <c r="W3631" s="10" t="s">
        <v>22</v>
      </c>
      <c r="X3631" s="10" t="s">
        <v>22</v>
      </c>
      <c r="Y3631" s="10" t="s">
        <v>22</v>
      </c>
      <c r="Z3631" s="10" t="s">
        <v>22</v>
      </c>
    </row>
    <row r="3632" spans="1:26" ht="24" customHeight="1" x14ac:dyDescent="0.2">
      <c r="A3632" s="9" t="s">
        <v>20796</v>
      </c>
      <c r="B3632" s="9" t="s">
        <v>15137</v>
      </c>
      <c r="C3632" s="9" t="s">
        <v>892</v>
      </c>
      <c r="D3632" s="6" t="s">
        <v>15684</v>
      </c>
      <c r="E3632" s="22">
        <v>43949</v>
      </c>
      <c r="F3632" s="22">
        <v>45774</v>
      </c>
      <c r="G3632" s="6" t="s">
        <v>15685</v>
      </c>
      <c r="H3632" s="6" t="s">
        <v>18</v>
      </c>
      <c r="I3632" s="6" t="s">
        <v>67</v>
      </c>
      <c r="J3632" s="6" t="s">
        <v>15686</v>
      </c>
      <c r="K3632" s="9" t="s">
        <v>15687</v>
      </c>
      <c r="M3632" s="10" t="s">
        <v>22</v>
      </c>
      <c r="N3632" s="10" t="s">
        <v>22</v>
      </c>
      <c r="P3632" s="10" t="s">
        <v>22</v>
      </c>
      <c r="Q3632" s="10" t="s">
        <v>22</v>
      </c>
      <c r="S3632" s="10" t="s">
        <v>22</v>
      </c>
      <c r="T3632" s="10" t="s">
        <v>22</v>
      </c>
      <c r="V3632" s="10" t="s">
        <v>22</v>
      </c>
      <c r="W3632" s="10" t="s">
        <v>22</v>
      </c>
      <c r="Y3632" s="10" t="s">
        <v>22</v>
      </c>
      <c r="Z3632" s="10" t="s">
        <v>22</v>
      </c>
    </row>
    <row r="3633" spans="1:26" ht="24" customHeight="1" x14ac:dyDescent="0.2">
      <c r="A3633" s="9" t="s">
        <v>20797</v>
      </c>
      <c r="B3633" s="9" t="s">
        <v>15137</v>
      </c>
      <c r="C3633" s="9" t="s">
        <v>896</v>
      </c>
      <c r="D3633" s="6" t="s">
        <v>15688</v>
      </c>
      <c r="E3633" s="22">
        <v>43958</v>
      </c>
      <c r="F3633" s="22">
        <v>45783</v>
      </c>
      <c r="G3633" s="6" t="s">
        <v>15689</v>
      </c>
      <c r="H3633" s="6" t="s">
        <v>18</v>
      </c>
      <c r="I3633" s="6" t="s">
        <v>522</v>
      </c>
      <c r="J3633" s="6" t="s">
        <v>15690</v>
      </c>
      <c r="L3633" s="10" t="s">
        <v>22</v>
      </c>
      <c r="M3633" s="10" t="s">
        <v>22</v>
      </c>
      <c r="N3633" s="10" t="s">
        <v>22</v>
      </c>
      <c r="O3633" s="10" t="s">
        <v>22</v>
      </c>
      <c r="P3633" s="10" t="s">
        <v>22</v>
      </c>
      <c r="Q3633" s="10" t="s">
        <v>22</v>
      </c>
      <c r="R3633" s="10" t="s">
        <v>22</v>
      </c>
      <c r="S3633" s="10" t="s">
        <v>22</v>
      </c>
      <c r="T3633" s="10" t="s">
        <v>22</v>
      </c>
      <c r="U3633" s="10" t="s">
        <v>22</v>
      </c>
      <c r="V3633" s="10" t="s">
        <v>22</v>
      </c>
      <c r="W3633" s="10" t="s">
        <v>22</v>
      </c>
      <c r="X3633" s="10" t="s">
        <v>22</v>
      </c>
      <c r="Y3633" s="10" t="s">
        <v>22</v>
      </c>
      <c r="Z3633" s="10" t="s">
        <v>22</v>
      </c>
    </row>
    <row r="3634" spans="1:26" ht="24" customHeight="1" x14ac:dyDescent="0.2">
      <c r="A3634" s="9" t="s">
        <v>20798</v>
      </c>
      <c r="B3634" s="9" t="s">
        <v>15137</v>
      </c>
      <c r="C3634" s="9" t="s">
        <v>901</v>
      </c>
      <c r="D3634" s="6" t="s">
        <v>15691</v>
      </c>
      <c r="E3634" s="22">
        <v>43997</v>
      </c>
      <c r="F3634" s="22">
        <v>45822</v>
      </c>
      <c r="G3634" s="6" t="s">
        <v>15692</v>
      </c>
      <c r="H3634" s="6" t="s">
        <v>18</v>
      </c>
      <c r="I3634" s="6" t="s">
        <v>67</v>
      </c>
      <c r="J3634" s="6" t="s">
        <v>15693</v>
      </c>
      <c r="K3634" s="9" t="s">
        <v>15694</v>
      </c>
      <c r="L3634" s="10" t="s">
        <v>22</v>
      </c>
      <c r="M3634" s="10" t="s">
        <v>22</v>
      </c>
      <c r="N3634" s="10" t="s">
        <v>22</v>
      </c>
      <c r="O3634" s="10" t="s">
        <v>22</v>
      </c>
      <c r="P3634" s="10" t="s">
        <v>22</v>
      </c>
      <c r="Q3634" s="10" t="s">
        <v>22</v>
      </c>
      <c r="R3634" s="10" t="s">
        <v>22</v>
      </c>
      <c r="S3634" s="10" t="s">
        <v>22</v>
      </c>
      <c r="T3634" s="10" t="s">
        <v>22</v>
      </c>
      <c r="U3634" s="10" t="s">
        <v>22</v>
      </c>
      <c r="V3634" s="10" t="s">
        <v>22</v>
      </c>
      <c r="W3634" s="10" t="s">
        <v>22</v>
      </c>
      <c r="X3634" s="10" t="s">
        <v>22</v>
      </c>
      <c r="Y3634" s="10" t="s">
        <v>22</v>
      </c>
      <c r="Z3634" s="10" t="s">
        <v>22</v>
      </c>
    </row>
    <row r="3635" spans="1:26" ht="24" customHeight="1" x14ac:dyDescent="0.2">
      <c r="A3635" s="9" t="s">
        <v>20799</v>
      </c>
      <c r="B3635" s="9" t="s">
        <v>15137</v>
      </c>
      <c r="C3635" s="9" t="s">
        <v>906</v>
      </c>
      <c r="D3635" s="6" t="s">
        <v>15695</v>
      </c>
      <c r="E3635" s="22">
        <v>44018</v>
      </c>
      <c r="F3635" s="22">
        <v>45843</v>
      </c>
      <c r="G3635" s="6" t="s">
        <v>15696</v>
      </c>
      <c r="H3635" s="6" t="s">
        <v>18</v>
      </c>
      <c r="I3635" s="6" t="s">
        <v>7031</v>
      </c>
      <c r="J3635" s="6" t="s">
        <v>15697</v>
      </c>
      <c r="K3635" s="9" t="s">
        <v>15698</v>
      </c>
      <c r="L3635" s="10" t="s">
        <v>22</v>
      </c>
      <c r="M3635" s="10" t="s">
        <v>22</v>
      </c>
      <c r="N3635" s="10" t="s">
        <v>22</v>
      </c>
      <c r="O3635" s="10" t="s">
        <v>22</v>
      </c>
      <c r="P3635" s="10" t="s">
        <v>22</v>
      </c>
      <c r="Q3635" s="10" t="s">
        <v>22</v>
      </c>
      <c r="U3635" s="10" t="s">
        <v>22</v>
      </c>
      <c r="V3635" s="10" t="s">
        <v>22</v>
      </c>
      <c r="W3635" s="10" t="s">
        <v>22</v>
      </c>
      <c r="X3635" s="10" t="s">
        <v>22</v>
      </c>
      <c r="Y3635" s="10" t="s">
        <v>22</v>
      </c>
      <c r="Z3635" s="10" t="s">
        <v>22</v>
      </c>
    </row>
    <row r="3636" spans="1:26" ht="24" customHeight="1" x14ac:dyDescent="0.2">
      <c r="A3636" s="9" t="s">
        <v>20800</v>
      </c>
      <c r="B3636" s="9" t="s">
        <v>15137</v>
      </c>
      <c r="C3636" s="9" t="s">
        <v>911</v>
      </c>
      <c r="D3636" s="6" t="s">
        <v>15699</v>
      </c>
      <c r="E3636" s="22">
        <v>44033</v>
      </c>
      <c r="F3636" s="22">
        <v>45858</v>
      </c>
      <c r="G3636" s="6" t="s">
        <v>15700</v>
      </c>
      <c r="H3636" s="6" t="s">
        <v>18</v>
      </c>
      <c r="I3636" s="6" t="s">
        <v>67</v>
      </c>
      <c r="J3636" s="6" t="s">
        <v>15701</v>
      </c>
      <c r="K3636" s="9" t="s">
        <v>15702</v>
      </c>
      <c r="L3636" s="10" t="s">
        <v>22</v>
      </c>
      <c r="M3636" s="10" t="s">
        <v>22</v>
      </c>
      <c r="N3636" s="10" t="s">
        <v>22</v>
      </c>
      <c r="O3636" s="10" t="s">
        <v>22</v>
      </c>
      <c r="P3636" s="10" t="s">
        <v>22</v>
      </c>
      <c r="Q3636" s="10" t="s">
        <v>22</v>
      </c>
      <c r="R3636" s="10" t="s">
        <v>22</v>
      </c>
      <c r="S3636" s="10" t="s">
        <v>22</v>
      </c>
      <c r="T3636" s="10" t="s">
        <v>22</v>
      </c>
      <c r="U3636" s="10" t="s">
        <v>22</v>
      </c>
      <c r="V3636" s="10" t="s">
        <v>22</v>
      </c>
      <c r="W3636" s="10" t="s">
        <v>22</v>
      </c>
      <c r="X3636" s="10" t="s">
        <v>22</v>
      </c>
      <c r="Y3636" s="10" t="s">
        <v>22</v>
      </c>
      <c r="Z3636" s="10" t="s">
        <v>22</v>
      </c>
    </row>
    <row r="3637" spans="1:26" ht="24" customHeight="1" x14ac:dyDescent="0.2">
      <c r="A3637" s="9" t="s">
        <v>20801</v>
      </c>
      <c r="B3637" s="9" t="s">
        <v>15137</v>
      </c>
      <c r="C3637" s="9" t="s">
        <v>916</v>
      </c>
      <c r="D3637" s="6" t="s">
        <v>15703</v>
      </c>
      <c r="E3637" s="22">
        <v>44039</v>
      </c>
      <c r="F3637" s="22">
        <v>45864</v>
      </c>
      <c r="G3637" s="6" t="s">
        <v>15704</v>
      </c>
      <c r="H3637" s="6" t="s">
        <v>18</v>
      </c>
      <c r="I3637" s="6" t="s">
        <v>727</v>
      </c>
      <c r="J3637" s="6" t="s">
        <v>15705</v>
      </c>
      <c r="K3637" s="9" t="s">
        <v>15706</v>
      </c>
      <c r="L3637" s="10" t="s">
        <v>22</v>
      </c>
      <c r="M3637" s="10" t="s">
        <v>22</v>
      </c>
      <c r="N3637" s="10" t="s">
        <v>22</v>
      </c>
      <c r="O3637" s="10" t="s">
        <v>22</v>
      </c>
      <c r="P3637" s="10" t="s">
        <v>22</v>
      </c>
      <c r="Q3637" s="10" t="s">
        <v>22</v>
      </c>
      <c r="R3637" s="10" t="s">
        <v>22</v>
      </c>
      <c r="S3637" s="10" t="s">
        <v>22</v>
      </c>
      <c r="T3637" s="10" t="s">
        <v>22</v>
      </c>
      <c r="U3637" s="10" t="s">
        <v>22</v>
      </c>
      <c r="V3637" s="10" t="s">
        <v>22</v>
      </c>
      <c r="W3637" s="10" t="s">
        <v>22</v>
      </c>
      <c r="X3637" s="10" t="s">
        <v>22</v>
      </c>
      <c r="Y3637" s="10" t="s">
        <v>22</v>
      </c>
      <c r="Z3637" s="10" t="s">
        <v>22</v>
      </c>
    </row>
    <row r="3638" spans="1:26" ht="24" customHeight="1" x14ac:dyDescent="0.2">
      <c r="A3638" s="9" t="s">
        <v>20802</v>
      </c>
      <c r="B3638" s="9" t="s">
        <v>15137</v>
      </c>
      <c r="C3638" s="9" t="s">
        <v>921</v>
      </c>
      <c r="D3638" s="6" t="s">
        <v>15707</v>
      </c>
      <c r="E3638" s="22">
        <v>44083</v>
      </c>
      <c r="F3638" s="22">
        <v>45908</v>
      </c>
      <c r="G3638" s="6" t="s">
        <v>15708</v>
      </c>
      <c r="H3638" s="6" t="s">
        <v>18</v>
      </c>
      <c r="I3638" s="6" t="s">
        <v>522</v>
      </c>
      <c r="J3638" s="6" t="s">
        <v>15709</v>
      </c>
      <c r="K3638" s="9" t="s">
        <v>15710</v>
      </c>
      <c r="L3638" s="10" t="s">
        <v>22</v>
      </c>
      <c r="M3638" s="10" t="s">
        <v>22</v>
      </c>
      <c r="N3638" s="10" t="s">
        <v>22</v>
      </c>
      <c r="O3638" s="10" t="s">
        <v>22</v>
      </c>
      <c r="P3638" s="10" t="s">
        <v>22</v>
      </c>
      <c r="Q3638" s="10" t="s">
        <v>22</v>
      </c>
      <c r="R3638" s="10" t="s">
        <v>22</v>
      </c>
      <c r="S3638" s="10" t="s">
        <v>22</v>
      </c>
      <c r="T3638" s="10" t="s">
        <v>22</v>
      </c>
    </row>
    <row r="3639" spans="1:26" ht="24" customHeight="1" x14ac:dyDescent="0.2">
      <c r="A3639" s="9" t="s">
        <v>20803</v>
      </c>
      <c r="B3639" s="9" t="s">
        <v>15137</v>
      </c>
      <c r="C3639" s="9" t="s">
        <v>926</v>
      </c>
      <c r="D3639" s="6" t="s">
        <v>15711</v>
      </c>
      <c r="E3639" s="22">
        <v>44083</v>
      </c>
      <c r="F3639" s="22">
        <v>45908</v>
      </c>
      <c r="G3639" s="6" t="s">
        <v>15712</v>
      </c>
      <c r="H3639" s="6" t="s">
        <v>18</v>
      </c>
      <c r="I3639" s="6" t="s">
        <v>7031</v>
      </c>
      <c r="J3639" s="6" t="s">
        <v>15713</v>
      </c>
      <c r="K3639" s="9" t="s">
        <v>15714</v>
      </c>
      <c r="L3639" s="10" t="s">
        <v>22</v>
      </c>
      <c r="M3639" s="10" t="s">
        <v>22</v>
      </c>
      <c r="N3639" s="10" t="s">
        <v>22</v>
      </c>
      <c r="O3639" s="10" t="s">
        <v>22</v>
      </c>
      <c r="P3639" s="10" t="s">
        <v>22</v>
      </c>
      <c r="Q3639" s="10" t="s">
        <v>22</v>
      </c>
      <c r="R3639" s="10" t="s">
        <v>22</v>
      </c>
      <c r="S3639" s="10" t="s">
        <v>22</v>
      </c>
      <c r="T3639" s="10" t="s">
        <v>22</v>
      </c>
      <c r="U3639" s="10" t="s">
        <v>22</v>
      </c>
      <c r="V3639" s="10" t="s">
        <v>22</v>
      </c>
      <c r="W3639" s="10" t="s">
        <v>22</v>
      </c>
      <c r="X3639" s="10" t="s">
        <v>22</v>
      </c>
      <c r="Y3639" s="10" t="s">
        <v>22</v>
      </c>
      <c r="Z3639" s="10" t="s">
        <v>22</v>
      </c>
    </row>
    <row r="3640" spans="1:26" ht="24" customHeight="1" x14ac:dyDescent="0.2">
      <c r="A3640" s="9" t="s">
        <v>20804</v>
      </c>
      <c r="B3640" s="9" t="s">
        <v>15137</v>
      </c>
      <c r="C3640" s="9" t="s">
        <v>930</v>
      </c>
      <c r="D3640" s="6" t="s">
        <v>15715</v>
      </c>
      <c r="E3640" s="22">
        <v>44085</v>
      </c>
      <c r="F3640" s="22">
        <v>45910</v>
      </c>
      <c r="G3640" s="6" t="s">
        <v>15716</v>
      </c>
      <c r="H3640" s="6" t="s">
        <v>18</v>
      </c>
      <c r="I3640" s="6" t="s">
        <v>15174</v>
      </c>
      <c r="J3640" s="6" t="s">
        <v>15717</v>
      </c>
      <c r="K3640" s="9" t="s">
        <v>15718</v>
      </c>
      <c r="L3640" s="10" t="s">
        <v>22</v>
      </c>
      <c r="M3640" s="10" t="s">
        <v>22</v>
      </c>
      <c r="N3640" s="10" t="s">
        <v>22</v>
      </c>
      <c r="O3640" s="10" t="s">
        <v>22</v>
      </c>
      <c r="P3640" s="10" t="s">
        <v>22</v>
      </c>
      <c r="Q3640" s="10" t="s">
        <v>22</v>
      </c>
      <c r="U3640" s="10" t="s">
        <v>22</v>
      </c>
      <c r="V3640" s="10" t="s">
        <v>22</v>
      </c>
      <c r="W3640" s="10" t="s">
        <v>22</v>
      </c>
      <c r="X3640" s="10" t="s">
        <v>22</v>
      </c>
      <c r="Y3640" s="10" t="s">
        <v>22</v>
      </c>
      <c r="Z3640" s="10" t="s">
        <v>22</v>
      </c>
    </row>
    <row r="3641" spans="1:26" ht="24" customHeight="1" x14ac:dyDescent="0.2">
      <c r="A3641" s="9" t="s">
        <v>20805</v>
      </c>
      <c r="B3641" s="9" t="s">
        <v>15137</v>
      </c>
      <c r="C3641" s="9" t="s">
        <v>935</v>
      </c>
      <c r="D3641" s="6" t="s">
        <v>15719</v>
      </c>
      <c r="E3641" s="22">
        <v>44088</v>
      </c>
      <c r="F3641" s="22">
        <v>45913</v>
      </c>
      <c r="G3641" s="6" t="s">
        <v>15720</v>
      </c>
      <c r="H3641" s="6" t="s">
        <v>18</v>
      </c>
      <c r="I3641" s="6" t="s">
        <v>67</v>
      </c>
      <c r="J3641" s="6" t="s">
        <v>15721</v>
      </c>
      <c r="K3641" s="9" t="s">
        <v>15722</v>
      </c>
      <c r="L3641" s="10" t="s">
        <v>22</v>
      </c>
      <c r="M3641" s="10" t="s">
        <v>22</v>
      </c>
      <c r="N3641" s="10" t="s">
        <v>22</v>
      </c>
      <c r="O3641" s="10" t="s">
        <v>22</v>
      </c>
      <c r="P3641" s="10" t="s">
        <v>22</v>
      </c>
      <c r="Q3641" s="10" t="s">
        <v>22</v>
      </c>
      <c r="R3641" s="10" t="s">
        <v>22</v>
      </c>
      <c r="S3641" s="10" t="s">
        <v>22</v>
      </c>
      <c r="T3641" s="10" t="s">
        <v>22</v>
      </c>
      <c r="U3641" s="10" t="s">
        <v>22</v>
      </c>
      <c r="V3641" s="10" t="s">
        <v>22</v>
      </c>
      <c r="W3641" s="10" t="s">
        <v>22</v>
      </c>
      <c r="X3641" s="10" t="s">
        <v>22</v>
      </c>
      <c r="Y3641" s="10" t="s">
        <v>22</v>
      </c>
      <c r="Z3641" s="10" t="s">
        <v>22</v>
      </c>
    </row>
    <row r="3642" spans="1:26" ht="24" customHeight="1" x14ac:dyDescent="0.2">
      <c r="A3642" s="9" t="s">
        <v>20806</v>
      </c>
      <c r="B3642" s="9" t="s">
        <v>15137</v>
      </c>
      <c r="C3642" s="9" t="s">
        <v>941</v>
      </c>
      <c r="D3642" s="6" t="s">
        <v>15723</v>
      </c>
      <c r="E3642" s="22">
        <v>44104</v>
      </c>
      <c r="F3642" s="22">
        <v>45929</v>
      </c>
      <c r="G3642" s="6" t="s">
        <v>15724</v>
      </c>
      <c r="H3642" s="6" t="s">
        <v>18</v>
      </c>
      <c r="I3642" s="6" t="s">
        <v>67</v>
      </c>
      <c r="J3642" s="6" t="s">
        <v>15725</v>
      </c>
      <c r="K3642" s="9" t="s">
        <v>15726</v>
      </c>
      <c r="L3642" s="10" t="s">
        <v>22</v>
      </c>
      <c r="M3642" s="10" t="s">
        <v>22</v>
      </c>
      <c r="N3642" s="10" t="s">
        <v>22</v>
      </c>
      <c r="O3642" s="10" t="s">
        <v>22</v>
      </c>
      <c r="P3642" s="10" t="s">
        <v>22</v>
      </c>
      <c r="Q3642" s="10" t="s">
        <v>22</v>
      </c>
      <c r="R3642" s="10" t="s">
        <v>22</v>
      </c>
      <c r="S3642" s="10" t="s">
        <v>22</v>
      </c>
      <c r="T3642" s="10" t="s">
        <v>22</v>
      </c>
      <c r="U3642" s="10" t="s">
        <v>22</v>
      </c>
      <c r="V3642" s="10" t="s">
        <v>22</v>
      </c>
      <c r="W3642" s="10" t="s">
        <v>22</v>
      </c>
      <c r="X3642" s="10" t="s">
        <v>22</v>
      </c>
      <c r="Y3642" s="10" t="s">
        <v>22</v>
      </c>
      <c r="Z3642" s="10" t="s">
        <v>22</v>
      </c>
    </row>
    <row r="3643" spans="1:26" ht="24" customHeight="1" x14ac:dyDescent="0.2">
      <c r="A3643" s="9" t="s">
        <v>20807</v>
      </c>
      <c r="B3643" s="9" t="s">
        <v>15137</v>
      </c>
      <c r="C3643" s="9" t="s">
        <v>946</v>
      </c>
      <c r="D3643" s="6" t="s">
        <v>15727</v>
      </c>
      <c r="E3643" s="22">
        <v>44112</v>
      </c>
      <c r="F3643" s="22">
        <v>45937</v>
      </c>
      <c r="G3643" s="6" t="s">
        <v>15728</v>
      </c>
      <c r="H3643" s="6" t="s">
        <v>18</v>
      </c>
      <c r="I3643" s="6" t="s">
        <v>15174</v>
      </c>
      <c r="J3643" s="6" t="s">
        <v>15729</v>
      </c>
      <c r="L3643" s="10" t="s">
        <v>22</v>
      </c>
      <c r="M3643" s="10" t="s">
        <v>22</v>
      </c>
      <c r="N3643" s="10" t="s">
        <v>22</v>
      </c>
      <c r="O3643" s="10" t="s">
        <v>22</v>
      </c>
      <c r="P3643" s="10" t="s">
        <v>22</v>
      </c>
      <c r="Q3643" s="10" t="s">
        <v>22</v>
      </c>
      <c r="R3643" s="10" t="s">
        <v>22</v>
      </c>
      <c r="S3643" s="10" t="s">
        <v>22</v>
      </c>
      <c r="T3643" s="10" t="s">
        <v>22</v>
      </c>
      <c r="U3643" s="10" t="s">
        <v>22</v>
      </c>
      <c r="V3643" s="10" t="s">
        <v>22</v>
      </c>
      <c r="W3643" s="10" t="s">
        <v>22</v>
      </c>
      <c r="X3643" s="10" t="s">
        <v>22</v>
      </c>
      <c r="Y3643" s="10" t="s">
        <v>22</v>
      </c>
      <c r="Z3643" s="10" t="s">
        <v>22</v>
      </c>
    </row>
    <row r="3644" spans="1:26" ht="24" customHeight="1" x14ac:dyDescent="0.2">
      <c r="A3644" s="9" t="s">
        <v>20808</v>
      </c>
      <c r="B3644" s="9" t="s">
        <v>15137</v>
      </c>
      <c r="C3644" s="9" t="s">
        <v>951</v>
      </c>
      <c r="D3644" s="6" t="s">
        <v>15730</v>
      </c>
      <c r="E3644" s="22">
        <v>44133</v>
      </c>
      <c r="F3644" s="22">
        <v>45958</v>
      </c>
      <c r="G3644" s="6" t="s">
        <v>15731</v>
      </c>
      <c r="H3644" s="6" t="s">
        <v>18</v>
      </c>
      <c r="I3644" s="6" t="s">
        <v>67</v>
      </c>
      <c r="J3644" s="6" t="s">
        <v>15732</v>
      </c>
      <c r="K3644" s="9" t="s">
        <v>15733</v>
      </c>
      <c r="L3644" s="10" t="s">
        <v>22</v>
      </c>
      <c r="M3644" s="10" t="s">
        <v>22</v>
      </c>
      <c r="N3644" s="10" t="s">
        <v>22</v>
      </c>
      <c r="O3644" s="10" t="s">
        <v>22</v>
      </c>
      <c r="P3644" s="10" t="s">
        <v>22</v>
      </c>
      <c r="Q3644" s="10" t="s">
        <v>22</v>
      </c>
      <c r="R3644" s="10" t="s">
        <v>22</v>
      </c>
      <c r="S3644" s="10" t="s">
        <v>22</v>
      </c>
      <c r="T3644" s="10" t="s">
        <v>22</v>
      </c>
      <c r="U3644" s="10" t="s">
        <v>22</v>
      </c>
      <c r="V3644" s="10" t="s">
        <v>22</v>
      </c>
      <c r="W3644" s="10" t="s">
        <v>22</v>
      </c>
      <c r="X3644" s="10" t="s">
        <v>22</v>
      </c>
      <c r="Y3644" s="10" t="s">
        <v>22</v>
      </c>
      <c r="Z3644" s="10" t="s">
        <v>22</v>
      </c>
    </row>
    <row r="3645" spans="1:26" ht="24" customHeight="1" x14ac:dyDescent="0.2">
      <c r="A3645" s="9" t="s">
        <v>20809</v>
      </c>
      <c r="B3645" s="9" t="s">
        <v>15137</v>
      </c>
      <c r="C3645" s="9" t="s">
        <v>957</v>
      </c>
      <c r="D3645" s="6" t="s">
        <v>15734</v>
      </c>
      <c r="E3645" s="22">
        <v>44140</v>
      </c>
      <c r="F3645" s="22">
        <v>45965</v>
      </c>
      <c r="G3645" s="6" t="s">
        <v>15735</v>
      </c>
      <c r="H3645" s="6" t="s">
        <v>18</v>
      </c>
      <c r="I3645" s="6" t="s">
        <v>67</v>
      </c>
      <c r="J3645" s="6" t="s">
        <v>15736</v>
      </c>
      <c r="K3645" s="9" t="s">
        <v>15737</v>
      </c>
      <c r="L3645" s="10" t="s">
        <v>22</v>
      </c>
      <c r="M3645" s="10" t="s">
        <v>22</v>
      </c>
      <c r="N3645" s="10" t="s">
        <v>22</v>
      </c>
      <c r="O3645" s="10" t="s">
        <v>22</v>
      </c>
      <c r="P3645" s="10" t="s">
        <v>22</v>
      </c>
      <c r="Q3645" s="10" t="s">
        <v>22</v>
      </c>
      <c r="R3645" s="10" t="s">
        <v>22</v>
      </c>
      <c r="S3645" s="10" t="s">
        <v>22</v>
      </c>
      <c r="T3645" s="10" t="s">
        <v>22</v>
      </c>
    </row>
    <row r="3646" spans="1:26" ht="24" customHeight="1" x14ac:dyDescent="0.2">
      <c r="A3646" s="9" t="s">
        <v>20810</v>
      </c>
      <c r="B3646" s="9" t="s">
        <v>15137</v>
      </c>
      <c r="C3646" s="9" t="s">
        <v>961</v>
      </c>
      <c r="D3646" s="6" t="s">
        <v>15738</v>
      </c>
      <c r="E3646" s="22">
        <v>44165</v>
      </c>
      <c r="F3646" s="22">
        <v>45990</v>
      </c>
      <c r="G3646" s="6" t="s">
        <v>15739</v>
      </c>
      <c r="H3646" s="6" t="s">
        <v>18</v>
      </c>
      <c r="I3646" s="6" t="s">
        <v>727</v>
      </c>
      <c r="J3646" s="6" t="s">
        <v>15740</v>
      </c>
      <c r="K3646" s="9" t="s">
        <v>15741</v>
      </c>
      <c r="L3646" s="10" t="s">
        <v>22</v>
      </c>
      <c r="M3646" s="10" t="s">
        <v>22</v>
      </c>
      <c r="N3646" s="10" t="s">
        <v>22</v>
      </c>
      <c r="O3646" s="10" t="s">
        <v>22</v>
      </c>
      <c r="P3646" s="10" t="s">
        <v>22</v>
      </c>
      <c r="Q3646" s="10" t="s">
        <v>22</v>
      </c>
      <c r="R3646" s="10" t="s">
        <v>22</v>
      </c>
      <c r="S3646" s="10" t="s">
        <v>22</v>
      </c>
      <c r="T3646" s="10" t="s">
        <v>22</v>
      </c>
      <c r="U3646" s="10" t="s">
        <v>22</v>
      </c>
      <c r="V3646" s="10" t="s">
        <v>22</v>
      </c>
      <c r="W3646" s="10" t="s">
        <v>22</v>
      </c>
      <c r="X3646" s="10" t="s">
        <v>22</v>
      </c>
      <c r="Y3646" s="10" t="s">
        <v>22</v>
      </c>
      <c r="Z3646" s="10" t="s">
        <v>22</v>
      </c>
    </row>
    <row r="3647" spans="1:26" ht="24" customHeight="1" x14ac:dyDescent="0.2">
      <c r="A3647" s="9" t="s">
        <v>20811</v>
      </c>
      <c r="B3647" s="9" t="s">
        <v>15137</v>
      </c>
      <c r="C3647" s="9" t="s">
        <v>966</v>
      </c>
      <c r="D3647" s="6" t="s">
        <v>15742</v>
      </c>
      <c r="E3647" s="22">
        <v>44172</v>
      </c>
      <c r="F3647" s="22">
        <v>45997</v>
      </c>
      <c r="G3647" s="6" t="s">
        <v>15743</v>
      </c>
      <c r="H3647" s="6" t="s">
        <v>18</v>
      </c>
      <c r="I3647" s="6" t="s">
        <v>727</v>
      </c>
      <c r="J3647" s="6" t="s">
        <v>15744</v>
      </c>
      <c r="K3647" s="9" t="s">
        <v>15745</v>
      </c>
      <c r="L3647" s="10" t="s">
        <v>22</v>
      </c>
      <c r="M3647" s="10" t="s">
        <v>22</v>
      </c>
      <c r="N3647" s="10" t="s">
        <v>22</v>
      </c>
      <c r="O3647" s="10" t="s">
        <v>22</v>
      </c>
      <c r="P3647" s="10" t="s">
        <v>22</v>
      </c>
      <c r="Q3647" s="10" t="s">
        <v>22</v>
      </c>
      <c r="R3647" s="10" t="s">
        <v>22</v>
      </c>
      <c r="S3647" s="10" t="s">
        <v>22</v>
      </c>
      <c r="T3647" s="10" t="s">
        <v>22</v>
      </c>
    </row>
    <row r="3648" spans="1:26" ht="24" customHeight="1" x14ac:dyDescent="0.2">
      <c r="A3648" s="9" t="s">
        <v>20812</v>
      </c>
      <c r="B3648" s="9" t="s">
        <v>15137</v>
      </c>
      <c r="C3648" s="9" t="s">
        <v>971</v>
      </c>
      <c r="D3648" s="6" t="s">
        <v>15746</v>
      </c>
      <c r="E3648" s="22">
        <v>44182</v>
      </c>
      <c r="F3648" s="22">
        <v>46007</v>
      </c>
      <c r="G3648" s="6" t="s">
        <v>15747</v>
      </c>
      <c r="H3648" s="6" t="s">
        <v>18</v>
      </c>
      <c r="I3648" s="6" t="s">
        <v>15338</v>
      </c>
      <c r="J3648" s="6" t="s">
        <v>15748</v>
      </c>
      <c r="K3648" s="9" t="s">
        <v>15749</v>
      </c>
      <c r="L3648" s="10" t="s">
        <v>22</v>
      </c>
      <c r="M3648" s="10" t="s">
        <v>22</v>
      </c>
      <c r="N3648" s="10" t="s">
        <v>22</v>
      </c>
      <c r="O3648" s="10" t="s">
        <v>22</v>
      </c>
      <c r="P3648" s="10" t="s">
        <v>22</v>
      </c>
      <c r="Q3648" s="10" t="s">
        <v>22</v>
      </c>
      <c r="R3648" s="10" t="s">
        <v>22</v>
      </c>
      <c r="S3648" s="10" t="s">
        <v>22</v>
      </c>
      <c r="T3648" s="10" t="s">
        <v>22</v>
      </c>
      <c r="U3648" s="10" t="s">
        <v>22</v>
      </c>
      <c r="V3648" s="10" t="s">
        <v>22</v>
      </c>
      <c r="W3648" s="10" t="s">
        <v>22</v>
      </c>
      <c r="X3648" s="10" t="s">
        <v>22</v>
      </c>
      <c r="Y3648" s="10" t="s">
        <v>22</v>
      </c>
      <c r="Z3648" s="10" t="s">
        <v>22</v>
      </c>
    </row>
    <row r="3649" spans="1:26" ht="24" customHeight="1" x14ac:dyDescent="0.2">
      <c r="A3649" s="9" t="s">
        <v>20813</v>
      </c>
      <c r="B3649" s="9" t="s">
        <v>15137</v>
      </c>
      <c r="C3649" s="9" t="s">
        <v>15750</v>
      </c>
      <c r="D3649" s="6" t="s">
        <v>15751</v>
      </c>
      <c r="E3649" s="22">
        <v>44214</v>
      </c>
      <c r="F3649" s="22">
        <v>46039</v>
      </c>
      <c r="G3649" s="6" t="s">
        <v>15752</v>
      </c>
      <c r="H3649" s="6" t="s">
        <v>18</v>
      </c>
      <c r="I3649" s="6" t="s">
        <v>522</v>
      </c>
      <c r="J3649" s="6" t="s">
        <v>15753</v>
      </c>
      <c r="L3649" s="10" t="s">
        <v>22</v>
      </c>
      <c r="M3649" s="10" t="s">
        <v>22</v>
      </c>
      <c r="N3649" s="10" t="s">
        <v>22</v>
      </c>
      <c r="O3649" s="10" t="s">
        <v>22</v>
      </c>
      <c r="P3649" s="10" t="s">
        <v>22</v>
      </c>
      <c r="Q3649" s="10" t="s">
        <v>22</v>
      </c>
      <c r="R3649" s="10" t="s">
        <v>22</v>
      </c>
      <c r="S3649" s="10" t="s">
        <v>22</v>
      </c>
      <c r="T3649" s="10" t="s">
        <v>22</v>
      </c>
      <c r="U3649" s="10" t="s">
        <v>22</v>
      </c>
      <c r="V3649" s="10" t="s">
        <v>22</v>
      </c>
      <c r="W3649" s="10" t="s">
        <v>22</v>
      </c>
      <c r="X3649" s="10" t="s">
        <v>22</v>
      </c>
      <c r="Y3649" s="10" t="s">
        <v>22</v>
      </c>
      <c r="Z3649" s="10" t="s">
        <v>22</v>
      </c>
    </row>
    <row r="3650" spans="1:26" ht="24" customHeight="1" x14ac:dyDescent="0.2">
      <c r="A3650" s="9" t="s">
        <v>20814</v>
      </c>
      <c r="B3650" s="9" t="s">
        <v>15137</v>
      </c>
      <c r="C3650" s="9" t="s">
        <v>14441</v>
      </c>
      <c r="D3650" s="6" t="s">
        <v>15037</v>
      </c>
      <c r="E3650" s="22">
        <v>44231</v>
      </c>
      <c r="F3650" s="22">
        <v>46056</v>
      </c>
      <c r="G3650" s="6" t="s">
        <v>15038</v>
      </c>
      <c r="H3650" s="6" t="s">
        <v>18</v>
      </c>
      <c r="I3650" s="6" t="s">
        <v>522</v>
      </c>
      <c r="J3650" s="6" t="s">
        <v>15754</v>
      </c>
      <c r="K3650" s="9" t="s">
        <v>15755</v>
      </c>
      <c r="L3650" s="10" t="s">
        <v>22</v>
      </c>
      <c r="M3650" s="10" t="s">
        <v>22</v>
      </c>
      <c r="N3650" s="10" t="s">
        <v>22</v>
      </c>
      <c r="O3650" s="10" t="s">
        <v>22</v>
      </c>
      <c r="P3650" s="10" t="s">
        <v>22</v>
      </c>
      <c r="Q3650" s="10" t="s">
        <v>22</v>
      </c>
      <c r="R3650" s="10" t="s">
        <v>22</v>
      </c>
      <c r="S3650" s="10" t="s">
        <v>22</v>
      </c>
      <c r="T3650" s="10" t="s">
        <v>22</v>
      </c>
      <c r="U3650" s="10" t="s">
        <v>22</v>
      </c>
      <c r="V3650" s="10" t="s">
        <v>22</v>
      </c>
      <c r="W3650" s="10" t="s">
        <v>22</v>
      </c>
      <c r="X3650" s="10" t="s">
        <v>22</v>
      </c>
      <c r="Y3650" s="10" t="s">
        <v>22</v>
      </c>
      <c r="Z3650" s="10" t="s">
        <v>22</v>
      </c>
    </row>
    <row r="3651" spans="1:26" ht="24" customHeight="1" x14ac:dyDescent="0.2">
      <c r="A3651" s="9" t="s">
        <v>20815</v>
      </c>
      <c r="B3651" s="9" t="s">
        <v>15137</v>
      </c>
      <c r="C3651" s="9" t="s">
        <v>976</v>
      </c>
      <c r="D3651" s="6" t="s">
        <v>15756</v>
      </c>
      <c r="E3651" s="22">
        <v>44273</v>
      </c>
      <c r="F3651" s="22">
        <v>46098</v>
      </c>
      <c r="G3651" s="6" t="s">
        <v>15757</v>
      </c>
      <c r="H3651" s="6" t="s">
        <v>18</v>
      </c>
      <c r="I3651" s="6" t="s">
        <v>3615</v>
      </c>
      <c r="J3651" s="6" t="s">
        <v>15758</v>
      </c>
      <c r="K3651" s="9" t="s">
        <v>15759</v>
      </c>
      <c r="L3651" s="10" t="s">
        <v>22</v>
      </c>
      <c r="M3651" s="10" t="s">
        <v>22</v>
      </c>
      <c r="N3651" s="10" t="s">
        <v>22</v>
      </c>
      <c r="O3651" s="10" t="s">
        <v>22</v>
      </c>
      <c r="P3651" s="10" t="s">
        <v>22</v>
      </c>
      <c r="Q3651" s="10" t="s">
        <v>22</v>
      </c>
      <c r="R3651" s="10" t="s">
        <v>22</v>
      </c>
      <c r="S3651" s="10" t="s">
        <v>22</v>
      </c>
      <c r="T3651" s="10" t="s">
        <v>22</v>
      </c>
      <c r="U3651" s="10" t="s">
        <v>22</v>
      </c>
      <c r="V3651" s="10" t="s">
        <v>22</v>
      </c>
      <c r="W3651" s="10" t="s">
        <v>22</v>
      </c>
      <c r="X3651" s="10" t="s">
        <v>22</v>
      </c>
      <c r="Y3651" s="10" t="s">
        <v>22</v>
      </c>
      <c r="Z3651" s="10" t="s">
        <v>22</v>
      </c>
    </row>
    <row r="3652" spans="1:26" ht="24" customHeight="1" x14ac:dyDescent="0.2">
      <c r="A3652" s="9" t="s">
        <v>20816</v>
      </c>
      <c r="B3652" s="9" t="s">
        <v>15137</v>
      </c>
      <c r="C3652" s="9" t="s">
        <v>981</v>
      </c>
      <c r="D3652" s="6" t="s">
        <v>15760</v>
      </c>
      <c r="E3652" s="22">
        <v>44280</v>
      </c>
      <c r="F3652" s="22">
        <v>46105</v>
      </c>
      <c r="G3652" s="6" t="s">
        <v>15761</v>
      </c>
      <c r="H3652" s="6" t="s">
        <v>18</v>
      </c>
      <c r="I3652" s="6" t="s">
        <v>15174</v>
      </c>
      <c r="J3652" s="6" t="s">
        <v>15762</v>
      </c>
      <c r="K3652" s="9" t="s">
        <v>15763</v>
      </c>
      <c r="L3652" s="10" t="s">
        <v>22</v>
      </c>
      <c r="M3652" s="10" t="s">
        <v>22</v>
      </c>
      <c r="N3652" s="10" t="s">
        <v>22</v>
      </c>
      <c r="O3652" s="10" t="s">
        <v>22</v>
      </c>
      <c r="P3652" s="10" t="s">
        <v>22</v>
      </c>
      <c r="Q3652" s="10" t="s">
        <v>22</v>
      </c>
      <c r="R3652" s="10" t="s">
        <v>22</v>
      </c>
      <c r="S3652" s="10" t="s">
        <v>22</v>
      </c>
      <c r="T3652" s="10" t="s">
        <v>22</v>
      </c>
      <c r="U3652" s="10" t="s">
        <v>22</v>
      </c>
      <c r="V3652" s="10" t="s">
        <v>22</v>
      </c>
      <c r="W3652" s="10" t="s">
        <v>22</v>
      </c>
      <c r="X3652" s="10" t="s">
        <v>22</v>
      </c>
      <c r="Y3652" s="10" t="s">
        <v>22</v>
      </c>
      <c r="Z3652" s="10" t="s">
        <v>22</v>
      </c>
    </row>
    <row r="3653" spans="1:26" ht="24" customHeight="1" x14ac:dyDescent="0.2">
      <c r="A3653" s="9" t="s">
        <v>20817</v>
      </c>
      <c r="B3653" s="9" t="s">
        <v>15137</v>
      </c>
      <c r="C3653" s="9" t="s">
        <v>14450</v>
      </c>
      <c r="D3653" s="6" t="s">
        <v>15764</v>
      </c>
      <c r="E3653" s="22">
        <v>44295</v>
      </c>
      <c r="F3653" s="22">
        <v>46120</v>
      </c>
      <c r="G3653" s="6" t="s">
        <v>15765</v>
      </c>
      <c r="H3653" s="6" t="s">
        <v>18</v>
      </c>
      <c r="I3653" s="6" t="s">
        <v>67</v>
      </c>
      <c r="J3653" s="6" t="s">
        <v>15766</v>
      </c>
      <c r="L3653" s="10" t="s">
        <v>22</v>
      </c>
      <c r="M3653" s="10" t="s">
        <v>22</v>
      </c>
      <c r="N3653" s="10" t="s">
        <v>22</v>
      </c>
      <c r="O3653" s="10" t="s">
        <v>22</v>
      </c>
      <c r="P3653" s="10" t="s">
        <v>22</v>
      </c>
      <c r="Q3653" s="10" t="s">
        <v>22</v>
      </c>
      <c r="R3653" s="10" t="s">
        <v>22</v>
      </c>
      <c r="S3653" s="10" t="s">
        <v>22</v>
      </c>
      <c r="T3653" s="10" t="s">
        <v>22</v>
      </c>
      <c r="U3653" s="10" t="s">
        <v>22</v>
      </c>
      <c r="V3653" s="10" t="s">
        <v>22</v>
      </c>
      <c r="W3653" s="10" t="s">
        <v>22</v>
      </c>
      <c r="X3653" s="10" t="s">
        <v>22</v>
      </c>
      <c r="Y3653" s="10" t="s">
        <v>22</v>
      </c>
      <c r="Z3653" s="10" t="s">
        <v>22</v>
      </c>
    </row>
    <row r="3654" spans="1:26" ht="24" customHeight="1" x14ac:dyDescent="0.2">
      <c r="A3654" s="9" t="s">
        <v>20818</v>
      </c>
      <c r="B3654" s="9" t="s">
        <v>15137</v>
      </c>
      <c r="C3654" s="9" t="s">
        <v>986</v>
      </c>
      <c r="D3654" s="6" t="s">
        <v>15767</v>
      </c>
      <c r="E3654" s="22">
        <v>45200</v>
      </c>
      <c r="F3654" s="22">
        <v>47026</v>
      </c>
      <c r="G3654" s="6" t="s">
        <v>15768</v>
      </c>
      <c r="H3654" s="6" t="s">
        <v>18</v>
      </c>
      <c r="I3654" s="6" t="s">
        <v>522</v>
      </c>
      <c r="J3654" s="6" t="s">
        <v>15769</v>
      </c>
      <c r="K3654" s="9" t="s">
        <v>15770</v>
      </c>
      <c r="L3654" s="10" t="s">
        <v>22</v>
      </c>
      <c r="M3654" s="10" t="s">
        <v>22</v>
      </c>
      <c r="N3654" s="10" t="s">
        <v>22</v>
      </c>
      <c r="O3654" s="10" t="s">
        <v>22</v>
      </c>
      <c r="P3654" s="10" t="s">
        <v>22</v>
      </c>
      <c r="Q3654" s="10" t="s">
        <v>22</v>
      </c>
      <c r="R3654" s="10" t="s">
        <v>22</v>
      </c>
      <c r="S3654" s="10" t="s">
        <v>22</v>
      </c>
      <c r="T3654" s="10" t="s">
        <v>22</v>
      </c>
      <c r="U3654" s="10" t="s">
        <v>22</v>
      </c>
      <c r="V3654" s="10" t="s">
        <v>22</v>
      </c>
      <c r="W3654" s="10" t="s">
        <v>22</v>
      </c>
      <c r="X3654" s="10" t="s">
        <v>22</v>
      </c>
      <c r="Y3654" s="10" t="s">
        <v>22</v>
      </c>
      <c r="Z3654" s="10" t="s">
        <v>22</v>
      </c>
    </row>
    <row r="3655" spans="1:26" ht="24" customHeight="1" x14ac:dyDescent="0.2">
      <c r="A3655" s="9" t="s">
        <v>20819</v>
      </c>
      <c r="B3655" s="9" t="s">
        <v>15137</v>
      </c>
      <c r="C3655" s="9" t="s">
        <v>991</v>
      </c>
      <c r="D3655" s="6" t="s">
        <v>15771</v>
      </c>
      <c r="E3655" s="22">
        <v>44341</v>
      </c>
      <c r="F3655" s="22">
        <v>46166</v>
      </c>
      <c r="G3655" s="6" t="s">
        <v>15772</v>
      </c>
      <c r="H3655" s="6" t="s">
        <v>18</v>
      </c>
      <c r="I3655" s="6" t="s">
        <v>67</v>
      </c>
      <c r="J3655" s="6" t="s">
        <v>15773</v>
      </c>
      <c r="K3655" s="9" t="s">
        <v>15774</v>
      </c>
      <c r="L3655" s="10" t="s">
        <v>22</v>
      </c>
      <c r="M3655" s="10" t="s">
        <v>22</v>
      </c>
      <c r="N3655" s="10" t="s">
        <v>22</v>
      </c>
      <c r="O3655" s="10" t="s">
        <v>22</v>
      </c>
      <c r="P3655" s="10" t="s">
        <v>22</v>
      </c>
      <c r="Q3655" s="10" t="s">
        <v>22</v>
      </c>
      <c r="R3655" s="10" t="s">
        <v>22</v>
      </c>
      <c r="S3655" s="10" t="s">
        <v>22</v>
      </c>
      <c r="T3655" s="10" t="s">
        <v>22</v>
      </c>
      <c r="U3655" s="10" t="s">
        <v>22</v>
      </c>
      <c r="V3655" s="10" t="s">
        <v>22</v>
      </c>
      <c r="W3655" s="10" t="s">
        <v>22</v>
      </c>
      <c r="X3655" s="10" t="s">
        <v>22</v>
      </c>
      <c r="Y3655" s="10" t="s">
        <v>22</v>
      </c>
      <c r="Z3655" s="10" t="s">
        <v>22</v>
      </c>
    </row>
    <row r="3656" spans="1:26" ht="24" customHeight="1" x14ac:dyDescent="0.2">
      <c r="A3656" s="9" t="s">
        <v>20820</v>
      </c>
      <c r="B3656" s="9" t="s">
        <v>15137</v>
      </c>
      <c r="C3656" s="9" t="s">
        <v>15775</v>
      </c>
      <c r="D3656" s="6" t="s">
        <v>15776</v>
      </c>
      <c r="E3656" s="22">
        <v>44433</v>
      </c>
      <c r="F3656" s="22">
        <v>46258</v>
      </c>
      <c r="G3656" s="6" t="s">
        <v>15777</v>
      </c>
      <c r="H3656" s="6" t="s">
        <v>18</v>
      </c>
      <c r="I3656" s="6" t="s">
        <v>522</v>
      </c>
      <c r="J3656" s="6" t="s">
        <v>15778</v>
      </c>
      <c r="K3656" s="9" t="s">
        <v>15779</v>
      </c>
      <c r="L3656" s="10" t="s">
        <v>22</v>
      </c>
      <c r="M3656" s="10" t="s">
        <v>22</v>
      </c>
      <c r="N3656" s="10" t="s">
        <v>22</v>
      </c>
      <c r="O3656" s="10" t="s">
        <v>22</v>
      </c>
      <c r="P3656" s="10" t="s">
        <v>22</v>
      </c>
      <c r="Q3656" s="10" t="s">
        <v>22</v>
      </c>
      <c r="R3656" s="10" t="s">
        <v>22</v>
      </c>
      <c r="S3656" s="10" t="s">
        <v>22</v>
      </c>
      <c r="T3656" s="10" t="s">
        <v>22</v>
      </c>
      <c r="U3656" s="10" t="s">
        <v>22</v>
      </c>
      <c r="V3656" s="10" t="s">
        <v>22</v>
      </c>
      <c r="W3656" s="10" t="s">
        <v>22</v>
      </c>
      <c r="X3656" s="10" t="s">
        <v>22</v>
      </c>
      <c r="Y3656" s="10" t="s">
        <v>22</v>
      </c>
      <c r="Z3656" s="10" t="s">
        <v>22</v>
      </c>
    </row>
    <row r="3657" spans="1:26" ht="24" customHeight="1" x14ac:dyDescent="0.2">
      <c r="A3657" s="9" t="s">
        <v>20821</v>
      </c>
      <c r="B3657" s="9" t="s">
        <v>15137</v>
      </c>
      <c r="C3657" s="9" t="s">
        <v>997</v>
      </c>
      <c r="D3657" s="6" t="s">
        <v>15780</v>
      </c>
      <c r="E3657" s="22">
        <v>44519</v>
      </c>
      <c r="F3657" s="22">
        <v>46344</v>
      </c>
      <c r="G3657" s="6" t="s">
        <v>15781</v>
      </c>
      <c r="H3657" s="6" t="s">
        <v>18</v>
      </c>
      <c r="I3657" s="6" t="s">
        <v>67</v>
      </c>
      <c r="J3657" s="6" t="s">
        <v>15782</v>
      </c>
      <c r="K3657" s="9" t="s">
        <v>15783</v>
      </c>
      <c r="L3657" s="10" t="s">
        <v>22</v>
      </c>
      <c r="M3657" s="10" t="s">
        <v>22</v>
      </c>
      <c r="N3657" s="10" t="s">
        <v>22</v>
      </c>
      <c r="O3657" s="10" t="s">
        <v>22</v>
      </c>
      <c r="P3657" s="10" t="s">
        <v>22</v>
      </c>
      <c r="Q3657" s="10" t="s">
        <v>22</v>
      </c>
      <c r="R3657" s="10" t="s">
        <v>22</v>
      </c>
      <c r="S3657" s="10" t="s">
        <v>22</v>
      </c>
      <c r="T3657" s="10" t="s">
        <v>22</v>
      </c>
      <c r="U3657" s="10" t="s">
        <v>22</v>
      </c>
      <c r="V3657" s="10" t="s">
        <v>22</v>
      </c>
      <c r="W3657" s="10" t="s">
        <v>22</v>
      </c>
      <c r="X3657" s="10" t="s">
        <v>22</v>
      </c>
      <c r="Y3657" s="10" t="s">
        <v>22</v>
      </c>
      <c r="Z3657" s="10" t="s">
        <v>22</v>
      </c>
    </row>
    <row r="3658" spans="1:26" ht="24" customHeight="1" x14ac:dyDescent="0.2">
      <c r="A3658" s="9" t="s">
        <v>20822</v>
      </c>
      <c r="B3658" s="9" t="s">
        <v>15137</v>
      </c>
      <c r="C3658" s="9" t="s">
        <v>14455</v>
      </c>
      <c r="D3658" s="6" t="s">
        <v>15784</v>
      </c>
      <c r="E3658" s="22">
        <v>44524</v>
      </c>
      <c r="F3658" s="22">
        <v>46349</v>
      </c>
      <c r="G3658" s="6" t="s">
        <v>15785</v>
      </c>
      <c r="H3658" s="6" t="s">
        <v>18</v>
      </c>
      <c r="I3658" s="6" t="s">
        <v>15174</v>
      </c>
      <c r="J3658" s="6" t="s">
        <v>15786</v>
      </c>
      <c r="K3658" s="9" t="s">
        <v>15787</v>
      </c>
      <c r="L3658" s="10" t="s">
        <v>22</v>
      </c>
      <c r="M3658" s="10" t="s">
        <v>22</v>
      </c>
      <c r="N3658" s="10" t="s">
        <v>22</v>
      </c>
      <c r="O3658" s="10" t="s">
        <v>22</v>
      </c>
      <c r="P3658" s="10" t="s">
        <v>22</v>
      </c>
      <c r="Q3658" s="10" t="s">
        <v>22</v>
      </c>
      <c r="R3658" s="10" t="s">
        <v>22</v>
      </c>
      <c r="S3658" s="10" t="s">
        <v>22</v>
      </c>
      <c r="T3658" s="10" t="s">
        <v>22</v>
      </c>
      <c r="U3658" s="10" t="s">
        <v>22</v>
      </c>
      <c r="V3658" s="10" t="s">
        <v>22</v>
      </c>
      <c r="W3658" s="10" t="s">
        <v>22</v>
      </c>
      <c r="X3658" s="10" t="s">
        <v>22</v>
      </c>
      <c r="Y3658" s="10" t="s">
        <v>22</v>
      </c>
      <c r="Z3658" s="10" t="s">
        <v>22</v>
      </c>
    </row>
    <row r="3659" spans="1:26" ht="24" customHeight="1" x14ac:dyDescent="0.2">
      <c r="A3659" s="9" t="s">
        <v>20823</v>
      </c>
      <c r="B3659" s="9" t="s">
        <v>15137</v>
      </c>
      <c r="C3659" s="9" t="s">
        <v>1002</v>
      </c>
      <c r="D3659" s="6" t="s">
        <v>15788</v>
      </c>
      <c r="E3659" s="22">
        <v>44536</v>
      </c>
      <c r="F3659" s="22">
        <v>46361</v>
      </c>
      <c r="G3659" s="6" t="s">
        <v>15789</v>
      </c>
      <c r="H3659" s="6" t="s">
        <v>18</v>
      </c>
      <c r="I3659" s="6" t="s">
        <v>67</v>
      </c>
      <c r="J3659" s="6" t="s">
        <v>15790</v>
      </c>
      <c r="K3659" s="9" t="s">
        <v>15791</v>
      </c>
      <c r="L3659" s="10" t="s">
        <v>22</v>
      </c>
      <c r="M3659" s="10" t="s">
        <v>22</v>
      </c>
      <c r="N3659" s="10" t="s">
        <v>22</v>
      </c>
      <c r="O3659" s="10" t="s">
        <v>22</v>
      </c>
      <c r="P3659" s="10" t="s">
        <v>22</v>
      </c>
      <c r="Q3659" s="10" t="s">
        <v>22</v>
      </c>
      <c r="R3659" s="10" t="s">
        <v>22</v>
      </c>
      <c r="S3659" s="10" t="s">
        <v>22</v>
      </c>
      <c r="T3659" s="10" t="s">
        <v>22</v>
      </c>
      <c r="U3659" s="10" t="s">
        <v>22</v>
      </c>
      <c r="V3659" s="10" t="s">
        <v>22</v>
      </c>
      <c r="W3659" s="10" t="s">
        <v>22</v>
      </c>
      <c r="X3659" s="10" t="s">
        <v>22</v>
      </c>
      <c r="Y3659" s="10" t="s">
        <v>22</v>
      </c>
      <c r="Z3659" s="10" t="s">
        <v>22</v>
      </c>
    </row>
    <row r="3660" spans="1:26" ht="24" customHeight="1" x14ac:dyDescent="0.2">
      <c r="A3660" s="9" t="s">
        <v>20824</v>
      </c>
      <c r="B3660" s="9" t="s">
        <v>15137</v>
      </c>
      <c r="C3660" s="9" t="s">
        <v>15792</v>
      </c>
      <c r="D3660" s="6" t="s">
        <v>15793</v>
      </c>
      <c r="E3660" s="22">
        <v>44538</v>
      </c>
      <c r="F3660" s="22">
        <v>46363</v>
      </c>
      <c r="G3660" s="6" t="s">
        <v>15794</v>
      </c>
      <c r="H3660" s="6" t="s">
        <v>18</v>
      </c>
      <c r="I3660" s="6" t="s">
        <v>522</v>
      </c>
      <c r="J3660" s="6" t="s">
        <v>15795</v>
      </c>
      <c r="K3660" s="9" t="s">
        <v>15796</v>
      </c>
      <c r="L3660" s="10" t="s">
        <v>22</v>
      </c>
      <c r="M3660" s="10" t="s">
        <v>22</v>
      </c>
      <c r="N3660" s="10" t="s">
        <v>22</v>
      </c>
      <c r="O3660" s="10" t="s">
        <v>22</v>
      </c>
      <c r="P3660" s="10" t="s">
        <v>22</v>
      </c>
      <c r="Q3660" s="10" t="s">
        <v>22</v>
      </c>
      <c r="R3660" s="10" t="s">
        <v>22</v>
      </c>
      <c r="S3660" s="10" t="s">
        <v>22</v>
      </c>
      <c r="T3660" s="10" t="s">
        <v>22</v>
      </c>
      <c r="U3660" s="10" t="s">
        <v>22</v>
      </c>
      <c r="V3660" s="10" t="s">
        <v>22</v>
      </c>
      <c r="W3660" s="10" t="s">
        <v>22</v>
      </c>
      <c r="X3660" s="10" t="s">
        <v>22</v>
      </c>
      <c r="Y3660" s="10" t="s">
        <v>22</v>
      </c>
      <c r="Z3660" s="10" t="s">
        <v>22</v>
      </c>
    </row>
    <row r="3661" spans="1:26" ht="24" customHeight="1" x14ac:dyDescent="0.2">
      <c r="A3661" s="9" t="s">
        <v>20825</v>
      </c>
      <c r="B3661" s="9" t="s">
        <v>15137</v>
      </c>
      <c r="C3661" s="9" t="s">
        <v>14463</v>
      </c>
      <c r="D3661" s="6" t="s">
        <v>15797</v>
      </c>
      <c r="E3661" s="22">
        <v>44585</v>
      </c>
      <c r="F3661" s="22">
        <v>46410</v>
      </c>
      <c r="G3661" s="6" t="s">
        <v>15798</v>
      </c>
      <c r="H3661" s="6" t="s">
        <v>18</v>
      </c>
      <c r="I3661" s="6" t="s">
        <v>7031</v>
      </c>
      <c r="J3661" s="6" t="s">
        <v>15799</v>
      </c>
      <c r="K3661" s="9" t="s">
        <v>15800</v>
      </c>
      <c r="L3661" s="10" t="s">
        <v>22</v>
      </c>
      <c r="M3661" s="10" t="s">
        <v>22</v>
      </c>
      <c r="N3661" s="10" t="s">
        <v>22</v>
      </c>
      <c r="O3661" s="10" t="s">
        <v>22</v>
      </c>
      <c r="P3661" s="10" t="s">
        <v>22</v>
      </c>
      <c r="Q3661" s="10" t="s">
        <v>22</v>
      </c>
      <c r="R3661" s="10" t="s">
        <v>22</v>
      </c>
      <c r="S3661" s="10" t="s">
        <v>22</v>
      </c>
      <c r="T3661" s="10" t="s">
        <v>22</v>
      </c>
      <c r="V3661" s="10" t="s">
        <v>22</v>
      </c>
      <c r="W3661" s="10" t="s">
        <v>22</v>
      </c>
      <c r="Y3661" s="10" t="s">
        <v>22</v>
      </c>
      <c r="Z3661" s="10" t="s">
        <v>22</v>
      </c>
    </row>
    <row r="3662" spans="1:26" ht="24" customHeight="1" x14ac:dyDescent="0.2">
      <c r="A3662" s="9" t="s">
        <v>20826</v>
      </c>
      <c r="B3662" s="9" t="s">
        <v>15137</v>
      </c>
      <c r="C3662" s="9" t="s">
        <v>1007</v>
      </c>
      <c r="D3662" s="6" t="s">
        <v>15801</v>
      </c>
      <c r="E3662" s="22">
        <v>44596</v>
      </c>
      <c r="F3662" s="22">
        <v>46421</v>
      </c>
      <c r="G3662" s="6" t="s">
        <v>15802</v>
      </c>
      <c r="H3662" s="6" t="s">
        <v>18</v>
      </c>
      <c r="I3662" s="6" t="s">
        <v>67</v>
      </c>
      <c r="J3662" s="6" t="s">
        <v>15803</v>
      </c>
      <c r="K3662" s="9" t="s">
        <v>15804</v>
      </c>
      <c r="L3662" s="10" t="s">
        <v>22</v>
      </c>
      <c r="M3662" s="10" t="s">
        <v>22</v>
      </c>
      <c r="N3662" s="10" t="s">
        <v>22</v>
      </c>
      <c r="O3662" s="10" t="s">
        <v>22</v>
      </c>
      <c r="P3662" s="10" t="s">
        <v>22</v>
      </c>
      <c r="Q3662" s="10" t="s">
        <v>22</v>
      </c>
      <c r="R3662" s="10" t="s">
        <v>22</v>
      </c>
      <c r="S3662" s="10" t="s">
        <v>22</v>
      </c>
      <c r="T3662" s="10" t="s">
        <v>22</v>
      </c>
      <c r="U3662" s="10" t="s">
        <v>22</v>
      </c>
      <c r="V3662" s="10" t="s">
        <v>22</v>
      </c>
      <c r="W3662" s="10" t="s">
        <v>22</v>
      </c>
      <c r="X3662" s="10" t="s">
        <v>22</v>
      </c>
      <c r="Y3662" s="10" t="s">
        <v>22</v>
      </c>
      <c r="Z3662" s="10" t="s">
        <v>22</v>
      </c>
    </row>
    <row r="3663" spans="1:26" ht="24" customHeight="1" x14ac:dyDescent="0.2">
      <c r="A3663" s="9" t="s">
        <v>20827</v>
      </c>
      <c r="B3663" s="9" t="s">
        <v>15137</v>
      </c>
      <c r="C3663" s="9" t="s">
        <v>17193</v>
      </c>
      <c r="D3663" s="6" t="s">
        <v>15805</v>
      </c>
      <c r="E3663" s="22">
        <v>44651</v>
      </c>
      <c r="F3663" s="22">
        <v>46476</v>
      </c>
      <c r="G3663" s="6" t="s">
        <v>15806</v>
      </c>
      <c r="H3663" s="6" t="s">
        <v>18</v>
      </c>
      <c r="I3663" s="6" t="s">
        <v>67</v>
      </c>
      <c r="J3663" s="6" t="s">
        <v>15807</v>
      </c>
      <c r="K3663" s="9" t="s">
        <v>15808</v>
      </c>
      <c r="L3663" s="10" t="s">
        <v>22</v>
      </c>
      <c r="M3663" s="10" t="s">
        <v>22</v>
      </c>
      <c r="N3663" s="10" t="s">
        <v>22</v>
      </c>
      <c r="O3663" s="10" t="s">
        <v>22</v>
      </c>
      <c r="P3663" s="10" t="s">
        <v>22</v>
      </c>
      <c r="Q3663" s="10" t="s">
        <v>22</v>
      </c>
      <c r="R3663" s="10" t="s">
        <v>22</v>
      </c>
      <c r="S3663" s="10" t="s">
        <v>22</v>
      </c>
      <c r="T3663" s="10" t="s">
        <v>22</v>
      </c>
      <c r="U3663" s="10" t="s">
        <v>22</v>
      </c>
      <c r="V3663" s="10" t="s">
        <v>22</v>
      </c>
      <c r="W3663" s="10" t="s">
        <v>22</v>
      </c>
      <c r="X3663" s="10" t="s">
        <v>22</v>
      </c>
      <c r="Y3663" s="10" t="s">
        <v>22</v>
      </c>
      <c r="Z3663" s="10" t="s">
        <v>22</v>
      </c>
    </row>
    <row r="3664" spans="1:26" ht="24" customHeight="1" x14ac:dyDescent="0.2">
      <c r="A3664" s="9" t="s">
        <v>20828</v>
      </c>
      <c r="B3664" s="9" t="s">
        <v>15137</v>
      </c>
      <c r="C3664" s="9" t="s">
        <v>14468</v>
      </c>
      <c r="D3664" s="6" t="s">
        <v>15809</v>
      </c>
      <c r="E3664" s="22">
        <v>44670</v>
      </c>
      <c r="F3664" s="22">
        <v>46495</v>
      </c>
      <c r="G3664" s="6" t="s">
        <v>15810</v>
      </c>
      <c r="H3664" s="6" t="s">
        <v>18</v>
      </c>
      <c r="I3664" s="6" t="s">
        <v>15174</v>
      </c>
      <c r="J3664" s="6" t="s">
        <v>15811</v>
      </c>
      <c r="K3664" s="9" t="s">
        <v>15812</v>
      </c>
      <c r="L3664" s="10" t="s">
        <v>22</v>
      </c>
      <c r="M3664" s="10" t="s">
        <v>22</v>
      </c>
      <c r="N3664" s="10" t="s">
        <v>22</v>
      </c>
      <c r="O3664" s="10" t="s">
        <v>22</v>
      </c>
      <c r="P3664" s="10" t="s">
        <v>22</v>
      </c>
      <c r="Q3664" s="10" t="s">
        <v>22</v>
      </c>
      <c r="R3664" s="10" t="s">
        <v>22</v>
      </c>
      <c r="S3664" s="10" t="s">
        <v>22</v>
      </c>
      <c r="T3664" s="10" t="s">
        <v>22</v>
      </c>
      <c r="U3664" s="10" t="s">
        <v>22</v>
      </c>
      <c r="V3664" s="10" t="s">
        <v>22</v>
      </c>
      <c r="W3664" s="10" t="s">
        <v>22</v>
      </c>
      <c r="X3664" s="10" t="s">
        <v>22</v>
      </c>
      <c r="Y3664" s="10" t="s">
        <v>22</v>
      </c>
      <c r="Z3664" s="10" t="s">
        <v>22</v>
      </c>
    </row>
    <row r="3665" spans="1:26" ht="24" customHeight="1" x14ac:dyDescent="0.2">
      <c r="A3665" s="9" t="s">
        <v>20829</v>
      </c>
      <c r="B3665" s="9" t="s">
        <v>15137</v>
      </c>
      <c r="C3665" s="9" t="s">
        <v>1012</v>
      </c>
      <c r="D3665" s="6" t="s">
        <v>15813</v>
      </c>
      <c r="E3665" s="22">
        <v>44698</v>
      </c>
      <c r="F3665" s="22">
        <v>46523</v>
      </c>
      <c r="G3665" s="6" t="s">
        <v>15814</v>
      </c>
      <c r="H3665" s="6" t="s">
        <v>18</v>
      </c>
      <c r="I3665" s="6" t="s">
        <v>15174</v>
      </c>
      <c r="J3665" s="6" t="s">
        <v>15815</v>
      </c>
      <c r="K3665" s="9" t="s">
        <v>15816</v>
      </c>
      <c r="L3665" s="10" t="s">
        <v>22</v>
      </c>
      <c r="M3665" s="10" t="s">
        <v>22</v>
      </c>
      <c r="N3665" s="10" t="s">
        <v>22</v>
      </c>
      <c r="O3665" s="10" t="s">
        <v>22</v>
      </c>
      <c r="P3665" s="10" t="s">
        <v>22</v>
      </c>
      <c r="Q3665" s="10" t="s">
        <v>22</v>
      </c>
      <c r="U3665" s="10" t="s">
        <v>22</v>
      </c>
      <c r="V3665" s="10" t="s">
        <v>22</v>
      </c>
      <c r="W3665" s="10" t="s">
        <v>22</v>
      </c>
      <c r="X3665" s="10" t="s">
        <v>22</v>
      </c>
      <c r="Y3665" s="10" t="s">
        <v>22</v>
      </c>
      <c r="Z3665" s="10" t="s">
        <v>22</v>
      </c>
    </row>
    <row r="3666" spans="1:26" ht="24" customHeight="1" x14ac:dyDescent="0.2">
      <c r="A3666" s="9" t="s">
        <v>20830</v>
      </c>
      <c r="B3666" s="9" t="s">
        <v>15137</v>
      </c>
      <c r="C3666" s="9" t="s">
        <v>14477</v>
      </c>
      <c r="D3666" s="6" t="s">
        <v>15817</v>
      </c>
      <c r="E3666" s="22">
        <v>44715</v>
      </c>
      <c r="F3666" s="22">
        <v>46540</v>
      </c>
      <c r="G3666" s="6" t="s">
        <v>15818</v>
      </c>
      <c r="H3666" s="6" t="s">
        <v>18</v>
      </c>
      <c r="I3666" s="6" t="s">
        <v>67</v>
      </c>
      <c r="J3666" s="6" t="s">
        <v>15819</v>
      </c>
      <c r="K3666" s="9" t="s">
        <v>15820</v>
      </c>
      <c r="L3666" s="10" t="s">
        <v>22</v>
      </c>
      <c r="M3666" s="10" t="s">
        <v>22</v>
      </c>
      <c r="N3666" s="10" t="s">
        <v>22</v>
      </c>
      <c r="O3666" s="10" t="s">
        <v>22</v>
      </c>
      <c r="P3666" s="10" t="s">
        <v>22</v>
      </c>
      <c r="Q3666" s="10" t="s">
        <v>22</v>
      </c>
      <c r="R3666" s="10" t="s">
        <v>22</v>
      </c>
      <c r="S3666" s="10" t="s">
        <v>22</v>
      </c>
      <c r="T3666" s="10" t="s">
        <v>22</v>
      </c>
      <c r="U3666" s="10" t="s">
        <v>22</v>
      </c>
      <c r="V3666" s="10" t="s">
        <v>22</v>
      </c>
      <c r="W3666" s="10" t="s">
        <v>22</v>
      </c>
      <c r="X3666" s="10" t="s">
        <v>22</v>
      </c>
      <c r="Y3666" s="10" t="s">
        <v>22</v>
      </c>
      <c r="Z3666" s="10" t="s">
        <v>22</v>
      </c>
    </row>
    <row r="3667" spans="1:26" ht="24" customHeight="1" x14ac:dyDescent="0.2">
      <c r="A3667" s="9" t="s">
        <v>20831</v>
      </c>
      <c r="B3667" s="9" t="s">
        <v>15137</v>
      </c>
      <c r="C3667" s="9" t="s">
        <v>14481</v>
      </c>
      <c r="D3667" s="6" t="s">
        <v>15821</v>
      </c>
      <c r="E3667" s="22">
        <v>44798</v>
      </c>
      <c r="F3667" s="22">
        <v>46623</v>
      </c>
      <c r="G3667" s="6" t="s">
        <v>15822</v>
      </c>
      <c r="H3667" s="6" t="s">
        <v>18</v>
      </c>
      <c r="I3667" s="6" t="s">
        <v>3615</v>
      </c>
      <c r="J3667" s="6" t="s">
        <v>15823</v>
      </c>
      <c r="K3667" s="9" t="s">
        <v>15824</v>
      </c>
      <c r="L3667" s="10" t="s">
        <v>22</v>
      </c>
      <c r="M3667" s="10" t="s">
        <v>22</v>
      </c>
      <c r="N3667" s="10" t="s">
        <v>22</v>
      </c>
      <c r="O3667" s="10" t="s">
        <v>22</v>
      </c>
      <c r="P3667" s="10" t="s">
        <v>22</v>
      </c>
      <c r="Q3667" s="10" t="s">
        <v>22</v>
      </c>
      <c r="R3667" s="10" t="s">
        <v>22</v>
      </c>
      <c r="S3667" s="10" t="s">
        <v>22</v>
      </c>
      <c r="T3667" s="10" t="s">
        <v>22</v>
      </c>
      <c r="U3667" s="10" t="s">
        <v>22</v>
      </c>
      <c r="V3667" s="10" t="s">
        <v>22</v>
      </c>
      <c r="W3667" s="10" t="s">
        <v>22</v>
      </c>
      <c r="X3667" s="10" t="s">
        <v>22</v>
      </c>
      <c r="Y3667" s="10" t="s">
        <v>22</v>
      </c>
      <c r="Z3667" s="10" t="s">
        <v>22</v>
      </c>
    </row>
    <row r="3668" spans="1:26" ht="24" customHeight="1" x14ac:dyDescent="0.2">
      <c r="A3668" s="9" t="s">
        <v>20832</v>
      </c>
      <c r="B3668" s="9" t="s">
        <v>15137</v>
      </c>
      <c r="C3668" s="9" t="s">
        <v>1017</v>
      </c>
      <c r="D3668" s="6" t="s">
        <v>15825</v>
      </c>
      <c r="E3668" s="22">
        <v>44812</v>
      </c>
      <c r="F3668" s="22">
        <v>46637</v>
      </c>
      <c r="G3668" s="6" t="s">
        <v>15826</v>
      </c>
      <c r="H3668" s="6" t="s">
        <v>18</v>
      </c>
      <c r="I3668" s="6" t="s">
        <v>67</v>
      </c>
      <c r="J3668" s="6" t="s">
        <v>15827</v>
      </c>
      <c r="K3668" s="9" t="s">
        <v>15828</v>
      </c>
      <c r="L3668" s="10" t="s">
        <v>22</v>
      </c>
      <c r="M3668" s="10" t="s">
        <v>22</v>
      </c>
      <c r="N3668" s="10" t="s">
        <v>22</v>
      </c>
      <c r="O3668" s="10" t="s">
        <v>22</v>
      </c>
      <c r="P3668" s="10" t="s">
        <v>22</v>
      </c>
      <c r="Q3668" s="10" t="s">
        <v>22</v>
      </c>
      <c r="R3668" s="10" t="s">
        <v>22</v>
      </c>
      <c r="S3668" s="10" t="s">
        <v>22</v>
      </c>
      <c r="T3668" s="10" t="s">
        <v>22</v>
      </c>
      <c r="U3668" s="10" t="s">
        <v>22</v>
      </c>
      <c r="V3668" s="10" t="s">
        <v>22</v>
      </c>
      <c r="W3668" s="10" t="s">
        <v>22</v>
      </c>
      <c r="X3668" s="10" t="s">
        <v>22</v>
      </c>
      <c r="Y3668" s="10" t="s">
        <v>22</v>
      </c>
      <c r="Z3668" s="10" t="s">
        <v>22</v>
      </c>
    </row>
    <row r="3669" spans="1:26" ht="24" customHeight="1" x14ac:dyDescent="0.2">
      <c r="A3669" s="9" t="s">
        <v>20833</v>
      </c>
      <c r="B3669" s="9" t="s">
        <v>15137</v>
      </c>
      <c r="C3669" s="9" t="s">
        <v>14486</v>
      </c>
      <c r="D3669" s="6" t="s">
        <v>15829</v>
      </c>
      <c r="E3669" s="22">
        <v>44858</v>
      </c>
      <c r="F3669" s="22">
        <v>46683</v>
      </c>
      <c r="G3669" s="6" t="s">
        <v>15830</v>
      </c>
      <c r="H3669" s="6" t="s">
        <v>18</v>
      </c>
      <c r="I3669" s="6" t="s">
        <v>7031</v>
      </c>
      <c r="J3669" s="6" t="s">
        <v>15831</v>
      </c>
      <c r="K3669" s="9" t="s">
        <v>15832</v>
      </c>
      <c r="L3669" s="10" t="s">
        <v>22</v>
      </c>
      <c r="M3669" s="10" t="s">
        <v>22</v>
      </c>
      <c r="N3669" s="10" t="s">
        <v>22</v>
      </c>
    </row>
    <row r="3670" spans="1:26" ht="24" customHeight="1" x14ac:dyDescent="0.2">
      <c r="A3670" s="9" t="s">
        <v>20834</v>
      </c>
      <c r="B3670" s="9" t="s">
        <v>15137</v>
      </c>
      <c r="C3670" s="9" t="s">
        <v>1022</v>
      </c>
      <c r="D3670" s="6" t="s">
        <v>17194</v>
      </c>
      <c r="E3670" s="22">
        <v>44867</v>
      </c>
      <c r="F3670" s="22">
        <v>46692</v>
      </c>
      <c r="G3670" s="6" t="s">
        <v>17195</v>
      </c>
      <c r="H3670" s="6" t="s">
        <v>18</v>
      </c>
      <c r="I3670" s="6" t="s">
        <v>522</v>
      </c>
      <c r="J3670" s="6" t="s">
        <v>15898</v>
      </c>
      <c r="K3670" s="9" t="s">
        <v>17196</v>
      </c>
      <c r="L3670" s="10" t="s">
        <v>22</v>
      </c>
      <c r="M3670" s="10" t="s">
        <v>22</v>
      </c>
      <c r="N3670" s="10" t="s">
        <v>22</v>
      </c>
      <c r="O3670" s="10" t="s">
        <v>22</v>
      </c>
      <c r="P3670" s="10" t="s">
        <v>22</v>
      </c>
      <c r="Q3670" s="10" t="s">
        <v>22</v>
      </c>
      <c r="R3670" s="10" t="s">
        <v>22</v>
      </c>
      <c r="S3670" s="10" t="s">
        <v>22</v>
      </c>
      <c r="T3670" s="10" t="s">
        <v>22</v>
      </c>
      <c r="U3670" s="10" t="s">
        <v>22</v>
      </c>
      <c r="V3670" s="10" t="s">
        <v>22</v>
      </c>
      <c r="W3670" s="10" t="s">
        <v>22</v>
      </c>
      <c r="X3670" s="10" t="s">
        <v>22</v>
      </c>
      <c r="Y3670" s="10" t="s">
        <v>22</v>
      </c>
      <c r="Z3670" s="10" t="s">
        <v>22</v>
      </c>
    </row>
    <row r="3671" spans="1:26" ht="24" customHeight="1" x14ac:dyDescent="0.2">
      <c r="A3671" s="9" t="s">
        <v>20835</v>
      </c>
      <c r="B3671" s="9" t="s">
        <v>15137</v>
      </c>
      <c r="C3671" s="9" t="s">
        <v>14491</v>
      </c>
      <c r="D3671" s="6" t="s">
        <v>15833</v>
      </c>
      <c r="E3671" s="22">
        <v>44881</v>
      </c>
      <c r="F3671" s="22">
        <v>46706</v>
      </c>
      <c r="G3671" s="6" t="s">
        <v>15834</v>
      </c>
      <c r="H3671" s="6" t="s">
        <v>18</v>
      </c>
      <c r="I3671" s="6" t="s">
        <v>522</v>
      </c>
      <c r="J3671" s="6" t="s">
        <v>15835</v>
      </c>
      <c r="K3671" s="9" t="s">
        <v>15836</v>
      </c>
      <c r="L3671" s="10" t="s">
        <v>22</v>
      </c>
      <c r="M3671" s="10" t="s">
        <v>22</v>
      </c>
      <c r="N3671" s="10" t="s">
        <v>22</v>
      </c>
      <c r="O3671" s="10" t="s">
        <v>22</v>
      </c>
      <c r="P3671" s="10" t="s">
        <v>22</v>
      </c>
      <c r="Q3671" s="10" t="s">
        <v>22</v>
      </c>
      <c r="U3671" s="10" t="s">
        <v>22</v>
      </c>
      <c r="V3671" s="10" t="s">
        <v>22</v>
      </c>
      <c r="W3671" s="10" t="s">
        <v>22</v>
      </c>
      <c r="X3671" s="10" t="s">
        <v>22</v>
      </c>
      <c r="Y3671" s="10" t="s">
        <v>22</v>
      </c>
      <c r="Z3671" s="10" t="s">
        <v>22</v>
      </c>
    </row>
    <row r="3672" spans="1:26" ht="24" customHeight="1" x14ac:dyDescent="0.2">
      <c r="A3672" s="9" t="s">
        <v>20836</v>
      </c>
      <c r="B3672" s="9" t="s">
        <v>15137</v>
      </c>
      <c r="C3672" s="9" t="s">
        <v>1030</v>
      </c>
      <c r="D3672" s="6" t="s">
        <v>15837</v>
      </c>
      <c r="E3672" s="22">
        <v>44908</v>
      </c>
      <c r="F3672" s="22">
        <v>46733</v>
      </c>
      <c r="G3672" s="6" t="s">
        <v>15838</v>
      </c>
      <c r="H3672" s="6" t="s">
        <v>18</v>
      </c>
      <c r="I3672" s="6" t="s">
        <v>67</v>
      </c>
      <c r="J3672" s="6" t="s">
        <v>15839</v>
      </c>
      <c r="K3672" s="9" t="s">
        <v>15840</v>
      </c>
      <c r="L3672" s="10" t="s">
        <v>22</v>
      </c>
      <c r="M3672" s="10" t="s">
        <v>22</v>
      </c>
      <c r="N3672" s="10" t="s">
        <v>22</v>
      </c>
      <c r="O3672" s="10" t="s">
        <v>22</v>
      </c>
      <c r="P3672" s="10" t="s">
        <v>22</v>
      </c>
      <c r="Q3672" s="10" t="s">
        <v>22</v>
      </c>
      <c r="R3672" s="10" t="s">
        <v>22</v>
      </c>
      <c r="S3672" s="10" t="s">
        <v>22</v>
      </c>
      <c r="T3672" s="10" t="s">
        <v>22</v>
      </c>
    </row>
    <row r="3673" spans="1:26" ht="24" customHeight="1" x14ac:dyDescent="0.2">
      <c r="A3673" s="9" t="s">
        <v>20837</v>
      </c>
      <c r="B3673" s="9" t="s">
        <v>15137</v>
      </c>
      <c r="C3673" s="9" t="s">
        <v>1035</v>
      </c>
      <c r="D3673" s="6" t="s">
        <v>15841</v>
      </c>
      <c r="E3673" s="22">
        <v>44918</v>
      </c>
      <c r="F3673" s="22">
        <v>46743</v>
      </c>
      <c r="G3673" s="6" t="s">
        <v>15842</v>
      </c>
      <c r="H3673" s="6" t="s">
        <v>18</v>
      </c>
      <c r="I3673" s="6" t="s">
        <v>522</v>
      </c>
      <c r="J3673" s="6" t="s">
        <v>15843</v>
      </c>
      <c r="K3673" s="9" t="s">
        <v>15844</v>
      </c>
      <c r="L3673" s="10" t="s">
        <v>22</v>
      </c>
      <c r="M3673" s="10" t="s">
        <v>22</v>
      </c>
      <c r="N3673" s="10" t="s">
        <v>22</v>
      </c>
      <c r="O3673" s="10" t="s">
        <v>22</v>
      </c>
      <c r="P3673" s="10" t="s">
        <v>22</v>
      </c>
      <c r="Q3673" s="10" t="s">
        <v>22</v>
      </c>
      <c r="R3673" s="10" t="s">
        <v>22</v>
      </c>
      <c r="S3673" s="10" t="s">
        <v>22</v>
      </c>
      <c r="T3673" s="10" t="s">
        <v>22</v>
      </c>
      <c r="U3673" s="10" t="s">
        <v>22</v>
      </c>
      <c r="V3673" s="10" t="s">
        <v>22</v>
      </c>
      <c r="W3673" s="10" t="s">
        <v>22</v>
      </c>
      <c r="X3673" s="10" t="s">
        <v>22</v>
      </c>
      <c r="Y3673" s="10" t="s">
        <v>22</v>
      </c>
      <c r="Z3673" s="10" t="s">
        <v>22</v>
      </c>
    </row>
    <row r="3674" spans="1:26" ht="24" customHeight="1" x14ac:dyDescent="0.2">
      <c r="A3674" s="9" t="s">
        <v>20838</v>
      </c>
      <c r="B3674" s="9" t="s">
        <v>15137</v>
      </c>
      <c r="C3674" s="9" t="s">
        <v>14499</v>
      </c>
      <c r="D3674" s="6" t="s">
        <v>15845</v>
      </c>
      <c r="E3674" s="22">
        <v>44949</v>
      </c>
      <c r="F3674" s="22">
        <v>46774</v>
      </c>
      <c r="G3674" s="6" t="s">
        <v>15846</v>
      </c>
      <c r="H3674" s="6" t="s">
        <v>18</v>
      </c>
      <c r="I3674" s="6" t="s">
        <v>727</v>
      </c>
      <c r="J3674" s="6" t="s">
        <v>15847</v>
      </c>
      <c r="K3674" s="9" t="s">
        <v>15848</v>
      </c>
      <c r="L3674" s="10" t="s">
        <v>22</v>
      </c>
      <c r="M3674" s="10" t="s">
        <v>22</v>
      </c>
      <c r="N3674" s="10" t="s">
        <v>22</v>
      </c>
      <c r="O3674" s="10" t="s">
        <v>22</v>
      </c>
      <c r="P3674" s="10" t="s">
        <v>22</v>
      </c>
      <c r="Q3674" s="10" t="s">
        <v>22</v>
      </c>
      <c r="U3674" s="10" t="s">
        <v>22</v>
      </c>
      <c r="V3674" s="10" t="s">
        <v>22</v>
      </c>
      <c r="W3674" s="10" t="s">
        <v>22</v>
      </c>
      <c r="X3674" s="10" t="s">
        <v>22</v>
      </c>
      <c r="Y3674" s="10" t="s">
        <v>22</v>
      </c>
      <c r="Z3674" s="10" t="s">
        <v>22</v>
      </c>
    </row>
    <row r="3675" spans="1:26" ht="24" customHeight="1" x14ac:dyDescent="0.2">
      <c r="A3675" s="9" t="s">
        <v>20839</v>
      </c>
      <c r="B3675" s="9" t="s">
        <v>15137</v>
      </c>
      <c r="C3675" s="9" t="s">
        <v>14504</v>
      </c>
      <c r="D3675" s="6" t="s">
        <v>15849</v>
      </c>
      <c r="E3675" s="22">
        <v>44971</v>
      </c>
      <c r="F3675" s="22">
        <v>46796</v>
      </c>
      <c r="G3675" s="6" t="s">
        <v>15850</v>
      </c>
      <c r="H3675" s="6" t="s">
        <v>18</v>
      </c>
      <c r="I3675" s="6" t="s">
        <v>67</v>
      </c>
      <c r="J3675" s="6" t="s">
        <v>15851</v>
      </c>
      <c r="K3675" s="9" t="s">
        <v>15852</v>
      </c>
      <c r="N3675" s="10" t="s">
        <v>22</v>
      </c>
      <c r="W3675" s="10" t="s">
        <v>22</v>
      </c>
    </row>
    <row r="3676" spans="1:26" ht="24" customHeight="1" x14ac:dyDescent="0.2">
      <c r="A3676" s="9" t="s">
        <v>20840</v>
      </c>
      <c r="B3676" s="9" t="s">
        <v>15137</v>
      </c>
      <c r="C3676" s="9" t="s">
        <v>14509</v>
      </c>
      <c r="D3676" s="6" t="s">
        <v>15853</v>
      </c>
      <c r="E3676" s="22">
        <v>44971</v>
      </c>
      <c r="F3676" s="22">
        <v>46796</v>
      </c>
      <c r="G3676" s="6" t="s">
        <v>15854</v>
      </c>
      <c r="H3676" s="6" t="s">
        <v>18</v>
      </c>
      <c r="I3676" s="6" t="s">
        <v>67</v>
      </c>
      <c r="J3676" s="6" t="s">
        <v>15855</v>
      </c>
      <c r="K3676" s="9" t="s">
        <v>15856</v>
      </c>
      <c r="L3676" s="10" t="s">
        <v>22</v>
      </c>
      <c r="M3676" s="10" t="s">
        <v>22</v>
      </c>
      <c r="N3676" s="10" t="s">
        <v>22</v>
      </c>
      <c r="O3676" s="10" t="s">
        <v>22</v>
      </c>
      <c r="P3676" s="10" t="s">
        <v>22</v>
      </c>
      <c r="Q3676" s="10" t="s">
        <v>22</v>
      </c>
      <c r="R3676" s="10" t="s">
        <v>22</v>
      </c>
      <c r="S3676" s="10" t="s">
        <v>22</v>
      </c>
      <c r="T3676" s="10" t="s">
        <v>22</v>
      </c>
      <c r="U3676" s="10" t="s">
        <v>22</v>
      </c>
      <c r="V3676" s="10" t="s">
        <v>22</v>
      </c>
      <c r="W3676" s="10" t="s">
        <v>22</v>
      </c>
      <c r="X3676" s="10" t="s">
        <v>22</v>
      </c>
      <c r="Y3676" s="10" t="s">
        <v>22</v>
      </c>
      <c r="Z3676" s="10" t="s">
        <v>22</v>
      </c>
    </row>
    <row r="3677" spans="1:26" ht="24" customHeight="1" x14ac:dyDescent="0.2">
      <c r="A3677" s="9" t="s">
        <v>20841</v>
      </c>
      <c r="B3677" s="9" t="s">
        <v>15137</v>
      </c>
      <c r="C3677" s="9" t="s">
        <v>14514</v>
      </c>
      <c r="D3677" s="6" t="s">
        <v>15857</v>
      </c>
      <c r="E3677" s="22">
        <v>45028</v>
      </c>
      <c r="F3677" s="22">
        <v>46854</v>
      </c>
      <c r="G3677" s="6" t="s">
        <v>15858</v>
      </c>
      <c r="H3677" s="6" t="s">
        <v>18</v>
      </c>
      <c r="I3677" s="6" t="s">
        <v>3615</v>
      </c>
      <c r="J3677" s="6" t="s">
        <v>15859</v>
      </c>
      <c r="K3677" s="9" t="s">
        <v>17197</v>
      </c>
      <c r="L3677" s="10" t="s">
        <v>22</v>
      </c>
      <c r="M3677" s="10" t="s">
        <v>22</v>
      </c>
      <c r="N3677" s="10" t="s">
        <v>22</v>
      </c>
      <c r="P3677" s="10" t="s">
        <v>22</v>
      </c>
      <c r="Q3677" s="10" t="s">
        <v>22</v>
      </c>
      <c r="S3677" s="10" t="s">
        <v>22</v>
      </c>
      <c r="T3677" s="10" t="s">
        <v>22</v>
      </c>
      <c r="U3677" s="10" t="s">
        <v>22</v>
      </c>
      <c r="V3677" s="10" t="s">
        <v>22</v>
      </c>
      <c r="W3677" s="10" t="s">
        <v>22</v>
      </c>
      <c r="Y3677" s="10" t="s">
        <v>22</v>
      </c>
      <c r="Z3677" s="10" t="s">
        <v>22</v>
      </c>
    </row>
    <row r="3678" spans="1:26" ht="24" customHeight="1" x14ac:dyDescent="0.2">
      <c r="A3678" s="9" t="s">
        <v>20842</v>
      </c>
      <c r="B3678" s="9" t="s">
        <v>15137</v>
      </c>
      <c r="C3678" s="9" t="s">
        <v>14519</v>
      </c>
      <c r="D3678" s="6" t="s">
        <v>15860</v>
      </c>
      <c r="E3678" s="22">
        <v>45084</v>
      </c>
      <c r="F3678" s="22">
        <v>46910</v>
      </c>
      <c r="G3678" s="6" t="s">
        <v>15861</v>
      </c>
      <c r="H3678" s="6" t="s">
        <v>18</v>
      </c>
      <c r="I3678" s="6" t="s">
        <v>67</v>
      </c>
      <c r="J3678" s="6" t="s">
        <v>15862</v>
      </c>
      <c r="K3678" s="9" t="s">
        <v>17198</v>
      </c>
      <c r="L3678" s="10" t="s">
        <v>22</v>
      </c>
      <c r="M3678" s="10" t="s">
        <v>22</v>
      </c>
      <c r="N3678" s="10" t="s">
        <v>22</v>
      </c>
      <c r="O3678" s="10" t="s">
        <v>22</v>
      </c>
      <c r="P3678" s="10" t="s">
        <v>22</v>
      </c>
      <c r="Q3678" s="10" t="s">
        <v>22</v>
      </c>
      <c r="R3678" s="10" t="s">
        <v>22</v>
      </c>
      <c r="S3678" s="10" t="s">
        <v>22</v>
      </c>
      <c r="T3678" s="10" t="s">
        <v>22</v>
      </c>
      <c r="U3678" s="10" t="s">
        <v>22</v>
      </c>
      <c r="V3678" s="10" t="s">
        <v>22</v>
      </c>
      <c r="W3678" s="10" t="s">
        <v>22</v>
      </c>
      <c r="X3678" s="10" t="s">
        <v>22</v>
      </c>
      <c r="Y3678" s="10" t="s">
        <v>22</v>
      </c>
      <c r="Z3678" s="10" t="s">
        <v>22</v>
      </c>
    </row>
    <row r="3679" spans="1:26" ht="24" customHeight="1" x14ac:dyDescent="0.2">
      <c r="A3679" s="9" t="s">
        <v>20843</v>
      </c>
      <c r="B3679" s="9" t="s">
        <v>15137</v>
      </c>
      <c r="C3679" s="9" t="s">
        <v>14524</v>
      </c>
      <c r="D3679" s="6" t="s">
        <v>15863</v>
      </c>
      <c r="E3679" s="22">
        <v>45097</v>
      </c>
      <c r="F3679" s="22">
        <v>46923</v>
      </c>
      <c r="G3679" s="6" t="s">
        <v>15864</v>
      </c>
      <c r="H3679" s="6" t="s">
        <v>18</v>
      </c>
      <c r="I3679" s="6" t="s">
        <v>67</v>
      </c>
      <c r="J3679" s="6" t="s">
        <v>15865</v>
      </c>
      <c r="K3679" s="9" t="s">
        <v>17199</v>
      </c>
      <c r="L3679" s="10" t="s">
        <v>22</v>
      </c>
      <c r="M3679" s="10" t="s">
        <v>22</v>
      </c>
      <c r="N3679" s="10" t="s">
        <v>22</v>
      </c>
      <c r="U3679" s="10" t="s">
        <v>22</v>
      </c>
      <c r="V3679" s="10" t="s">
        <v>22</v>
      </c>
      <c r="W3679" s="10" t="s">
        <v>22</v>
      </c>
    </row>
    <row r="3680" spans="1:26" ht="24" customHeight="1" x14ac:dyDescent="0.2">
      <c r="A3680" s="9" t="s">
        <v>20844</v>
      </c>
      <c r="B3680" s="9" t="s">
        <v>15137</v>
      </c>
      <c r="C3680" s="9" t="s">
        <v>1039</v>
      </c>
      <c r="D3680" s="6" t="s">
        <v>15866</v>
      </c>
      <c r="E3680" s="22">
        <v>45105</v>
      </c>
      <c r="F3680" s="22">
        <v>46931</v>
      </c>
      <c r="G3680" s="6" t="s">
        <v>15867</v>
      </c>
      <c r="H3680" s="6" t="s">
        <v>18</v>
      </c>
      <c r="I3680" s="6" t="s">
        <v>67</v>
      </c>
      <c r="J3680" s="6" t="s">
        <v>15868</v>
      </c>
      <c r="K3680" s="9" t="s">
        <v>17200</v>
      </c>
      <c r="L3680" s="10" t="s">
        <v>22</v>
      </c>
      <c r="M3680" s="10" t="s">
        <v>22</v>
      </c>
      <c r="N3680" s="10" t="s">
        <v>22</v>
      </c>
      <c r="O3680" s="10" t="s">
        <v>22</v>
      </c>
      <c r="P3680" s="10" t="s">
        <v>22</v>
      </c>
      <c r="Q3680" s="10" t="s">
        <v>22</v>
      </c>
      <c r="R3680" s="10" t="s">
        <v>22</v>
      </c>
      <c r="S3680" s="10" t="s">
        <v>22</v>
      </c>
      <c r="T3680" s="10" t="s">
        <v>22</v>
      </c>
      <c r="U3680" s="10" t="s">
        <v>22</v>
      </c>
      <c r="V3680" s="10" t="s">
        <v>22</v>
      </c>
      <c r="W3680" s="10" t="s">
        <v>22</v>
      </c>
      <c r="X3680" s="10" t="s">
        <v>22</v>
      </c>
      <c r="Y3680" s="10" t="s">
        <v>22</v>
      </c>
      <c r="Z3680" s="10" t="s">
        <v>22</v>
      </c>
    </row>
    <row r="3681" spans="1:26" ht="24" customHeight="1" x14ac:dyDescent="0.2">
      <c r="A3681" s="9" t="s">
        <v>20845</v>
      </c>
      <c r="B3681" s="9" t="s">
        <v>15137</v>
      </c>
      <c r="C3681" s="9" t="s">
        <v>14529</v>
      </c>
      <c r="D3681" s="6" t="s">
        <v>15869</v>
      </c>
      <c r="E3681" s="22">
        <v>45118</v>
      </c>
      <c r="F3681" s="22">
        <v>46944</v>
      </c>
      <c r="G3681" s="6" t="s">
        <v>15870</v>
      </c>
      <c r="H3681" s="6" t="s">
        <v>18</v>
      </c>
      <c r="I3681" s="6" t="s">
        <v>15338</v>
      </c>
      <c r="J3681" s="6" t="s">
        <v>15871</v>
      </c>
      <c r="K3681" s="9" t="s">
        <v>17201</v>
      </c>
      <c r="L3681" s="10" t="s">
        <v>22</v>
      </c>
      <c r="M3681" s="10" t="s">
        <v>22</v>
      </c>
      <c r="N3681" s="10" t="s">
        <v>22</v>
      </c>
      <c r="O3681" s="10" t="s">
        <v>22</v>
      </c>
      <c r="P3681" s="10" t="s">
        <v>22</v>
      </c>
      <c r="Q3681" s="10" t="s">
        <v>22</v>
      </c>
      <c r="R3681" s="10" t="s">
        <v>22</v>
      </c>
      <c r="S3681" s="10" t="s">
        <v>22</v>
      </c>
      <c r="T3681" s="10" t="s">
        <v>22</v>
      </c>
      <c r="U3681" s="10" t="s">
        <v>22</v>
      </c>
      <c r="V3681" s="10" t="s">
        <v>22</v>
      </c>
      <c r="W3681" s="10" t="s">
        <v>22</v>
      </c>
      <c r="X3681" s="10" t="s">
        <v>22</v>
      </c>
      <c r="Y3681" s="10" t="s">
        <v>22</v>
      </c>
      <c r="Z3681" s="10" t="s">
        <v>22</v>
      </c>
    </row>
    <row r="3682" spans="1:26" ht="24" customHeight="1" x14ac:dyDescent="0.2">
      <c r="A3682" s="9" t="s">
        <v>20846</v>
      </c>
      <c r="B3682" s="9" t="s">
        <v>15137</v>
      </c>
      <c r="C3682" s="9" t="s">
        <v>14538</v>
      </c>
      <c r="D3682" s="6" t="s">
        <v>15872</v>
      </c>
      <c r="E3682" s="22">
        <v>45189</v>
      </c>
      <c r="F3682" s="22">
        <v>47015</v>
      </c>
      <c r="G3682" s="6" t="s">
        <v>15873</v>
      </c>
      <c r="H3682" s="6" t="s">
        <v>18</v>
      </c>
      <c r="I3682" s="6" t="s">
        <v>67</v>
      </c>
      <c r="J3682" s="6" t="s">
        <v>15874</v>
      </c>
      <c r="K3682" s="9" t="s">
        <v>17202</v>
      </c>
      <c r="L3682" s="10" t="s">
        <v>22</v>
      </c>
      <c r="M3682" s="10" t="s">
        <v>22</v>
      </c>
      <c r="N3682" s="10" t="s">
        <v>22</v>
      </c>
    </row>
    <row r="3683" spans="1:26" ht="24" customHeight="1" x14ac:dyDescent="0.2">
      <c r="A3683" s="9" t="s">
        <v>20847</v>
      </c>
      <c r="B3683" s="9" t="s">
        <v>15137</v>
      </c>
      <c r="C3683" s="9" t="s">
        <v>15875</v>
      </c>
      <c r="D3683" s="6" t="s">
        <v>15876</v>
      </c>
      <c r="E3683" s="22">
        <v>45189</v>
      </c>
      <c r="F3683" s="22">
        <v>47015</v>
      </c>
      <c r="G3683" s="6" t="s">
        <v>15877</v>
      </c>
      <c r="H3683" s="6" t="s">
        <v>18</v>
      </c>
      <c r="I3683" s="6" t="s">
        <v>3615</v>
      </c>
      <c r="J3683" s="6" t="s">
        <v>15878</v>
      </c>
      <c r="L3683" s="10" t="s">
        <v>22</v>
      </c>
      <c r="M3683" s="10" t="s">
        <v>22</v>
      </c>
      <c r="N3683" s="10" t="s">
        <v>22</v>
      </c>
      <c r="U3683" s="10" t="s">
        <v>22</v>
      </c>
      <c r="V3683" s="10" t="s">
        <v>22</v>
      </c>
      <c r="W3683" s="10" t="s">
        <v>22</v>
      </c>
    </row>
    <row r="3684" spans="1:26" ht="24" customHeight="1" x14ac:dyDescent="0.2">
      <c r="A3684" s="9" t="s">
        <v>20848</v>
      </c>
      <c r="B3684" s="9" t="s">
        <v>15137</v>
      </c>
      <c r="C3684" s="9" t="s">
        <v>1063</v>
      </c>
      <c r="D3684" s="6" t="s">
        <v>15879</v>
      </c>
      <c r="E3684" s="22">
        <v>45215</v>
      </c>
      <c r="F3684" s="22">
        <v>47041</v>
      </c>
      <c r="G3684" s="6" t="s">
        <v>15880</v>
      </c>
      <c r="H3684" s="6" t="s">
        <v>18</v>
      </c>
      <c r="I3684" s="6" t="s">
        <v>522</v>
      </c>
      <c r="J3684" s="6" t="s">
        <v>15881</v>
      </c>
      <c r="K3684" s="9" t="s">
        <v>17203</v>
      </c>
      <c r="L3684" s="10" t="s">
        <v>22</v>
      </c>
      <c r="M3684" s="10" t="s">
        <v>22</v>
      </c>
      <c r="N3684" s="10" t="s">
        <v>22</v>
      </c>
      <c r="O3684" s="10" t="s">
        <v>22</v>
      </c>
      <c r="P3684" s="10" t="s">
        <v>22</v>
      </c>
      <c r="Q3684" s="10" t="s">
        <v>22</v>
      </c>
      <c r="R3684" s="10" t="s">
        <v>22</v>
      </c>
      <c r="S3684" s="10" t="s">
        <v>22</v>
      </c>
      <c r="T3684" s="10" t="s">
        <v>22</v>
      </c>
    </row>
    <row r="3685" spans="1:26" ht="24" customHeight="1" x14ac:dyDescent="0.2">
      <c r="A3685" s="9" t="s">
        <v>20849</v>
      </c>
      <c r="B3685" s="9" t="s">
        <v>15137</v>
      </c>
      <c r="C3685" s="9" t="s">
        <v>14547</v>
      </c>
      <c r="D3685" s="6" t="s">
        <v>15882</v>
      </c>
      <c r="E3685" s="22">
        <v>45243</v>
      </c>
      <c r="F3685" s="22">
        <v>47069</v>
      </c>
      <c r="G3685" s="6" t="s">
        <v>15883</v>
      </c>
      <c r="H3685" s="6" t="s">
        <v>18</v>
      </c>
      <c r="I3685" s="6" t="s">
        <v>15174</v>
      </c>
      <c r="J3685" s="6" t="s">
        <v>15884</v>
      </c>
      <c r="K3685" s="9" t="s">
        <v>17204</v>
      </c>
      <c r="L3685" s="10" t="s">
        <v>22</v>
      </c>
      <c r="M3685" s="10" t="s">
        <v>22</v>
      </c>
      <c r="N3685" s="10" t="s">
        <v>22</v>
      </c>
      <c r="O3685" s="10" t="s">
        <v>22</v>
      </c>
      <c r="P3685" s="10" t="s">
        <v>22</v>
      </c>
      <c r="Q3685" s="10" t="s">
        <v>22</v>
      </c>
      <c r="U3685" s="10" t="s">
        <v>22</v>
      </c>
      <c r="V3685" s="10" t="s">
        <v>22</v>
      </c>
      <c r="W3685" s="10" t="s">
        <v>22</v>
      </c>
      <c r="X3685" s="10" t="s">
        <v>22</v>
      </c>
      <c r="Y3685" s="10" t="s">
        <v>22</v>
      </c>
      <c r="Z3685" s="10" t="s">
        <v>22</v>
      </c>
    </row>
    <row r="3686" spans="1:26" ht="24" customHeight="1" x14ac:dyDescent="0.2">
      <c r="A3686" s="9" t="s">
        <v>20850</v>
      </c>
      <c r="B3686" s="9" t="s">
        <v>15137</v>
      </c>
      <c r="C3686" s="9" t="s">
        <v>14552</v>
      </c>
      <c r="D3686" s="6" t="s">
        <v>15885</v>
      </c>
      <c r="E3686" s="22">
        <v>45254</v>
      </c>
      <c r="F3686" s="22">
        <v>47080</v>
      </c>
      <c r="G3686" s="6" t="s">
        <v>15886</v>
      </c>
      <c r="H3686" s="6" t="s">
        <v>18</v>
      </c>
      <c r="I3686" s="6" t="s">
        <v>522</v>
      </c>
      <c r="J3686" s="6" t="s">
        <v>15887</v>
      </c>
      <c r="K3686" s="9" t="s">
        <v>17205</v>
      </c>
      <c r="L3686" s="10" t="s">
        <v>22</v>
      </c>
      <c r="M3686" s="10" t="s">
        <v>22</v>
      </c>
      <c r="N3686" s="10" t="s">
        <v>22</v>
      </c>
      <c r="O3686" s="10" t="s">
        <v>22</v>
      </c>
      <c r="P3686" s="10" t="s">
        <v>22</v>
      </c>
      <c r="Q3686" s="10" t="s">
        <v>22</v>
      </c>
      <c r="R3686" s="10" t="s">
        <v>22</v>
      </c>
      <c r="S3686" s="10" t="s">
        <v>22</v>
      </c>
      <c r="T3686" s="10" t="s">
        <v>22</v>
      </c>
      <c r="U3686" s="10" t="s">
        <v>22</v>
      </c>
      <c r="V3686" s="10" t="s">
        <v>22</v>
      </c>
      <c r="W3686" s="10" t="s">
        <v>22</v>
      </c>
      <c r="X3686" s="10" t="s">
        <v>22</v>
      </c>
      <c r="Y3686" s="10" t="s">
        <v>22</v>
      </c>
      <c r="Z3686" s="10" t="s">
        <v>22</v>
      </c>
    </row>
    <row r="3687" spans="1:26" ht="24" customHeight="1" x14ac:dyDescent="0.2">
      <c r="A3687" s="9" t="s">
        <v>20851</v>
      </c>
      <c r="B3687" s="9" t="s">
        <v>15137</v>
      </c>
      <c r="C3687" s="9" t="s">
        <v>1069</v>
      </c>
      <c r="D3687" s="6" t="s">
        <v>15888</v>
      </c>
      <c r="E3687" s="22">
        <v>45254</v>
      </c>
      <c r="F3687" s="22">
        <v>47080</v>
      </c>
      <c r="G3687" s="6" t="s">
        <v>15889</v>
      </c>
      <c r="H3687" s="6" t="s">
        <v>18</v>
      </c>
      <c r="I3687" s="6" t="s">
        <v>727</v>
      </c>
      <c r="J3687" s="6" t="s">
        <v>15890</v>
      </c>
      <c r="L3687" s="10" t="s">
        <v>22</v>
      </c>
      <c r="M3687" s="10" t="s">
        <v>22</v>
      </c>
      <c r="N3687" s="10" t="s">
        <v>22</v>
      </c>
      <c r="O3687" s="10" t="s">
        <v>22</v>
      </c>
      <c r="P3687" s="10" t="s">
        <v>22</v>
      </c>
      <c r="Q3687" s="10" t="s">
        <v>22</v>
      </c>
      <c r="R3687" s="10" t="s">
        <v>22</v>
      </c>
      <c r="S3687" s="10" t="s">
        <v>22</v>
      </c>
      <c r="T3687" s="10" t="s">
        <v>22</v>
      </c>
      <c r="U3687" s="10" t="s">
        <v>22</v>
      </c>
      <c r="V3687" s="10" t="s">
        <v>22</v>
      </c>
      <c r="W3687" s="10" t="s">
        <v>22</v>
      </c>
      <c r="X3687" s="10" t="s">
        <v>22</v>
      </c>
      <c r="Y3687" s="10" t="s">
        <v>22</v>
      </c>
      <c r="Z3687" s="10" t="s">
        <v>22</v>
      </c>
    </row>
    <row r="3688" spans="1:26" ht="24" customHeight="1" x14ac:dyDescent="0.2">
      <c r="A3688" s="9" t="s">
        <v>20852</v>
      </c>
      <c r="B3688" s="9" t="s">
        <v>15137</v>
      </c>
      <c r="C3688" s="9" t="s">
        <v>14557</v>
      </c>
      <c r="D3688" s="6" t="s">
        <v>15891</v>
      </c>
      <c r="E3688" s="22">
        <v>45254</v>
      </c>
      <c r="F3688" s="22">
        <v>47080</v>
      </c>
      <c r="G3688" s="6" t="s">
        <v>15892</v>
      </c>
      <c r="H3688" s="6" t="s">
        <v>18</v>
      </c>
      <c r="I3688" s="6" t="s">
        <v>7031</v>
      </c>
      <c r="J3688" s="6" t="s">
        <v>15893</v>
      </c>
      <c r="K3688" s="9" t="s">
        <v>17206</v>
      </c>
      <c r="M3688" s="10" t="s">
        <v>22</v>
      </c>
      <c r="N3688" s="10" t="s">
        <v>22</v>
      </c>
      <c r="V3688" s="10" t="s">
        <v>22</v>
      </c>
      <c r="W3688" s="10" t="s">
        <v>22</v>
      </c>
    </row>
    <row r="3689" spans="1:26" ht="34" customHeight="1" x14ac:dyDescent="0.2">
      <c r="A3689" s="9" t="s">
        <v>20853</v>
      </c>
      <c r="B3689" s="9" t="s">
        <v>15137</v>
      </c>
      <c r="C3689" s="9" t="s">
        <v>15894</v>
      </c>
      <c r="D3689" s="6" t="s">
        <v>4498</v>
      </c>
      <c r="E3689" s="22">
        <v>45254</v>
      </c>
      <c r="F3689" s="22">
        <v>47080</v>
      </c>
      <c r="G3689" s="6" t="s">
        <v>4499</v>
      </c>
      <c r="H3689" s="6" t="s">
        <v>18</v>
      </c>
      <c r="I3689" s="6" t="s">
        <v>522</v>
      </c>
      <c r="J3689" s="6" t="s">
        <v>15895</v>
      </c>
      <c r="K3689" s="9" t="s">
        <v>17207</v>
      </c>
      <c r="L3689" s="10" t="s">
        <v>22</v>
      </c>
      <c r="M3689" s="10" t="s">
        <v>22</v>
      </c>
      <c r="N3689" s="10" t="s">
        <v>22</v>
      </c>
      <c r="O3689" s="10" t="s">
        <v>22</v>
      </c>
      <c r="P3689" s="10" t="s">
        <v>22</v>
      </c>
      <c r="Q3689" s="10" t="s">
        <v>22</v>
      </c>
      <c r="R3689" s="10" t="s">
        <v>22</v>
      </c>
      <c r="S3689" s="10" t="s">
        <v>22</v>
      </c>
      <c r="T3689" s="10" t="s">
        <v>22</v>
      </c>
      <c r="U3689" s="10" t="s">
        <v>22</v>
      </c>
      <c r="V3689" s="10" t="s">
        <v>22</v>
      </c>
      <c r="W3689" s="10" t="s">
        <v>22</v>
      </c>
      <c r="X3689" s="10" t="s">
        <v>22</v>
      </c>
      <c r="Y3689" s="10" t="s">
        <v>22</v>
      </c>
      <c r="Z3689" s="10" t="s">
        <v>22</v>
      </c>
    </row>
    <row r="3690" spans="1:26" ht="24" customHeight="1" x14ac:dyDescent="0.2">
      <c r="A3690" s="9" t="s">
        <v>20854</v>
      </c>
      <c r="B3690" s="9" t="s">
        <v>15137</v>
      </c>
      <c r="C3690" s="9" t="s">
        <v>14562</v>
      </c>
      <c r="D3690" s="6" t="s">
        <v>15896</v>
      </c>
      <c r="E3690" s="22">
        <v>45259</v>
      </c>
      <c r="F3690" s="22">
        <v>47085</v>
      </c>
      <c r="G3690" s="6" t="s">
        <v>15897</v>
      </c>
      <c r="H3690" s="6" t="s">
        <v>18</v>
      </c>
      <c r="I3690" s="6" t="s">
        <v>522</v>
      </c>
      <c r="J3690" s="6" t="s">
        <v>15898</v>
      </c>
      <c r="K3690" s="9" t="s">
        <v>17208</v>
      </c>
      <c r="L3690" s="10" t="s">
        <v>22</v>
      </c>
      <c r="M3690" s="10" t="s">
        <v>22</v>
      </c>
      <c r="N3690" s="10" t="s">
        <v>22</v>
      </c>
      <c r="O3690" s="10" t="s">
        <v>22</v>
      </c>
      <c r="P3690" s="10" t="s">
        <v>22</v>
      </c>
      <c r="Q3690" s="10" t="s">
        <v>22</v>
      </c>
      <c r="R3690" s="10" t="s">
        <v>22</v>
      </c>
      <c r="S3690" s="10" t="s">
        <v>22</v>
      </c>
      <c r="T3690" s="10" t="s">
        <v>22</v>
      </c>
      <c r="U3690" s="10" t="s">
        <v>22</v>
      </c>
      <c r="V3690" s="10" t="s">
        <v>22</v>
      </c>
      <c r="W3690" s="10" t="s">
        <v>22</v>
      </c>
      <c r="X3690" s="10" t="s">
        <v>22</v>
      </c>
      <c r="Y3690" s="10" t="s">
        <v>22</v>
      </c>
      <c r="Z3690" s="10" t="s">
        <v>22</v>
      </c>
    </row>
    <row r="3691" spans="1:26" ht="24" customHeight="1" x14ac:dyDescent="0.2">
      <c r="A3691" s="9" t="s">
        <v>20855</v>
      </c>
      <c r="B3691" s="9" t="s">
        <v>15137</v>
      </c>
      <c r="C3691" s="9" t="s">
        <v>14567</v>
      </c>
      <c r="D3691" s="6" t="s">
        <v>15899</v>
      </c>
      <c r="E3691" s="22">
        <v>45278</v>
      </c>
      <c r="F3691" s="22">
        <v>47104</v>
      </c>
      <c r="G3691" s="6" t="s">
        <v>15900</v>
      </c>
      <c r="H3691" s="6" t="s">
        <v>18</v>
      </c>
      <c r="I3691" s="6" t="s">
        <v>67</v>
      </c>
      <c r="J3691" s="6" t="s">
        <v>15901</v>
      </c>
      <c r="K3691" s="9" t="s">
        <v>17209</v>
      </c>
      <c r="L3691" s="10" t="s">
        <v>22</v>
      </c>
      <c r="M3691" s="10" t="s">
        <v>22</v>
      </c>
      <c r="N3691" s="10" t="s">
        <v>22</v>
      </c>
      <c r="O3691" s="10" t="s">
        <v>22</v>
      </c>
      <c r="P3691" s="10" t="s">
        <v>22</v>
      </c>
      <c r="Q3691" s="10" t="s">
        <v>22</v>
      </c>
      <c r="R3691" s="10" t="s">
        <v>22</v>
      </c>
      <c r="S3691" s="10" t="s">
        <v>22</v>
      </c>
      <c r="T3691" s="10" t="s">
        <v>22</v>
      </c>
      <c r="U3691" s="10" t="s">
        <v>22</v>
      </c>
      <c r="V3691" s="10" t="s">
        <v>22</v>
      </c>
      <c r="W3691" s="10" t="s">
        <v>22</v>
      </c>
      <c r="X3691" s="10" t="s">
        <v>22</v>
      </c>
      <c r="Y3691" s="10" t="s">
        <v>22</v>
      </c>
      <c r="Z3691" s="10" t="s">
        <v>22</v>
      </c>
    </row>
    <row r="3692" spans="1:26" ht="24" customHeight="1" x14ac:dyDescent="0.2">
      <c r="A3692" s="9" t="s">
        <v>20856</v>
      </c>
      <c r="B3692" s="9" t="s">
        <v>15137</v>
      </c>
      <c r="C3692" s="9" t="s">
        <v>1073</v>
      </c>
      <c r="D3692" s="6" t="s">
        <v>15902</v>
      </c>
      <c r="E3692" s="22">
        <v>45278</v>
      </c>
      <c r="F3692" s="22">
        <v>47104</v>
      </c>
      <c r="G3692" s="6" t="s">
        <v>15903</v>
      </c>
      <c r="H3692" s="6" t="s">
        <v>18</v>
      </c>
      <c r="I3692" s="6" t="s">
        <v>522</v>
      </c>
      <c r="J3692" s="6" t="s">
        <v>15904</v>
      </c>
      <c r="K3692" s="9" t="s">
        <v>17210</v>
      </c>
      <c r="L3692" s="10" t="s">
        <v>22</v>
      </c>
      <c r="M3692" s="10" t="s">
        <v>22</v>
      </c>
      <c r="N3692" s="10" t="s">
        <v>22</v>
      </c>
      <c r="O3692" s="10" t="s">
        <v>22</v>
      </c>
      <c r="P3692" s="10" t="s">
        <v>22</v>
      </c>
      <c r="Q3692" s="10" t="s">
        <v>22</v>
      </c>
      <c r="R3692" s="10" t="s">
        <v>22</v>
      </c>
      <c r="S3692" s="10" t="s">
        <v>22</v>
      </c>
      <c r="T3692" s="10" t="s">
        <v>22</v>
      </c>
      <c r="U3692" s="10" t="s">
        <v>22</v>
      </c>
      <c r="V3692" s="10" t="s">
        <v>22</v>
      </c>
      <c r="W3692" s="10" t="s">
        <v>22</v>
      </c>
      <c r="X3692" s="10" t="s">
        <v>22</v>
      </c>
      <c r="Y3692" s="10" t="s">
        <v>22</v>
      </c>
      <c r="Z3692" s="10" t="s">
        <v>22</v>
      </c>
    </row>
    <row r="3693" spans="1:26" ht="24" customHeight="1" x14ac:dyDescent="0.2">
      <c r="A3693" s="9" t="s">
        <v>20857</v>
      </c>
      <c r="B3693" s="9" t="s">
        <v>15137</v>
      </c>
      <c r="C3693" s="9" t="s">
        <v>1078</v>
      </c>
      <c r="D3693" s="6" t="s">
        <v>15905</v>
      </c>
      <c r="E3693" s="22">
        <v>45281</v>
      </c>
      <c r="F3693" s="22">
        <v>47107</v>
      </c>
      <c r="G3693" s="6" t="s">
        <v>15906</v>
      </c>
      <c r="H3693" s="6" t="s">
        <v>18</v>
      </c>
      <c r="I3693" s="6" t="s">
        <v>522</v>
      </c>
      <c r="J3693" s="6" t="s">
        <v>15907</v>
      </c>
      <c r="K3693" s="9" t="s">
        <v>17211</v>
      </c>
      <c r="L3693" s="10" t="s">
        <v>22</v>
      </c>
      <c r="M3693" s="10" t="s">
        <v>22</v>
      </c>
      <c r="N3693" s="10" t="s">
        <v>22</v>
      </c>
      <c r="O3693" s="10" t="s">
        <v>22</v>
      </c>
      <c r="P3693" s="10" t="s">
        <v>22</v>
      </c>
      <c r="Q3693" s="10" t="s">
        <v>22</v>
      </c>
      <c r="U3693" s="10" t="s">
        <v>22</v>
      </c>
      <c r="V3693" s="10" t="s">
        <v>22</v>
      </c>
      <c r="W3693" s="10" t="s">
        <v>22</v>
      </c>
      <c r="X3693" s="10" t="s">
        <v>22</v>
      </c>
      <c r="Y3693" s="10" t="s">
        <v>22</v>
      </c>
      <c r="Z3693" s="10" t="s">
        <v>22</v>
      </c>
    </row>
    <row r="3694" spans="1:26" ht="24" customHeight="1" x14ac:dyDescent="0.2">
      <c r="A3694" s="9" t="s">
        <v>20858</v>
      </c>
      <c r="B3694" s="9" t="s">
        <v>15137</v>
      </c>
      <c r="C3694" s="9" t="s">
        <v>1083</v>
      </c>
      <c r="D3694" s="6" t="s">
        <v>15908</v>
      </c>
      <c r="E3694" s="22">
        <v>45286</v>
      </c>
      <c r="F3694" s="22">
        <v>47112</v>
      </c>
      <c r="G3694" s="6" t="s">
        <v>15909</v>
      </c>
      <c r="H3694" s="6" t="s">
        <v>18</v>
      </c>
      <c r="I3694" s="6" t="s">
        <v>522</v>
      </c>
      <c r="J3694" s="6" t="s">
        <v>15910</v>
      </c>
      <c r="K3694" s="9" t="s">
        <v>17212</v>
      </c>
      <c r="M3694" s="10" t="s">
        <v>22</v>
      </c>
      <c r="N3694" s="10" t="s">
        <v>22</v>
      </c>
      <c r="V3694" s="10" t="s">
        <v>22</v>
      </c>
      <c r="W3694" s="10" t="s">
        <v>22</v>
      </c>
    </row>
    <row r="3695" spans="1:26" ht="24" customHeight="1" x14ac:dyDescent="0.2">
      <c r="A3695" s="9" t="s">
        <v>20859</v>
      </c>
      <c r="B3695" s="9" t="s">
        <v>15137</v>
      </c>
      <c r="C3695" s="9" t="s">
        <v>1088</v>
      </c>
      <c r="D3695" s="6" t="s">
        <v>15911</v>
      </c>
      <c r="E3695" s="22">
        <v>45307</v>
      </c>
      <c r="F3695" s="22">
        <v>47133</v>
      </c>
      <c r="G3695" s="6" t="s">
        <v>15912</v>
      </c>
      <c r="H3695" s="6" t="s">
        <v>18</v>
      </c>
      <c r="I3695" s="6" t="s">
        <v>522</v>
      </c>
      <c r="J3695" s="6" t="s">
        <v>3680</v>
      </c>
      <c r="K3695" s="9" t="s">
        <v>17213</v>
      </c>
      <c r="L3695" s="10" t="s">
        <v>22</v>
      </c>
      <c r="M3695" s="10" t="s">
        <v>22</v>
      </c>
      <c r="N3695" s="10" t="s">
        <v>22</v>
      </c>
      <c r="O3695" s="10" t="s">
        <v>22</v>
      </c>
      <c r="P3695" s="10" t="s">
        <v>22</v>
      </c>
      <c r="Q3695" s="10" t="s">
        <v>22</v>
      </c>
    </row>
    <row r="3696" spans="1:26" ht="24" customHeight="1" x14ac:dyDescent="0.2">
      <c r="A3696" s="9" t="s">
        <v>20860</v>
      </c>
      <c r="B3696" s="9" t="s">
        <v>15137</v>
      </c>
      <c r="C3696" s="9" t="s">
        <v>1092</v>
      </c>
      <c r="D3696" s="6" t="s">
        <v>15913</v>
      </c>
      <c r="E3696" s="22">
        <v>45320</v>
      </c>
      <c r="F3696" s="22">
        <v>47146</v>
      </c>
      <c r="G3696" s="6" t="s">
        <v>17214</v>
      </c>
      <c r="H3696" s="6" t="s">
        <v>18</v>
      </c>
      <c r="I3696" s="6" t="s">
        <v>15174</v>
      </c>
      <c r="J3696" s="6" t="s">
        <v>17215</v>
      </c>
      <c r="K3696" s="9" t="s">
        <v>17216</v>
      </c>
      <c r="L3696" s="10" t="s">
        <v>22</v>
      </c>
      <c r="M3696" s="10" t="s">
        <v>22</v>
      </c>
      <c r="N3696" s="10" t="s">
        <v>22</v>
      </c>
      <c r="O3696" s="10" t="s">
        <v>22</v>
      </c>
      <c r="P3696" s="10" t="s">
        <v>22</v>
      </c>
      <c r="Q3696" s="10" t="s">
        <v>22</v>
      </c>
      <c r="R3696" s="10" t="s">
        <v>22</v>
      </c>
      <c r="S3696" s="10" t="s">
        <v>22</v>
      </c>
      <c r="T3696" s="10" t="s">
        <v>22</v>
      </c>
      <c r="U3696" s="10" t="s">
        <v>22</v>
      </c>
      <c r="V3696" s="10" t="s">
        <v>22</v>
      </c>
      <c r="W3696" s="10" t="s">
        <v>22</v>
      </c>
      <c r="X3696" s="10" t="s">
        <v>22</v>
      </c>
      <c r="Y3696" s="10" t="s">
        <v>22</v>
      </c>
      <c r="Z3696" s="10" t="s">
        <v>22</v>
      </c>
    </row>
    <row r="3697" spans="1:26" ht="24" customHeight="1" x14ac:dyDescent="0.2">
      <c r="A3697" s="9" t="s">
        <v>20861</v>
      </c>
      <c r="B3697" s="9" t="s">
        <v>15137</v>
      </c>
      <c r="C3697" s="9" t="s">
        <v>14584</v>
      </c>
      <c r="D3697" s="6" t="s">
        <v>15914</v>
      </c>
      <c r="E3697" s="22">
        <v>45337</v>
      </c>
      <c r="F3697" s="22">
        <v>47163</v>
      </c>
      <c r="G3697" s="6" t="s">
        <v>17217</v>
      </c>
      <c r="H3697" s="6" t="s">
        <v>18</v>
      </c>
      <c r="I3697" s="6" t="s">
        <v>15174</v>
      </c>
      <c r="J3697" s="6" t="s">
        <v>17218</v>
      </c>
      <c r="K3697" s="9" t="s">
        <v>17219</v>
      </c>
      <c r="L3697" s="10" t="s">
        <v>22</v>
      </c>
      <c r="M3697" s="10" t="s">
        <v>22</v>
      </c>
      <c r="N3697" s="10" t="s">
        <v>22</v>
      </c>
      <c r="O3697" s="10" t="s">
        <v>22</v>
      </c>
      <c r="P3697" s="10" t="s">
        <v>22</v>
      </c>
      <c r="Q3697" s="10" t="s">
        <v>22</v>
      </c>
      <c r="U3697" s="10" t="s">
        <v>22</v>
      </c>
      <c r="V3697" s="10" t="s">
        <v>22</v>
      </c>
      <c r="W3697" s="10" t="s">
        <v>22</v>
      </c>
      <c r="X3697" s="10" t="s">
        <v>22</v>
      </c>
      <c r="Y3697" s="10" t="s">
        <v>22</v>
      </c>
      <c r="Z3697" s="10" t="s">
        <v>22</v>
      </c>
    </row>
    <row r="3698" spans="1:26" ht="24" customHeight="1" x14ac:dyDescent="0.2">
      <c r="A3698" s="9" t="s">
        <v>20862</v>
      </c>
      <c r="B3698" s="9" t="s">
        <v>15137</v>
      </c>
      <c r="C3698" s="9" t="s">
        <v>1097</v>
      </c>
      <c r="D3698" s="6" t="s">
        <v>17220</v>
      </c>
      <c r="E3698" s="22">
        <v>45348</v>
      </c>
      <c r="F3698" s="22">
        <v>47174</v>
      </c>
      <c r="G3698" s="6" t="s">
        <v>15915</v>
      </c>
      <c r="H3698" s="6" t="s">
        <v>18</v>
      </c>
      <c r="I3698" s="6" t="s">
        <v>7031</v>
      </c>
      <c r="J3698" s="6" t="s">
        <v>17221</v>
      </c>
      <c r="K3698" s="9" t="s">
        <v>17222</v>
      </c>
      <c r="L3698" s="10" t="s">
        <v>22</v>
      </c>
      <c r="M3698" s="10" t="s">
        <v>22</v>
      </c>
      <c r="N3698" s="10" t="s">
        <v>22</v>
      </c>
      <c r="O3698" s="10" t="s">
        <v>22</v>
      </c>
      <c r="P3698" s="10" t="s">
        <v>22</v>
      </c>
      <c r="Q3698" s="10" t="s">
        <v>22</v>
      </c>
      <c r="U3698" s="10" t="s">
        <v>22</v>
      </c>
      <c r="V3698" s="10" t="s">
        <v>22</v>
      </c>
      <c r="W3698" s="10" t="s">
        <v>22</v>
      </c>
      <c r="X3698" s="10" t="s">
        <v>22</v>
      </c>
      <c r="Y3698" s="10" t="s">
        <v>22</v>
      </c>
      <c r="Z3698" s="10" t="s">
        <v>22</v>
      </c>
    </row>
    <row r="3699" spans="1:26" ht="24" customHeight="1" x14ac:dyDescent="0.2">
      <c r="A3699" s="9" t="s">
        <v>20863</v>
      </c>
      <c r="B3699" s="9" t="s">
        <v>15137</v>
      </c>
      <c r="C3699" s="9" t="s">
        <v>14589</v>
      </c>
      <c r="D3699" s="6" t="s">
        <v>17223</v>
      </c>
      <c r="E3699" s="22">
        <v>45348</v>
      </c>
      <c r="F3699" s="22">
        <v>47174</v>
      </c>
      <c r="G3699" s="6" t="s">
        <v>15916</v>
      </c>
      <c r="H3699" s="6" t="s">
        <v>18</v>
      </c>
      <c r="I3699" s="6" t="s">
        <v>15174</v>
      </c>
      <c r="J3699" s="6" t="s">
        <v>17224</v>
      </c>
      <c r="K3699" s="9" t="s">
        <v>17225</v>
      </c>
      <c r="M3699" s="10" t="s">
        <v>22</v>
      </c>
      <c r="N3699" s="10" t="s">
        <v>22</v>
      </c>
      <c r="W3699" s="10" t="s">
        <v>22</v>
      </c>
    </row>
    <row r="3700" spans="1:26" ht="24" customHeight="1" x14ac:dyDescent="0.2">
      <c r="A3700" s="9" t="s">
        <v>20864</v>
      </c>
      <c r="B3700" s="9" t="s">
        <v>15137</v>
      </c>
      <c r="C3700" s="9" t="s">
        <v>17226</v>
      </c>
      <c r="D3700" s="6" t="s">
        <v>17227</v>
      </c>
      <c r="E3700" s="22">
        <v>45359</v>
      </c>
      <c r="F3700" s="22">
        <v>47184</v>
      </c>
      <c r="G3700" s="6" t="s">
        <v>17228</v>
      </c>
      <c r="H3700" s="6" t="s">
        <v>18</v>
      </c>
      <c r="I3700" s="6" t="s">
        <v>522</v>
      </c>
      <c r="J3700" s="6" t="s">
        <v>17229</v>
      </c>
      <c r="L3700" s="10" t="s">
        <v>22</v>
      </c>
      <c r="M3700" s="10" t="s">
        <v>22</v>
      </c>
      <c r="N3700" s="10" t="s">
        <v>22</v>
      </c>
      <c r="U3700" s="10" t="s">
        <v>22</v>
      </c>
      <c r="V3700" s="10" t="s">
        <v>22</v>
      </c>
      <c r="W3700" s="10" t="s">
        <v>22</v>
      </c>
    </row>
    <row r="3701" spans="1:26" ht="24" customHeight="1" x14ac:dyDescent="0.2">
      <c r="A3701" s="9" t="s">
        <v>20865</v>
      </c>
      <c r="B3701" s="9" t="s">
        <v>15137</v>
      </c>
      <c r="C3701" s="9" t="s">
        <v>1102</v>
      </c>
      <c r="D3701" s="6" t="s">
        <v>17230</v>
      </c>
      <c r="E3701" s="22">
        <v>45397</v>
      </c>
      <c r="F3701" s="22">
        <v>47222</v>
      </c>
      <c r="G3701" s="6" t="s">
        <v>17231</v>
      </c>
      <c r="H3701" s="6" t="s">
        <v>18</v>
      </c>
      <c r="I3701" s="6" t="s">
        <v>522</v>
      </c>
      <c r="J3701" s="6" t="s">
        <v>17232</v>
      </c>
      <c r="L3701" s="10" t="s">
        <v>22</v>
      </c>
      <c r="M3701" s="10" t="s">
        <v>22</v>
      </c>
      <c r="N3701" s="10" t="s">
        <v>22</v>
      </c>
      <c r="O3701" s="10" t="s">
        <v>22</v>
      </c>
      <c r="P3701" s="10" t="s">
        <v>22</v>
      </c>
      <c r="Q3701" s="10" t="s">
        <v>22</v>
      </c>
      <c r="R3701" s="10" t="s">
        <v>22</v>
      </c>
      <c r="S3701" s="10" t="s">
        <v>22</v>
      </c>
      <c r="T3701" s="10" t="s">
        <v>22</v>
      </c>
      <c r="U3701" s="10" t="s">
        <v>22</v>
      </c>
      <c r="V3701" s="10" t="s">
        <v>22</v>
      </c>
      <c r="W3701" s="10" t="s">
        <v>22</v>
      </c>
      <c r="X3701" s="10" t="s">
        <v>22</v>
      </c>
      <c r="Y3701" s="10" t="s">
        <v>22</v>
      </c>
      <c r="Z3701" s="10" t="s">
        <v>22</v>
      </c>
    </row>
    <row r="3702" spans="1:26" ht="24" customHeight="1" x14ac:dyDescent="0.2">
      <c r="A3702" s="9" t="s">
        <v>20866</v>
      </c>
      <c r="B3702" s="9" t="s">
        <v>15137</v>
      </c>
      <c r="C3702" s="9" t="s">
        <v>1107</v>
      </c>
      <c r="D3702" s="6" t="s">
        <v>17233</v>
      </c>
      <c r="E3702" s="22">
        <v>45469</v>
      </c>
      <c r="F3702" s="22">
        <v>47294</v>
      </c>
      <c r="G3702" s="6" t="s">
        <v>17234</v>
      </c>
      <c r="H3702" s="6" t="s">
        <v>18</v>
      </c>
      <c r="I3702" s="6" t="s">
        <v>522</v>
      </c>
      <c r="J3702" s="6" t="s">
        <v>17235</v>
      </c>
      <c r="L3702" s="10" t="s">
        <v>22</v>
      </c>
      <c r="M3702" s="10" t="s">
        <v>22</v>
      </c>
      <c r="N3702" s="10" t="s">
        <v>22</v>
      </c>
      <c r="O3702" s="10" t="s">
        <v>22</v>
      </c>
      <c r="P3702" s="10" t="s">
        <v>22</v>
      </c>
      <c r="Q3702" s="10" t="s">
        <v>22</v>
      </c>
      <c r="R3702" s="10" t="s">
        <v>22</v>
      </c>
      <c r="S3702" s="10" t="s">
        <v>22</v>
      </c>
      <c r="T3702" s="10" t="s">
        <v>22</v>
      </c>
      <c r="U3702" s="10" t="s">
        <v>22</v>
      </c>
      <c r="V3702" s="10" t="s">
        <v>22</v>
      </c>
      <c r="W3702" s="10" t="s">
        <v>22</v>
      </c>
      <c r="X3702" s="10" t="s">
        <v>22</v>
      </c>
      <c r="Y3702" s="10" t="s">
        <v>22</v>
      </c>
      <c r="Z3702" s="10" t="s">
        <v>22</v>
      </c>
    </row>
    <row r="3703" spans="1:26" ht="24" customHeight="1" x14ac:dyDescent="0.2">
      <c r="A3703" s="9" t="s">
        <v>20867</v>
      </c>
      <c r="B3703" s="9" t="s">
        <v>15137</v>
      </c>
      <c r="C3703" s="9" t="s">
        <v>1112</v>
      </c>
      <c r="D3703" s="6" t="s">
        <v>17236</v>
      </c>
      <c r="E3703" s="22">
        <v>45474</v>
      </c>
      <c r="F3703" s="22">
        <v>47299</v>
      </c>
      <c r="G3703" s="6" t="s">
        <v>17237</v>
      </c>
      <c r="H3703" s="6" t="s">
        <v>18</v>
      </c>
      <c r="I3703" s="6" t="s">
        <v>727</v>
      </c>
      <c r="J3703" s="6" t="s">
        <v>17238</v>
      </c>
      <c r="L3703" s="10" t="s">
        <v>22</v>
      </c>
      <c r="M3703" s="10" t="s">
        <v>22</v>
      </c>
      <c r="N3703" s="10" t="s">
        <v>22</v>
      </c>
      <c r="O3703" s="10" t="s">
        <v>22</v>
      </c>
      <c r="P3703" s="10" t="s">
        <v>22</v>
      </c>
      <c r="Q3703" s="10" t="s">
        <v>22</v>
      </c>
      <c r="U3703" s="10" t="s">
        <v>22</v>
      </c>
      <c r="V3703" s="10" t="s">
        <v>22</v>
      </c>
      <c r="W3703" s="10" t="s">
        <v>22</v>
      </c>
      <c r="X3703" s="10" t="s">
        <v>22</v>
      </c>
      <c r="Y3703" s="10" t="s">
        <v>22</v>
      </c>
      <c r="Z3703" s="10" t="s">
        <v>22</v>
      </c>
    </row>
    <row r="3704" spans="1:26" ht="24" customHeight="1" x14ac:dyDescent="0.2">
      <c r="A3704" s="9" t="s">
        <v>20868</v>
      </c>
      <c r="B3704" s="9" t="s">
        <v>15137</v>
      </c>
      <c r="C3704" s="9" t="s">
        <v>1117</v>
      </c>
      <c r="D3704" s="6" t="s">
        <v>15491</v>
      </c>
      <c r="E3704" s="22">
        <v>45506</v>
      </c>
      <c r="F3704" s="22">
        <v>47331</v>
      </c>
      <c r="G3704" s="6" t="s">
        <v>15492</v>
      </c>
      <c r="H3704" s="6" t="s">
        <v>18</v>
      </c>
      <c r="I3704" s="6" t="s">
        <v>727</v>
      </c>
      <c r="J3704" s="6" t="s">
        <v>15493</v>
      </c>
      <c r="L3704" s="10" t="s">
        <v>22</v>
      </c>
      <c r="M3704" s="10" t="s">
        <v>22</v>
      </c>
      <c r="N3704" s="10" t="s">
        <v>22</v>
      </c>
      <c r="O3704" s="10" t="s">
        <v>22</v>
      </c>
      <c r="P3704" s="10" t="s">
        <v>22</v>
      </c>
      <c r="Q3704" s="10" t="s">
        <v>22</v>
      </c>
      <c r="R3704" s="10" t="s">
        <v>22</v>
      </c>
      <c r="S3704" s="10" t="s">
        <v>22</v>
      </c>
      <c r="T3704" s="10" t="s">
        <v>22</v>
      </c>
      <c r="U3704" s="10" t="s">
        <v>22</v>
      </c>
      <c r="V3704" s="10" t="s">
        <v>22</v>
      </c>
      <c r="W3704" s="10" t="s">
        <v>22</v>
      </c>
      <c r="X3704" s="10" t="s">
        <v>22</v>
      </c>
      <c r="Y3704" s="10" t="s">
        <v>22</v>
      </c>
      <c r="Z3704" s="10" t="s">
        <v>22</v>
      </c>
    </row>
    <row r="3705" spans="1:26" ht="24" customHeight="1" x14ac:dyDescent="0.2">
      <c r="A3705" s="9" t="s">
        <v>20869</v>
      </c>
      <c r="B3705" s="9" t="s">
        <v>15137</v>
      </c>
      <c r="C3705" s="9" t="s">
        <v>17239</v>
      </c>
      <c r="D3705" s="6" t="s">
        <v>17240</v>
      </c>
      <c r="E3705" s="22">
        <v>45504</v>
      </c>
      <c r="F3705" s="22">
        <v>47329</v>
      </c>
      <c r="G3705" s="6" t="s">
        <v>17241</v>
      </c>
      <c r="H3705" s="6" t="s">
        <v>18</v>
      </c>
      <c r="I3705" s="6" t="s">
        <v>67</v>
      </c>
      <c r="J3705" s="6" t="s">
        <v>17242</v>
      </c>
      <c r="M3705" s="10" t="s">
        <v>22</v>
      </c>
      <c r="V3705" s="10" t="s">
        <v>22</v>
      </c>
    </row>
    <row r="3706" spans="1:26" ht="24" customHeight="1" x14ac:dyDescent="0.2">
      <c r="A3706" s="9" t="s">
        <v>20870</v>
      </c>
      <c r="B3706" s="9" t="s">
        <v>15137</v>
      </c>
      <c r="C3706" s="9" t="s">
        <v>17243</v>
      </c>
      <c r="D3706" s="6" t="s">
        <v>17244</v>
      </c>
      <c r="E3706" s="22">
        <v>45517</v>
      </c>
      <c r="F3706" s="22">
        <v>47342</v>
      </c>
      <c r="G3706" s="6" t="s">
        <v>17245</v>
      </c>
      <c r="H3706" s="6" t="s">
        <v>18</v>
      </c>
      <c r="I3706" s="6" t="s">
        <v>522</v>
      </c>
      <c r="J3706" s="6" t="s">
        <v>17246</v>
      </c>
      <c r="L3706" s="10" t="s">
        <v>22</v>
      </c>
      <c r="M3706" s="10" t="s">
        <v>22</v>
      </c>
      <c r="N3706" s="10" t="s">
        <v>22</v>
      </c>
      <c r="O3706" s="10" t="s">
        <v>22</v>
      </c>
      <c r="P3706" s="10" t="s">
        <v>22</v>
      </c>
      <c r="Q3706" s="10" t="s">
        <v>22</v>
      </c>
      <c r="R3706" s="10" t="s">
        <v>22</v>
      </c>
      <c r="S3706" s="10" t="s">
        <v>22</v>
      </c>
      <c r="T3706" s="10" t="s">
        <v>22</v>
      </c>
      <c r="U3706" s="10" t="s">
        <v>22</v>
      </c>
      <c r="V3706" s="10" t="s">
        <v>22</v>
      </c>
      <c r="W3706" s="10" t="s">
        <v>22</v>
      </c>
      <c r="X3706" s="10" t="s">
        <v>22</v>
      </c>
      <c r="Y3706" s="10" t="s">
        <v>22</v>
      </c>
      <c r="Z3706" s="10" t="s">
        <v>22</v>
      </c>
    </row>
    <row r="3707" spans="1:26" ht="24" customHeight="1" x14ac:dyDescent="0.2">
      <c r="A3707" s="9" t="s">
        <v>20871</v>
      </c>
      <c r="B3707" s="9" t="s">
        <v>15137</v>
      </c>
      <c r="C3707" s="9" t="s">
        <v>14609</v>
      </c>
      <c r="D3707" s="6" t="s">
        <v>15661</v>
      </c>
      <c r="E3707" s="22">
        <v>45524</v>
      </c>
      <c r="F3707" s="22">
        <v>47349</v>
      </c>
      <c r="G3707" s="6" t="s">
        <v>15662</v>
      </c>
      <c r="H3707" s="6" t="s">
        <v>18</v>
      </c>
      <c r="I3707" s="6" t="s">
        <v>67</v>
      </c>
      <c r="J3707" s="6" t="s">
        <v>15663</v>
      </c>
      <c r="L3707" s="10" t="s">
        <v>22</v>
      </c>
      <c r="M3707" s="10" t="s">
        <v>22</v>
      </c>
      <c r="N3707" s="10" t="s">
        <v>22</v>
      </c>
      <c r="O3707" s="10" t="s">
        <v>22</v>
      </c>
      <c r="P3707" s="10" t="s">
        <v>22</v>
      </c>
      <c r="Q3707" s="10" t="s">
        <v>22</v>
      </c>
      <c r="R3707" s="10" t="s">
        <v>22</v>
      </c>
      <c r="S3707" s="10" t="s">
        <v>22</v>
      </c>
      <c r="T3707" s="10" t="s">
        <v>22</v>
      </c>
      <c r="U3707" s="10" t="s">
        <v>22</v>
      </c>
      <c r="V3707" s="10" t="s">
        <v>22</v>
      </c>
      <c r="W3707" s="10" t="s">
        <v>22</v>
      </c>
      <c r="X3707" s="10" t="s">
        <v>22</v>
      </c>
      <c r="Y3707" s="10" t="s">
        <v>22</v>
      </c>
      <c r="Z3707" s="10" t="s">
        <v>22</v>
      </c>
    </row>
    <row r="3708" spans="1:26" ht="24" customHeight="1" x14ac:dyDescent="0.2">
      <c r="A3708" s="9" t="s">
        <v>20872</v>
      </c>
      <c r="B3708" s="9" t="s">
        <v>15137</v>
      </c>
      <c r="C3708" s="9" t="s">
        <v>1122</v>
      </c>
      <c r="D3708" s="6" t="s">
        <v>17247</v>
      </c>
      <c r="E3708" s="22">
        <v>45561</v>
      </c>
      <c r="F3708" s="22">
        <v>47386</v>
      </c>
      <c r="G3708" s="6" t="s">
        <v>17248</v>
      </c>
      <c r="H3708" s="6" t="s">
        <v>18</v>
      </c>
      <c r="I3708" s="6" t="s">
        <v>522</v>
      </c>
      <c r="J3708" s="6" t="s">
        <v>17249</v>
      </c>
      <c r="L3708" s="10" t="s">
        <v>22</v>
      </c>
      <c r="M3708" s="10" t="s">
        <v>22</v>
      </c>
      <c r="N3708" s="10" t="s">
        <v>22</v>
      </c>
      <c r="U3708" s="10" t="s">
        <v>22</v>
      </c>
      <c r="V3708" s="10" t="s">
        <v>22</v>
      </c>
      <c r="W3708" s="10" t="s">
        <v>22</v>
      </c>
    </row>
    <row r="3709" spans="1:26" ht="24" customHeight="1" x14ac:dyDescent="0.2">
      <c r="A3709" s="9" t="s">
        <v>20873</v>
      </c>
      <c r="B3709" s="9" t="s">
        <v>15137</v>
      </c>
      <c r="C3709" s="9" t="s">
        <v>14616</v>
      </c>
      <c r="D3709" s="6" t="s">
        <v>17250</v>
      </c>
      <c r="E3709" s="22">
        <v>45545</v>
      </c>
      <c r="F3709" s="22">
        <v>47370</v>
      </c>
      <c r="G3709" s="6" t="s">
        <v>17251</v>
      </c>
      <c r="H3709" s="6" t="s">
        <v>18</v>
      </c>
      <c r="I3709" s="6" t="s">
        <v>3615</v>
      </c>
      <c r="J3709" s="6" t="s">
        <v>17252</v>
      </c>
      <c r="L3709" s="10" t="s">
        <v>22</v>
      </c>
      <c r="M3709" s="10" t="s">
        <v>22</v>
      </c>
      <c r="N3709" s="10" t="s">
        <v>22</v>
      </c>
      <c r="O3709" s="10" t="s">
        <v>22</v>
      </c>
      <c r="P3709" s="10" t="s">
        <v>22</v>
      </c>
      <c r="Q3709" s="10" t="s">
        <v>22</v>
      </c>
      <c r="R3709" s="10" t="s">
        <v>22</v>
      </c>
      <c r="S3709" s="10" t="s">
        <v>22</v>
      </c>
      <c r="T3709" s="10" t="s">
        <v>22</v>
      </c>
    </row>
    <row r="3710" spans="1:26" ht="24" customHeight="1" x14ac:dyDescent="0.2">
      <c r="A3710" s="9" t="s">
        <v>20874</v>
      </c>
      <c r="B3710" s="9" t="s">
        <v>15137</v>
      </c>
      <c r="C3710" s="9" t="s">
        <v>1128</v>
      </c>
      <c r="D3710" s="6" t="s">
        <v>17253</v>
      </c>
      <c r="E3710" s="22">
        <v>45567</v>
      </c>
      <c r="F3710" s="22">
        <v>47392</v>
      </c>
      <c r="G3710" s="6" t="s">
        <v>17254</v>
      </c>
      <c r="H3710" s="6" t="s">
        <v>18</v>
      </c>
      <c r="I3710" s="6" t="s">
        <v>3615</v>
      </c>
      <c r="J3710" s="6" t="s">
        <v>17255</v>
      </c>
      <c r="L3710" s="10" t="s">
        <v>22</v>
      </c>
      <c r="M3710" s="10" t="s">
        <v>22</v>
      </c>
      <c r="N3710" s="10" t="s">
        <v>22</v>
      </c>
      <c r="U3710" s="10" t="s">
        <v>22</v>
      </c>
      <c r="V3710" s="10" t="s">
        <v>22</v>
      </c>
      <c r="W3710" s="10" t="s">
        <v>22</v>
      </c>
    </row>
    <row r="3711" spans="1:26" ht="24" customHeight="1" x14ac:dyDescent="0.2">
      <c r="A3711" s="9" t="s">
        <v>20875</v>
      </c>
      <c r="B3711" s="9" t="s">
        <v>15137</v>
      </c>
      <c r="C3711" s="9" t="s">
        <v>1133</v>
      </c>
      <c r="D3711" s="6" t="s">
        <v>17256</v>
      </c>
      <c r="E3711" s="22">
        <v>45567</v>
      </c>
      <c r="F3711" s="22">
        <v>47392</v>
      </c>
      <c r="G3711" s="6" t="s">
        <v>17257</v>
      </c>
      <c r="H3711" s="6" t="s">
        <v>18</v>
      </c>
      <c r="I3711" s="6" t="s">
        <v>727</v>
      </c>
      <c r="J3711" s="6" t="s">
        <v>17258</v>
      </c>
      <c r="L3711" s="10" t="s">
        <v>22</v>
      </c>
      <c r="M3711" s="10" t="s">
        <v>22</v>
      </c>
      <c r="N3711" s="10" t="s">
        <v>22</v>
      </c>
      <c r="O3711" s="10" t="s">
        <v>22</v>
      </c>
      <c r="P3711" s="10" t="s">
        <v>22</v>
      </c>
      <c r="Q3711" s="10" t="s">
        <v>22</v>
      </c>
      <c r="R3711" s="10" t="s">
        <v>22</v>
      </c>
      <c r="S3711" s="10" t="s">
        <v>22</v>
      </c>
      <c r="T3711" s="10" t="s">
        <v>22</v>
      </c>
    </row>
    <row r="3712" spans="1:26" ht="24" customHeight="1" x14ac:dyDescent="0.2">
      <c r="A3712" s="9" t="s">
        <v>20876</v>
      </c>
      <c r="B3712" s="9" t="s">
        <v>15137</v>
      </c>
      <c r="C3712" s="9" t="s">
        <v>14629</v>
      </c>
      <c r="D3712" s="6" t="s">
        <v>17259</v>
      </c>
      <c r="E3712" s="22">
        <v>45569</v>
      </c>
      <c r="F3712" s="22">
        <v>47394</v>
      </c>
      <c r="G3712" s="6" t="s">
        <v>17260</v>
      </c>
      <c r="H3712" s="6" t="s">
        <v>18</v>
      </c>
      <c r="I3712" s="6" t="s">
        <v>7031</v>
      </c>
      <c r="J3712" s="6" t="s">
        <v>17261</v>
      </c>
      <c r="L3712" s="10" t="s">
        <v>22</v>
      </c>
      <c r="M3712" s="10" t="s">
        <v>22</v>
      </c>
      <c r="N3712" s="10" t="s">
        <v>22</v>
      </c>
      <c r="O3712" s="10" t="s">
        <v>22</v>
      </c>
      <c r="P3712" s="10" t="s">
        <v>22</v>
      </c>
      <c r="Q3712" s="10" t="s">
        <v>22</v>
      </c>
    </row>
    <row r="3713" spans="1:26" ht="24" customHeight="1" x14ac:dyDescent="0.2">
      <c r="A3713" s="9" t="s">
        <v>21346</v>
      </c>
      <c r="B3713" s="9" t="s">
        <v>15137</v>
      </c>
      <c r="C3713" s="9" t="s">
        <v>1138</v>
      </c>
      <c r="D3713" s="6" t="s">
        <v>21221</v>
      </c>
      <c r="E3713" s="22">
        <v>45596</v>
      </c>
      <c r="F3713" s="22">
        <v>47421</v>
      </c>
      <c r="G3713" s="6" t="s">
        <v>21222</v>
      </c>
      <c r="H3713" s="6" t="s">
        <v>18</v>
      </c>
      <c r="I3713" s="6" t="s">
        <v>67</v>
      </c>
      <c r="J3713" s="6" t="s">
        <v>21223</v>
      </c>
      <c r="L3713" s="10" t="s">
        <v>22</v>
      </c>
      <c r="M3713" s="10" t="s">
        <v>22</v>
      </c>
      <c r="N3713" s="10" t="s">
        <v>22</v>
      </c>
      <c r="O3713" s="10" t="s">
        <v>22</v>
      </c>
      <c r="P3713" s="10" t="s">
        <v>22</v>
      </c>
      <c r="Q3713" s="10" t="s">
        <v>22</v>
      </c>
      <c r="U3713" s="10" t="s">
        <v>22</v>
      </c>
      <c r="V3713" s="10" t="s">
        <v>22</v>
      </c>
      <c r="W3713" s="10" t="s">
        <v>22</v>
      </c>
      <c r="X3713" s="10" t="s">
        <v>22</v>
      </c>
      <c r="Y3713" s="10" t="s">
        <v>22</v>
      </c>
      <c r="Z3713" s="10" t="s">
        <v>22</v>
      </c>
    </row>
    <row r="3714" spans="1:26" ht="24" customHeight="1" x14ac:dyDescent="0.2">
      <c r="A3714" s="9" t="s">
        <v>21347</v>
      </c>
      <c r="B3714" s="9" t="s">
        <v>15137</v>
      </c>
      <c r="C3714" s="9" t="s">
        <v>1148</v>
      </c>
      <c r="D3714" s="6" t="s">
        <v>21224</v>
      </c>
      <c r="E3714" s="22">
        <v>45664</v>
      </c>
      <c r="F3714" s="22">
        <v>47489</v>
      </c>
      <c r="G3714" s="6" t="s">
        <v>21225</v>
      </c>
      <c r="H3714" s="6" t="s">
        <v>18</v>
      </c>
      <c r="I3714" s="6" t="s">
        <v>67</v>
      </c>
      <c r="J3714" s="6" t="s">
        <v>21226</v>
      </c>
      <c r="L3714" s="10" t="s">
        <v>22</v>
      </c>
      <c r="M3714" s="10" t="s">
        <v>22</v>
      </c>
      <c r="N3714" s="10" t="s">
        <v>22</v>
      </c>
      <c r="O3714" s="10" t="s">
        <v>22</v>
      </c>
      <c r="P3714" s="10" t="s">
        <v>22</v>
      </c>
      <c r="Q3714" s="10" t="s">
        <v>22</v>
      </c>
      <c r="R3714" s="10" t="s">
        <v>22</v>
      </c>
      <c r="S3714" s="10" t="s">
        <v>22</v>
      </c>
      <c r="T3714" s="10" t="s">
        <v>22</v>
      </c>
      <c r="U3714" s="10" t="s">
        <v>22</v>
      </c>
      <c r="V3714" s="10" t="s">
        <v>22</v>
      </c>
      <c r="W3714" s="10" t="s">
        <v>22</v>
      </c>
      <c r="X3714" s="10" t="s">
        <v>22</v>
      </c>
      <c r="Y3714" s="10" t="s">
        <v>22</v>
      </c>
      <c r="Z3714" s="10" t="s">
        <v>22</v>
      </c>
    </row>
    <row r="3715" spans="1:26" ht="24" customHeight="1" x14ac:dyDescent="0.2">
      <c r="A3715" s="9" t="s">
        <v>20877</v>
      </c>
      <c r="B3715" s="9" t="s">
        <v>15917</v>
      </c>
      <c r="C3715" s="9" t="s">
        <v>15</v>
      </c>
      <c r="D3715" s="6" t="s">
        <v>15918</v>
      </c>
      <c r="E3715" s="22">
        <v>44559</v>
      </c>
      <c r="F3715" s="22">
        <v>46384</v>
      </c>
      <c r="G3715" s="6" t="s">
        <v>15919</v>
      </c>
      <c r="H3715" s="6" t="s">
        <v>18</v>
      </c>
      <c r="I3715" s="6" t="s">
        <v>518</v>
      </c>
      <c r="J3715" s="6" t="s">
        <v>15920</v>
      </c>
      <c r="K3715" s="9" t="s">
        <v>15921</v>
      </c>
      <c r="M3715" s="10" t="s">
        <v>22</v>
      </c>
      <c r="N3715" s="10" t="s">
        <v>22</v>
      </c>
      <c r="O3715" s="10" t="s">
        <v>22</v>
      </c>
      <c r="P3715" s="10" t="s">
        <v>22</v>
      </c>
      <c r="Q3715" s="10" t="s">
        <v>22</v>
      </c>
    </row>
    <row r="3716" spans="1:26" ht="24" customHeight="1" x14ac:dyDescent="0.2">
      <c r="A3716" s="9" t="s">
        <v>20878</v>
      </c>
      <c r="B3716" s="9" t="s">
        <v>15917</v>
      </c>
      <c r="C3716" s="9" t="s">
        <v>23</v>
      </c>
      <c r="D3716" s="6" t="s">
        <v>15922</v>
      </c>
      <c r="E3716" s="22">
        <v>44559</v>
      </c>
      <c r="F3716" s="22">
        <v>46384</v>
      </c>
      <c r="G3716" s="6" t="s">
        <v>15923</v>
      </c>
      <c r="H3716" s="6" t="s">
        <v>18</v>
      </c>
      <c r="I3716" s="6" t="s">
        <v>518</v>
      </c>
      <c r="J3716" s="6" t="s">
        <v>15924</v>
      </c>
      <c r="K3716" s="9" t="s">
        <v>15925</v>
      </c>
      <c r="M3716" s="10" t="s">
        <v>22</v>
      </c>
      <c r="N3716" s="10" t="s">
        <v>22</v>
      </c>
      <c r="V3716" s="10" t="s">
        <v>22</v>
      </c>
      <c r="W3716" s="10" t="s">
        <v>22</v>
      </c>
    </row>
    <row r="3717" spans="1:26" ht="24" customHeight="1" x14ac:dyDescent="0.2">
      <c r="A3717" s="9" t="s">
        <v>20879</v>
      </c>
      <c r="B3717" s="9" t="s">
        <v>15917</v>
      </c>
      <c r="C3717" s="9" t="s">
        <v>29</v>
      </c>
      <c r="D3717" s="6" t="s">
        <v>15926</v>
      </c>
      <c r="E3717" s="22">
        <v>44572</v>
      </c>
      <c r="F3717" s="22">
        <v>46397</v>
      </c>
      <c r="G3717" s="6" t="s">
        <v>15927</v>
      </c>
      <c r="H3717" s="6" t="s">
        <v>18</v>
      </c>
      <c r="I3717" s="6" t="s">
        <v>518</v>
      </c>
      <c r="J3717" s="6" t="s">
        <v>15928</v>
      </c>
      <c r="K3717" s="9" t="s">
        <v>15929</v>
      </c>
      <c r="L3717" s="10" t="s">
        <v>22</v>
      </c>
      <c r="M3717" s="10" t="s">
        <v>22</v>
      </c>
      <c r="N3717" s="10" t="s">
        <v>22</v>
      </c>
      <c r="O3717" s="10" t="s">
        <v>22</v>
      </c>
      <c r="P3717" s="10" t="s">
        <v>22</v>
      </c>
      <c r="Q3717" s="10" t="s">
        <v>22</v>
      </c>
      <c r="R3717" s="10" t="s">
        <v>22</v>
      </c>
      <c r="S3717" s="10" t="s">
        <v>22</v>
      </c>
      <c r="T3717" s="10" t="s">
        <v>22</v>
      </c>
      <c r="V3717" s="10" t="s">
        <v>22</v>
      </c>
      <c r="W3717" s="10" t="s">
        <v>22</v>
      </c>
      <c r="Y3717" s="10" t="s">
        <v>22</v>
      </c>
      <c r="Z3717" s="10" t="s">
        <v>22</v>
      </c>
    </row>
    <row r="3718" spans="1:26" ht="24" customHeight="1" x14ac:dyDescent="0.2">
      <c r="A3718" s="9" t="s">
        <v>20880</v>
      </c>
      <c r="B3718" s="9" t="s">
        <v>15917</v>
      </c>
      <c r="C3718" s="9" t="s">
        <v>15930</v>
      </c>
      <c r="D3718" s="6" t="s">
        <v>15931</v>
      </c>
      <c r="E3718" s="22">
        <v>44572</v>
      </c>
      <c r="F3718" s="22">
        <v>46397</v>
      </c>
      <c r="G3718" s="6" t="s">
        <v>15932</v>
      </c>
      <c r="H3718" s="6" t="s">
        <v>18</v>
      </c>
      <c r="I3718" s="6" t="s">
        <v>518</v>
      </c>
      <c r="J3718" s="6" t="s">
        <v>15933</v>
      </c>
      <c r="L3718" s="10" t="s">
        <v>22</v>
      </c>
      <c r="M3718" s="10" t="s">
        <v>22</v>
      </c>
      <c r="N3718" s="10" t="s">
        <v>22</v>
      </c>
      <c r="O3718" s="10" t="s">
        <v>22</v>
      </c>
      <c r="P3718" s="10" t="s">
        <v>22</v>
      </c>
      <c r="Q3718" s="10" t="s">
        <v>22</v>
      </c>
      <c r="S3718" s="10" t="s">
        <v>22</v>
      </c>
      <c r="T3718" s="10" t="s">
        <v>22</v>
      </c>
      <c r="V3718" s="10" t="s">
        <v>22</v>
      </c>
      <c r="W3718" s="10" t="s">
        <v>22</v>
      </c>
      <c r="Y3718" s="10" t="s">
        <v>22</v>
      </c>
      <c r="Z3718" s="10" t="s">
        <v>22</v>
      </c>
    </row>
    <row r="3719" spans="1:26" ht="24" customHeight="1" x14ac:dyDescent="0.2">
      <c r="A3719" s="9" t="s">
        <v>20881</v>
      </c>
      <c r="B3719" s="9" t="s">
        <v>15917</v>
      </c>
      <c r="C3719" s="9" t="s">
        <v>34</v>
      </c>
      <c r="D3719" s="6" t="s">
        <v>15934</v>
      </c>
      <c r="E3719" s="22">
        <v>44572</v>
      </c>
      <c r="F3719" s="22">
        <v>46397</v>
      </c>
      <c r="G3719" s="6" t="s">
        <v>15935</v>
      </c>
      <c r="H3719" s="6" t="s">
        <v>18</v>
      </c>
      <c r="I3719" s="6" t="s">
        <v>518</v>
      </c>
      <c r="J3719" s="6" t="s">
        <v>15936</v>
      </c>
      <c r="K3719" s="9" t="s">
        <v>15937</v>
      </c>
      <c r="L3719" s="10" t="s">
        <v>22</v>
      </c>
      <c r="M3719" s="10" t="s">
        <v>22</v>
      </c>
      <c r="N3719" s="10" t="s">
        <v>22</v>
      </c>
      <c r="O3719" s="10" t="s">
        <v>22</v>
      </c>
      <c r="P3719" s="10" t="s">
        <v>22</v>
      </c>
      <c r="Q3719" s="10" t="s">
        <v>22</v>
      </c>
      <c r="R3719" s="10" t="s">
        <v>22</v>
      </c>
      <c r="S3719" s="10" t="s">
        <v>22</v>
      </c>
      <c r="T3719" s="10" t="s">
        <v>22</v>
      </c>
      <c r="U3719" s="10" t="s">
        <v>22</v>
      </c>
      <c r="V3719" s="10" t="s">
        <v>22</v>
      </c>
      <c r="W3719" s="10" t="s">
        <v>22</v>
      </c>
      <c r="X3719" s="10" t="s">
        <v>22</v>
      </c>
      <c r="Y3719" s="10" t="s">
        <v>22</v>
      </c>
      <c r="Z3719" s="10" t="s">
        <v>22</v>
      </c>
    </row>
    <row r="3720" spans="1:26" ht="24" customHeight="1" x14ac:dyDescent="0.2">
      <c r="A3720" s="9" t="s">
        <v>20882</v>
      </c>
      <c r="B3720" s="9" t="s">
        <v>15917</v>
      </c>
      <c r="C3720" s="9" t="s">
        <v>15938</v>
      </c>
      <c r="D3720" s="6" t="s">
        <v>15939</v>
      </c>
      <c r="E3720" s="22">
        <v>44606</v>
      </c>
      <c r="F3720" s="22">
        <v>46431</v>
      </c>
      <c r="G3720" s="6" t="s">
        <v>15940</v>
      </c>
      <c r="H3720" s="6" t="s">
        <v>18</v>
      </c>
      <c r="I3720" s="6" t="s">
        <v>15941</v>
      </c>
      <c r="J3720" s="6" t="s">
        <v>15942</v>
      </c>
      <c r="K3720" s="9" t="s">
        <v>15943</v>
      </c>
      <c r="L3720" s="10" t="s">
        <v>22</v>
      </c>
      <c r="M3720" s="10" t="s">
        <v>22</v>
      </c>
      <c r="N3720" s="10" t="s">
        <v>22</v>
      </c>
      <c r="O3720" s="10" t="s">
        <v>22</v>
      </c>
      <c r="P3720" s="10" t="s">
        <v>22</v>
      </c>
      <c r="Q3720" s="10" t="s">
        <v>22</v>
      </c>
      <c r="U3720" s="10" t="s">
        <v>22</v>
      </c>
      <c r="V3720" s="10" t="s">
        <v>22</v>
      </c>
      <c r="W3720" s="10" t="s">
        <v>22</v>
      </c>
      <c r="X3720" s="10" t="s">
        <v>22</v>
      </c>
      <c r="Y3720" s="10" t="s">
        <v>22</v>
      </c>
      <c r="Z3720" s="10" t="s">
        <v>22</v>
      </c>
    </row>
    <row r="3721" spans="1:26" ht="24" customHeight="1" x14ac:dyDescent="0.2">
      <c r="A3721" s="9" t="s">
        <v>20883</v>
      </c>
      <c r="B3721" s="9" t="s">
        <v>15917</v>
      </c>
      <c r="C3721" s="9" t="s">
        <v>70</v>
      </c>
      <c r="D3721" s="6" t="s">
        <v>17262</v>
      </c>
      <c r="E3721" s="22">
        <v>44667</v>
      </c>
      <c r="F3721" s="22">
        <v>46492</v>
      </c>
      <c r="G3721" s="6" t="s">
        <v>17263</v>
      </c>
      <c r="H3721" s="6" t="s">
        <v>18</v>
      </c>
      <c r="I3721" s="6" t="s">
        <v>518</v>
      </c>
      <c r="J3721" s="6" t="s">
        <v>15944</v>
      </c>
      <c r="K3721" s="9" t="s">
        <v>15945</v>
      </c>
      <c r="L3721" s="10" t="s">
        <v>22</v>
      </c>
      <c r="M3721" s="10" t="s">
        <v>22</v>
      </c>
      <c r="N3721" s="10" t="s">
        <v>22</v>
      </c>
      <c r="O3721" s="10" t="s">
        <v>22</v>
      </c>
      <c r="P3721" s="10" t="s">
        <v>22</v>
      </c>
      <c r="Q3721" s="10" t="s">
        <v>22</v>
      </c>
      <c r="R3721" s="10" t="s">
        <v>22</v>
      </c>
      <c r="S3721" s="10" t="s">
        <v>22</v>
      </c>
      <c r="T3721" s="10" t="s">
        <v>22</v>
      </c>
      <c r="U3721" s="10" t="s">
        <v>22</v>
      </c>
      <c r="V3721" s="10" t="s">
        <v>22</v>
      </c>
      <c r="W3721" s="10" t="s">
        <v>22</v>
      </c>
      <c r="X3721" s="10" t="s">
        <v>22</v>
      </c>
      <c r="Y3721" s="10" t="s">
        <v>22</v>
      </c>
      <c r="Z3721" s="10" t="s">
        <v>22</v>
      </c>
    </row>
    <row r="3722" spans="1:26" ht="24" customHeight="1" x14ac:dyDescent="0.2">
      <c r="A3722" s="9" t="s">
        <v>20884</v>
      </c>
      <c r="B3722" s="9" t="s">
        <v>15917</v>
      </c>
      <c r="C3722" s="9" t="s">
        <v>15946</v>
      </c>
      <c r="D3722" s="6" t="s">
        <v>15947</v>
      </c>
      <c r="E3722" s="22">
        <v>44675</v>
      </c>
      <c r="F3722" s="22">
        <v>46500</v>
      </c>
      <c r="G3722" s="6" t="s">
        <v>15948</v>
      </c>
      <c r="H3722" s="6" t="s">
        <v>18</v>
      </c>
      <c r="I3722" s="6" t="s">
        <v>518</v>
      </c>
      <c r="J3722" s="6" t="s">
        <v>15949</v>
      </c>
      <c r="K3722" s="9" t="s">
        <v>15950</v>
      </c>
      <c r="L3722" s="10" t="s">
        <v>22</v>
      </c>
      <c r="M3722" s="10" t="s">
        <v>22</v>
      </c>
      <c r="N3722" s="10" t="s">
        <v>22</v>
      </c>
      <c r="O3722" s="10" t="s">
        <v>22</v>
      </c>
      <c r="P3722" s="10" t="s">
        <v>22</v>
      </c>
      <c r="Q3722" s="10" t="s">
        <v>22</v>
      </c>
      <c r="R3722" s="10" t="s">
        <v>22</v>
      </c>
      <c r="S3722" s="10" t="s">
        <v>22</v>
      </c>
      <c r="T3722" s="10" t="s">
        <v>22</v>
      </c>
      <c r="U3722" s="10" t="s">
        <v>22</v>
      </c>
      <c r="V3722" s="10" t="s">
        <v>22</v>
      </c>
      <c r="W3722" s="10" t="s">
        <v>22</v>
      </c>
      <c r="X3722" s="10" t="s">
        <v>22</v>
      </c>
      <c r="Y3722" s="10" t="s">
        <v>22</v>
      </c>
      <c r="Z3722" s="10" t="s">
        <v>22</v>
      </c>
    </row>
    <row r="3723" spans="1:26" ht="24" customHeight="1" x14ac:dyDescent="0.2">
      <c r="A3723" s="9" t="s">
        <v>20885</v>
      </c>
      <c r="B3723" s="9" t="s">
        <v>15917</v>
      </c>
      <c r="C3723" s="9" t="s">
        <v>15951</v>
      </c>
      <c r="D3723" s="6" t="s">
        <v>15952</v>
      </c>
      <c r="E3723" s="22">
        <v>44667</v>
      </c>
      <c r="F3723" s="22">
        <v>46492</v>
      </c>
      <c r="G3723" s="6" t="s">
        <v>15953</v>
      </c>
      <c r="H3723" s="6" t="s">
        <v>18</v>
      </c>
      <c r="I3723" s="6" t="s">
        <v>518</v>
      </c>
      <c r="J3723" s="6" t="s">
        <v>15954</v>
      </c>
      <c r="K3723" s="9" t="s">
        <v>15955</v>
      </c>
      <c r="L3723" s="10" t="s">
        <v>22</v>
      </c>
      <c r="M3723" s="10" t="s">
        <v>22</v>
      </c>
      <c r="N3723" s="10" t="s">
        <v>22</v>
      </c>
      <c r="O3723" s="10" t="s">
        <v>22</v>
      </c>
      <c r="P3723" s="10" t="s">
        <v>22</v>
      </c>
      <c r="Q3723" s="10" t="s">
        <v>22</v>
      </c>
      <c r="R3723" s="10" t="s">
        <v>22</v>
      </c>
      <c r="S3723" s="10" t="s">
        <v>22</v>
      </c>
      <c r="T3723" s="10" t="s">
        <v>22</v>
      </c>
      <c r="U3723" s="10" t="s">
        <v>22</v>
      </c>
      <c r="V3723" s="10" t="s">
        <v>22</v>
      </c>
      <c r="W3723" s="10" t="s">
        <v>22</v>
      </c>
      <c r="X3723" s="10" t="s">
        <v>22</v>
      </c>
      <c r="Y3723" s="10" t="s">
        <v>22</v>
      </c>
      <c r="Z3723" s="10" t="s">
        <v>22</v>
      </c>
    </row>
    <row r="3724" spans="1:26" ht="24" customHeight="1" x14ac:dyDescent="0.2">
      <c r="A3724" s="9" t="s">
        <v>20886</v>
      </c>
      <c r="B3724" s="9" t="s">
        <v>15917</v>
      </c>
      <c r="C3724" s="9" t="s">
        <v>76</v>
      </c>
      <c r="D3724" s="6" t="s">
        <v>15956</v>
      </c>
      <c r="E3724" s="22">
        <v>44734</v>
      </c>
      <c r="F3724" s="22">
        <v>46559</v>
      </c>
      <c r="G3724" s="6" t="s">
        <v>15957</v>
      </c>
      <c r="H3724" s="6" t="s">
        <v>18</v>
      </c>
      <c r="I3724" s="6" t="s">
        <v>518</v>
      </c>
      <c r="J3724" s="6" t="s">
        <v>15958</v>
      </c>
      <c r="K3724" s="9" t="s">
        <v>15959</v>
      </c>
      <c r="L3724" s="10" t="s">
        <v>22</v>
      </c>
      <c r="M3724" s="10" t="s">
        <v>22</v>
      </c>
      <c r="N3724" s="10" t="s">
        <v>22</v>
      </c>
      <c r="O3724" s="10" t="s">
        <v>22</v>
      </c>
      <c r="P3724" s="10" t="s">
        <v>22</v>
      </c>
      <c r="Q3724" s="10" t="s">
        <v>22</v>
      </c>
      <c r="R3724" s="10" t="s">
        <v>22</v>
      </c>
      <c r="S3724" s="10" t="s">
        <v>22</v>
      </c>
      <c r="T3724" s="10" t="s">
        <v>22</v>
      </c>
      <c r="U3724" s="10" t="s">
        <v>22</v>
      </c>
      <c r="V3724" s="10" t="s">
        <v>22</v>
      </c>
      <c r="W3724" s="10" t="s">
        <v>22</v>
      </c>
      <c r="X3724" s="10" t="s">
        <v>22</v>
      </c>
      <c r="Y3724" s="10" t="s">
        <v>22</v>
      </c>
      <c r="Z3724" s="10" t="s">
        <v>22</v>
      </c>
    </row>
    <row r="3725" spans="1:26" ht="24" customHeight="1" x14ac:dyDescent="0.2">
      <c r="A3725" s="9" t="s">
        <v>20887</v>
      </c>
      <c r="B3725" s="9" t="s">
        <v>15917</v>
      </c>
      <c r="C3725" s="9" t="s">
        <v>15960</v>
      </c>
      <c r="D3725" s="6" t="s">
        <v>15961</v>
      </c>
      <c r="E3725" s="22">
        <v>44741</v>
      </c>
      <c r="F3725" s="22">
        <v>46566</v>
      </c>
      <c r="G3725" s="6" t="s">
        <v>15962</v>
      </c>
      <c r="H3725" s="6" t="s">
        <v>18</v>
      </c>
      <c r="I3725" s="6" t="s">
        <v>518</v>
      </c>
      <c r="J3725" s="6" t="s">
        <v>15963</v>
      </c>
      <c r="K3725" s="9" t="s">
        <v>15964</v>
      </c>
      <c r="L3725" s="10" t="s">
        <v>22</v>
      </c>
      <c r="M3725" s="10" t="s">
        <v>22</v>
      </c>
      <c r="N3725" s="10" t="s">
        <v>22</v>
      </c>
      <c r="O3725" s="10" t="s">
        <v>22</v>
      </c>
      <c r="P3725" s="10" t="s">
        <v>22</v>
      </c>
      <c r="Q3725" s="10" t="s">
        <v>22</v>
      </c>
      <c r="U3725" s="10" t="s">
        <v>22</v>
      </c>
      <c r="V3725" s="10" t="s">
        <v>22</v>
      </c>
      <c r="W3725" s="10" t="s">
        <v>22</v>
      </c>
      <c r="X3725" s="10" t="s">
        <v>22</v>
      </c>
      <c r="Y3725" s="10" t="s">
        <v>22</v>
      </c>
      <c r="Z3725" s="10" t="s">
        <v>22</v>
      </c>
    </row>
    <row r="3726" spans="1:26" ht="24" customHeight="1" x14ac:dyDescent="0.2">
      <c r="A3726" s="9" t="s">
        <v>20888</v>
      </c>
      <c r="B3726" s="9" t="s">
        <v>15917</v>
      </c>
      <c r="C3726" s="9" t="s">
        <v>15965</v>
      </c>
      <c r="D3726" s="6" t="s">
        <v>15966</v>
      </c>
      <c r="E3726" s="22">
        <v>44746</v>
      </c>
      <c r="F3726" s="22">
        <v>46571</v>
      </c>
      <c r="G3726" s="6" t="s">
        <v>15967</v>
      </c>
      <c r="H3726" s="6" t="s">
        <v>18</v>
      </c>
      <c r="I3726" s="6" t="s">
        <v>15941</v>
      </c>
      <c r="J3726" s="6" t="s">
        <v>15968</v>
      </c>
      <c r="K3726" s="9" t="s">
        <v>15969</v>
      </c>
      <c r="L3726" s="10" t="s">
        <v>22</v>
      </c>
      <c r="M3726" s="10" t="s">
        <v>22</v>
      </c>
      <c r="N3726" s="10" t="s">
        <v>22</v>
      </c>
      <c r="O3726" s="10" t="s">
        <v>22</v>
      </c>
      <c r="P3726" s="10" t="s">
        <v>22</v>
      </c>
      <c r="Q3726" s="10" t="s">
        <v>22</v>
      </c>
      <c r="U3726" s="10" t="s">
        <v>22</v>
      </c>
      <c r="V3726" s="10" t="s">
        <v>22</v>
      </c>
      <c r="W3726" s="10" t="s">
        <v>22</v>
      </c>
      <c r="X3726" s="10" t="s">
        <v>22</v>
      </c>
      <c r="Y3726" s="10" t="s">
        <v>22</v>
      </c>
      <c r="Z3726" s="10" t="s">
        <v>22</v>
      </c>
    </row>
    <row r="3727" spans="1:26" ht="24" customHeight="1" x14ac:dyDescent="0.2">
      <c r="A3727" s="9" t="s">
        <v>20889</v>
      </c>
      <c r="B3727" s="9" t="s">
        <v>15917</v>
      </c>
      <c r="C3727" s="9" t="s">
        <v>92</v>
      </c>
      <c r="D3727" s="6" t="s">
        <v>15970</v>
      </c>
      <c r="E3727" s="22">
        <v>44836</v>
      </c>
      <c r="F3727" s="22">
        <v>46661</v>
      </c>
      <c r="G3727" s="6" t="s">
        <v>15971</v>
      </c>
      <c r="H3727" s="6" t="s">
        <v>18</v>
      </c>
      <c r="I3727" s="6" t="s">
        <v>518</v>
      </c>
      <c r="J3727" s="6" t="s">
        <v>15972</v>
      </c>
      <c r="K3727" s="9" t="s">
        <v>15973</v>
      </c>
      <c r="L3727" s="10" t="s">
        <v>22</v>
      </c>
      <c r="M3727" s="10" t="s">
        <v>22</v>
      </c>
      <c r="N3727" s="10" t="s">
        <v>22</v>
      </c>
      <c r="O3727" s="10" t="s">
        <v>22</v>
      </c>
      <c r="P3727" s="10" t="s">
        <v>22</v>
      </c>
      <c r="Q3727" s="10" t="s">
        <v>22</v>
      </c>
      <c r="R3727" s="10" t="s">
        <v>22</v>
      </c>
      <c r="S3727" s="10" t="s">
        <v>22</v>
      </c>
      <c r="T3727" s="10" t="s">
        <v>22</v>
      </c>
      <c r="U3727" s="10" t="s">
        <v>22</v>
      </c>
      <c r="V3727" s="10" t="s">
        <v>22</v>
      </c>
      <c r="W3727" s="10" t="s">
        <v>22</v>
      </c>
      <c r="X3727" s="10" t="s">
        <v>22</v>
      </c>
      <c r="Y3727" s="10" t="s">
        <v>22</v>
      </c>
      <c r="Z3727" s="10" t="s">
        <v>22</v>
      </c>
    </row>
    <row r="3728" spans="1:26" ht="24" customHeight="1" x14ac:dyDescent="0.2">
      <c r="A3728" s="9" t="s">
        <v>20890</v>
      </c>
      <c r="B3728" s="9" t="s">
        <v>15917</v>
      </c>
      <c r="C3728" s="9" t="s">
        <v>15974</v>
      </c>
      <c r="D3728" s="6" t="s">
        <v>15975</v>
      </c>
      <c r="E3728" s="22">
        <v>45529</v>
      </c>
      <c r="F3728" s="22">
        <v>47354</v>
      </c>
      <c r="G3728" s="6" t="s">
        <v>15976</v>
      </c>
      <c r="H3728" s="6" t="s">
        <v>18</v>
      </c>
      <c r="I3728" s="6" t="s">
        <v>15941</v>
      </c>
      <c r="J3728" s="6" t="s">
        <v>15977</v>
      </c>
      <c r="K3728" s="9" t="s">
        <v>15978</v>
      </c>
      <c r="L3728" s="10" t="s">
        <v>22</v>
      </c>
      <c r="M3728" s="10" t="s">
        <v>22</v>
      </c>
      <c r="N3728" s="10" t="s">
        <v>22</v>
      </c>
      <c r="O3728" s="10" t="s">
        <v>22</v>
      </c>
      <c r="P3728" s="10" t="s">
        <v>22</v>
      </c>
      <c r="Q3728" s="10" t="s">
        <v>22</v>
      </c>
      <c r="R3728" s="10" t="s">
        <v>22</v>
      </c>
      <c r="S3728" s="10" t="s">
        <v>22</v>
      </c>
      <c r="T3728" s="10" t="s">
        <v>22</v>
      </c>
      <c r="U3728" s="10" t="s">
        <v>22</v>
      </c>
      <c r="V3728" s="10" t="s">
        <v>22</v>
      </c>
      <c r="W3728" s="10" t="s">
        <v>22</v>
      </c>
      <c r="X3728" s="10" t="s">
        <v>22</v>
      </c>
      <c r="Y3728" s="10" t="s">
        <v>22</v>
      </c>
      <c r="Z3728" s="10" t="s">
        <v>22</v>
      </c>
    </row>
    <row r="3729" spans="1:26" ht="24" customHeight="1" x14ac:dyDescent="0.2">
      <c r="A3729" s="9" t="s">
        <v>20891</v>
      </c>
      <c r="B3729" s="9" t="s">
        <v>15917</v>
      </c>
      <c r="C3729" s="9" t="s">
        <v>106</v>
      </c>
      <c r="D3729" s="6" t="s">
        <v>15979</v>
      </c>
      <c r="E3729" s="22">
        <v>43879</v>
      </c>
      <c r="F3729" s="22">
        <v>45705</v>
      </c>
      <c r="G3729" s="6" t="s">
        <v>15980</v>
      </c>
      <c r="H3729" s="6" t="s">
        <v>18</v>
      </c>
      <c r="I3729" s="6" t="s">
        <v>15941</v>
      </c>
      <c r="J3729" s="6" t="s">
        <v>15981</v>
      </c>
      <c r="K3729" s="9" t="s">
        <v>15982</v>
      </c>
      <c r="L3729" s="10" t="s">
        <v>22</v>
      </c>
      <c r="M3729" s="10" t="s">
        <v>22</v>
      </c>
      <c r="N3729" s="10" t="s">
        <v>22</v>
      </c>
      <c r="O3729" s="10" t="s">
        <v>22</v>
      </c>
      <c r="P3729" s="10" t="s">
        <v>22</v>
      </c>
      <c r="Q3729" s="10" t="s">
        <v>22</v>
      </c>
      <c r="U3729" s="10" t="s">
        <v>22</v>
      </c>
      <c r="V3729" s="10" t="s">
        <v>22</v>
      </c>
      <c r="W3729" s="10" t="s">
        <v>22</v>
      </c>
      <c r="X3729" s="10" t="s">
        <v>22</v>
      </c>
      <c r="Y3729" s="10" t="s">
        <v>22</v>
      </c>
      <c r="Z3729" s="10" t="s">
        <v>22</v>
      </c>
    </row>
    <row r="3730" spans="1:26" ht="24" customHeight="1" x14ac:dyDescent="0.2">
      <c r="A3730" s="9" t="s">
        <v>20892</v>
      </c>
      <c r="B3730" s="9" t="s">
        <v>15917</v>
      </c>
      <c r="C3730" s="9" t="s">
        <v>111</v>
      </c>
      <c r="D3730" s="6" t="s">
        <v>15983</v>
      </c>
      <c r="E3730" s="22">
        <v>44661</v>
      </c>
      <c r="F3730" s="22">
        <v>46486</v>
      </c>
      <c r="G3730" s="6" t="s">
        <v>15984</v>
      </c>
      <c r="H3730" s="6" t="s">
        <v>18</v>
      </c>
      <c r="I3730" s="6" t="s">
        <v>518</v>
      </c>
      <c r="J3730" s="6" t="s">
        <v>15985</v>
      </c>
      <c r="K3730" s="9" t="s">
        <v>15986</v>
      </c>
      <c r="L3730" s="10" t="s">
        <v>22</v>
      </c>
      <c r="M3730" s="10" t="s">
        <v>22</v>
      </c>
      <c r="N3730" s="10" t="s">
        <v>22</v>
      </c>
      <c r="O3730" s="10" t="s">
        <v>22</v>
      </c>
      <c r="P3730" s="10" t="s">
        <v>22</v>
      </c>
      <c r="Q3730" s="10" t="s">
        <v>22</v>
      </c>
      <c r="R3730" s="10" t="s">
        <v>22</v>
      </c>
      <c r="S3730" s="10" t="s">
        <v>22</v>
      </c>
      <c r="T3730" s="10" t="s">
        <v>22</v>
      </c>
      <c r="U3730" s="10" t="s">
        <v>22</v>
      </c>
      <c r="V3730" s="10" t="s">
        <v>22</v>
      </c>
      <c r="W3730" s="10" t="s">
        <v>22</v>
      </c>
      <c r="X3730" s="10" t="s">
        <v>22</v>
      </c>
      <c r="Y3730" s="10" t="s">
        <v>22</v>
      </c>
      <c r="Z3730" s="10" t="s">
        <v>22</v>
      </c>
    </row>
    <row r="3731" spans="1:26" ht="24" customHeight="1" x14ac:dyDescent="0.2">
      <c r="A3731" s="9" t="s">
        <v>20893</v>
      </c>
      <c r="B3731" s="9" t="s">
        <v>15917</v>
      </c>
      <c r="C3731" s="9" t="s">
        <v>116</v>
      </c>
      <c r="D3731" s="6" t="s">
        <v>15987</v>
      </c>
      <c r="E3731" s="22">
        <v>44690</v>
      </c>
      <c r="F3731" s="22">
        <v>46515</v>
      </c>
      <c r="G3731" s="6" t="s">
        <v>15988</v>
      </c>
      <c r="H3731" s="6" t="s">
        <v>18</v>
      </c>
      <c r="I3731" s="6" t="s">
        <v>15941</v>
      </c>
      <c r="J3731" s="6" t="s">
        <v>15989</v>
      </c>
      <c r="K3731" s="9" t="s">
        <v>15990</v>
      </c>
      <c r="L3731" s="10" t="s">
        <v>22</v>
      </c>
      <c r="M3731" s="10" t="s">
        <v>22</v>
      </c>
      <c r="N3731" s="10" t="s">
        <v>22</v>
      </c>
      <c r="O3731" s="10" t="s">
        <v>22</v>
      </c>
      <c r="P3731" s="10" t="s">
        <v>22</v>
      </c>
      <c r="Q3731" s="10" t="s">
        <v>22</v>
      </c>
    </row>
    <row r="3732" spans="1:26" ht="24" customHeight="1" x14ac:dyDescent="0.2">
      <c r="A3732" s="9" t="s">
        <v>20894</v>
      </c>
      <c r="B3732" s="9" t="s">
        <v>15917</v>
      </c>
      <c r="C3732" s="9" t="s">
        <v>126</v>
      </c>
      <c r="D3732" s="6" t="s">
        <v>15991</v>
      </c>
      <c r="E3732" s="22">
        <v>45048</v>
      </c>
      <c r="F3732" s="22">
        <v>46874</v>
      </c>
      <c r="G3732" s="6" t="s">
        <v>15992</v>
      </c>
      <c r="H3732" s="6" t="s">
        <v>18</v>
      </c>
      <c r="I3732" s="6" t="s">
        <v>518</v>
      </c>
      <c r="J3732" s="6" t="s">
        <v>15993</v>
      </c>
      <c r="K3732" s="9" t="s">
        <v>15994</v>
      </c>
      <c r="L3732" s="10" t="s">
        <v>22</v>
      </c>
      <c r="M3732" s="10" t="s">
        <v>22</v>
      </c>
      <c r="N3732" s="10" t="s">
        <v>22</v>
      </c>
      <c r="O3732" s="10" t="s">
        <v>22</v>
      </c>
      <c r="P3732" s="10" t="s">
        <v>22</v>
      </c>
      <c r="Q3732" s="10" t="s">
        <v>22</v>
      </c>
      <c r="U3732" s="10" t="s">
        <v>22</v>
      </c>
      <c r="V3732" s="10" t="s">
        <v>22</v>
      </c>
      <c r="W3732" s="10" t="s">
        <v>22</v>
      </c>
      <c r="X3732" s="10" t="s">
        <v>22</v>
      </c>
      <c r="Y3732" s="10" t="s">
        <v>22</v>
      </c>
      <c r="Z3732" s="10" t="s">
        <v>22</v>
      </c>
    </row>
    <row r="3733" spans="1:26" ht="24" customHeight="1" x14ac:dyDescent="0.2">
      <c r="A3733" s="9" t="s">
        <v>20895</v>
      </c>
      <c r="B3733" s="9" t="s">
        <v>15917</v>
      </c>
      <c r="C3733" s="9" t="s">
        <v>131</v>
      </c>
      <c r="D3733" s="6" t="s">
        <v>15995</v>
      </c>
      <c r="E3733" s="22">
        <v>45083</v>
      </c>
      <c r="F3733" s="22">
        <v>46909</v>
      </c>
      <c r="G3733" s="6" t="s">
        <v>15996</v>
      </c>
      <c r="H3733" s="6" t="s">
        <v>18</v>
      </c>
      <c r="I3733" s="6" t="s">
        <v>15941</v>
      </c>
      <c r="J3733" s="6" t="s">
        <v>15997</v>
      </c>
      <c r="K3733" s="9" t="s">
        <v>15998</v>
      </c>
      <c r="L3733" s="10" t="s">
        <v>22</v>
      </c>
      <c r="M3733" s="10" t="s">
        <v>22</v>
      </c>
      <c r="N3733" s="10" t="s">
        <v>22</v>
      </c>
      <c r="O3733" s="10" t="s">
        <v>22</v>
      </c>
      <c r="P3733" s="10" t="s">
        <v>22</v>
      </c>
      <c r="Q3733" s="10" t="s">
        <v>22</v>
      </c>
      <c r="R3733" s="10" t="s">
        <v>22</v>
      </c>
      <c r="S3733" s="10" t="s">
        <v>22</v>
      </c>
      <c r="T3733" s="10" t="s">
        <v>22</v>
      </c>
      <c r="U3733" s="10" t="s">
        <v>22</v>
      </c>
      <c r="V3733" s="10" t="s">
        <v>22</v>
      </c>
      <c r="W3733" s="10" t="s">
        <v>22</v>
      </c>
      <c r="X3733" s="10" t="s">
        <v>22</v>
      </c>
      <c r="Y3733" s="10" t="s">
        <v>22</v>
      </c>
      <c r="Z3733" s="10" t="s">
        <v>22</v>
      </c>
    </row>
    <row r="3734" spans="1:26" ht="24" customHeight="1" x14ac:dyDescent="0.2">
      <c r="A3734" s="9" t="s">
        <v>20896</v>
      </c>
      <c r="B3734" s="9" t="s">
        <v>15917</v>
      </c>
      <c r="C3734" s="9" t="s">
        <v>136</v>
      </c>
      <c r="D3734" s="6" t="s">
        <v>15999</v>
      </c>
      <c r="E3734" s="22">
        <v>45101</v>
      </c>
      <c r="F3734" s="22">
        <v>46927</v>
      </c>
      <c r="G3734" s="6" t="s">
        <v>16000</v>
      </c>
      <c r="H3734" s="6" t="s">
        <v>18</v>
      </c>
      <c r="I3734" s="6" t="s">
        <v>19</v>
      </c>
      <c r="J3734" s="6" t="s">
        <v>16001</v>
      </c>
      <c r="K3734" s="9" t="s">
        <v>16002</v>
      </c>
      <c r="L3734" s="10" t="s">
        <v>22</v>
      </c>
      <c r="M3734" s="10" t="s">
        <v>22</v>
      </c>
      <c r="N3734" s="10" t="s">
        <v>22</v>
      </c>
      <c r="O3734" s="10" t="s">
        <v>22</v>
      </c>
      <c r="P3734" s="10" t="s">
        <v>22</v>
      </c>
      <c r="Q3734" s="10" t="s">
        <v>22</v>
      </c>
      <c r="W3734" s="10" t="s">
        <v>22</v>
      </c>
      <c r="Y3734" s="10" t="s">
        <v>22</v>
      </c>
      <c r="Z3734" s="10" t="s">
        <v>22</v>
      </c>
    </row>
    <row r="3735" spans="1:26" ht="24" customHeight="1" x14ac:dyDescent="0.2">
      <c r="A3735" s="9" t="s">
        <v>20897</v>
      </c>
      <c r="B3735" s="9" t="s">
        <v>15917</v>
      </c>
      <c r="C3735" s="9" t="s">
        <v>141</v>
      </c>
      <c r="D3735" s="6" t="s">
        <v>16003</v>
      </c>
      <c r="E3735" s="22">
        <v>45137</v>
      </c>
      <c r="F3735" s="22">
        <v>46963</v>
      </c>
      <c r="G3735" s="6" t="s">
        <v>16004</v>
      </c>
      <c r="H3735" s="6" t="s">
        <v>18</v>
      </c>
      <c r="I3735" s="6" t="s">
        <v>518</v>
      </c>
      <c r="J3735" s="6" t="s">
        <v>16005</v>
      </c>
      <c r="K3735" s="9" t="s">
        <v>16006</v>
      </c>
      <c r="L3735" s="10" t="s">
        <v>22</v>
      </c>
      <c r="M3735" s="10" t="s">
        <v>22</v>
      </c>
      <c r="N3735" s="10" t="s">
        <v>22</v>
      </c>
      <c r="O3735" s="10" t="s">
        <v>22</v>
      </c>
      <c r="P3735" s="10" t="s">
        <v>22</v>
      </c>
      <c r="Q3735" s="10" t="s">
        <v>22</v>
      </c>
      <c r="R3735" s="10" t="s">
        <v>22</v>
      </c>
      <c r="S3735" s="10" t="s">
        <v>22</v>
      </c>
      <c r="T3735" s="10" t="s">
        <v>22</v>
      </c>
      <c r="U3735" s="10" t="s">
        <v>22</v>
      </c>
      <c r="V3735" s="10" t="s">
        <v>22</v>
      </c>
      <c r="W3735" s="10" t="s">
        <v>22</v>
      </c>
      <c r="X3735" s="10" t="s">
        <v>22</v>
      </c>
      <c r="Y3735" s="10" t="s">
        <v>22</v>
      </c>
      <c r="Z3735" s="10" t="s">
        <v>22</v>
      </c>
    </row>
    <row r="3736" spans="1:26" ht="24" customHeight="1" x14ac:dyDescent="0.2">
      <c r="A3736" s="9" t="s">
        <v>20898</v>
      </c>
      <c r="B3736" s="9" t="s">
        <v>15917</v>
      </c>
      <c r="C3736" s="9" t="s">
        <v>146</v>
      </c>
      <c r="D3736" s="6" t="s">
        <v>16007</v>
      </c>
      <c r="E3736" s="22">
        <v>45170</v>
      </c>
      <c r="F3736" s="22">
        <v>46996</v>
      </c>
      <c r="G3736" s="6" t="s">
        <v>16008</v>
      </c>
      <c r="H3736" s="6" t="s">
        <v>18</v>
      </c>
      <c r="I3736" s="6" t="s">
        <v>15941</v>
      </c>
      <c r="J3736" s="6" t="s">
        <v>16009</v>
      </c>
      <c r="K3736" s="9" t="s">
        <v>16010</v>
      </c>
      <c r="L3736" s="10" t="s">
        <v>22</v>
      </c>
      <c r="M3736" s="10" t="s">
        <v>22</v>
      </c>
      <c r="N3736" s="10" t="s">
        <v>22</v>
      </c>
      <c r="O3736" s="10" t="s">
        <v>22</v>
      </c>
      <c r="P3736" s="10" t="s">
        <v>22</v>
      </c>
      <c r="Q3736" s="10" t="s">
        <v>22</v>
      </c>
      <c r="R3736" s="10" t="s">
        <v>22</v>
      </c>
      <c r="S3736" s="10" t="s">
        <v>22</v>
      </c>
      <c r="T3736" s="10" t="s">
        <v>22</v>
      </c>
      <c r="U3736" s="10" t="s">
        <v>22</v>
      </c>
      <c r="V3736" s="10" t="s">
        <v>22</v>
      </c>
      <c r="W3736" s="10" t="s">
        <v>22</v>
      </c>
    </row>
    <row r="3737" spans="1:26" ht="24" customHeight="1" x14ac:dyDescent="0.2">
      <c r="A3737" s="9" t="s">
        <v>20899</v>
      </c>
      <c r="B3737" s="9" t="s">
        <v>15917</v>
      </c>
      <c r="C3737" s="9" t="s">
        <v>15181</v>
      </c>
      <c r="D3737" s="6" t="s">
        <v>16011</v>
      </c>
      <c r="E3737" s="22">
        <v>44774</v>
      </c>
      <c r="F3737" s="22">
        <v>46599</v>
      </c>
      <c r="G3737" s="6" t="s">
        <v>16012</v>
      </c>
      <c r="H3737" s="6" t="s">
        <v>18</v>
      </c>
      <c r="I3737" s="6" t="s">
        <v>518</v>
      </c>
      <c r="J3737" s="6" t="s">
        <v>16013</v>
      </c>
      <c r="K3737" s="9" t="s">
        <v>16014</v>
      </c>
      <c r="L3737" s="10" t="s">
        <v>22</v>
      </c>
      <c r="M3737" s="10" t="s">
        <v>22</v>
      </c>
      <c r="N3737" s="10" t="s">
        <v>22</v>
      </c>
      <c r="O3737" s="10" t="s">
        <v>22</v>
      </c>
      <c r="P3737" s="10" t="s">
        <v>22</v>
      </c>
      <c r="Q3737" s="10" t="s">
        <v>22</v>
      </c>
      <c r="R3737" s="10" t="s">
        <v>22</v>
      </c>
      <c r="S3737" s="10" t="s">
        <v>22</v>
      </c>
      <c r="T3737" s="10" t="s">
        <v>22</v>
      </c>
      <c r="U3737" s="10" t="s">
        <v>22</v>
      </c>
      <c r="V3737" s="10" t="s">
        <v>22</v>
      </c>
      <c r="W3737" s="10" t="s">
        <v>22</v>
      </c>
      <c r="X3737" s="10" t="s">
        <v>22</v>
      </c>
      <c r="Y3737" s="10" t="s">
        <v>22</v>
      </c>
      <c r="Z3737" s="10" t="s">
        <v>22</v>
      </c>
    </row>
    <row r="3738" spans="1:26" ht="24" customHeight="1" x14ac:dyDescent="0.2">
      <c r="A3738" s="9" t="s">
        <v>20900</v>
      </c>
      <c r="B3738" s="9" t="s">
        <v>15917</v>
      </c>
      <c r="C3738" s="9" t="s">
        <v>15186</v>
      </c>
      <c r="D3738" s="6" t="s">
        <v>16015</v>
      </c>
      <c r="E3738" s="22">
        <v>45481</v>
      </c>
      <c r="F3738" s="22">
        <v>47306</v>
      </c>
      <c r="G3738" s="6" t="s">
        <v>16016</v>
      </c>
      <c r="H3738" s="6" t="s">
        <v>18</v>
      </c>
      <c r="I3738" s="6" t="s">
        <v>518</v>
      </c>
      <c r="J3738" s="6" t="s">
        <v>16017</v>
      </c>
      <c r="K3738" s="9" t="s">
        <v>16018</v>
      </c>
      <c r="M3738" s="10" t="s">
        <v>22</v>
      </c>
      <c r="N3738" s="10" t="s">
        <v>22</v>
      </c>
      <c r="O3738" s="10" t="s">
        <v>22</v>
      </c>
      <c r="P3738" s="10" t="s">
        <v>22</v>
      </c>
      <c r="Q3738" s="10" t="s">
        <v>22</v>
      </c>
      <c r="R3738" s="10" t="s">
        <v>22</v>
      </c>
      <c r="S3738" s="10" t="s">
        <v>22</v>
      </c>
      <c r="T3738" s="10" t="s">
        <v>22</v>
      </c>
      <c r="W3738" s="10" t="s">
        <v>22</v>
      </c>
      <c r="Y3738" s="10" t="s">
        <v>22</v>
      </c>
      <c r="Z3738" s="10" t="s">
        <v>22</v>
      </c>
    </row>
    <row r="3739" spans="1:26" ht="24" customHeight="1" x14ac:dyDescent="0.2">
      <c r="A3739" s="9" t="s">
        <v>20901</v>
      </c>
      <c r="B3739" s="9" t="s">
        <v>15917</v>
      </c>
      <c r="C3739" s="9" t="s">
        <v>16019</v>
      </c>
      <c r="D3739" s="6" t="s">
        <v>16020</v>
      </c>
      <c r="E3739" s="22">
        <v>44661</v>
      </c>
      <c r="F3739" s="22">
        <v>46486</v>
      </c>
      <c r="G3739" s="6" t="s">
        <v>16021</v>
      </c>
      <c r="H3739" s="6" t="s">
        <v>18</v>
      </c>
      <c r="I3739" s="6" t="s">
        <v>16022</v>
      </c>
      <c r="J3739" s="6" t="s">
        <v>16023</v>
      </c>
      <c r="K3739" s="9" t="s">
        <v>16024</v>
      </c>
      <c r="L3739" s="10" t="s">
        <v>22</v>
      </c>
      <c r="M3739" s="10" t="s">
        <v>22</v>
      </c>
      <c r="N3739" s="10" t="s">
        <v>22</v>
      </c>
      <c r="O3739" s="10" t="s">
        <v>22</v>
      </c>
      <c r="P3739" s="10" t="s">
        <v>22</v>
      </c>
      <c r="Q3739" s="10" t="s">
        <v>22</v>
      </c>
      <c r="R3739" s="10" t="s">
        <v>22</v>
      </c>
      <c r="S3739" s="10" t="s">
        <v>22</v>
      </c>
      <c r="T3739" s="10" t="s">
        <v>22</v>
      </c>
    </row>
    <row r="3740" spans="1:26" ht="24" customHeight="1" x14ac:dyDescent="0.2">
      <c r="A3740" s="9" t="s">
        <v>20902</v>
      </c>
      <c r="B3740" s="9" t="s">
        <v>15917</v>
      </c>
      <c r="C3740" s="9" t="s">
        <v>156</v>
      </c>
      <c r="D3740" s="6" t="s">
        <v>16025</v>
      </c>
      <c r="E3740" s="22">
        <v>44880</v>
      </c>
      <c r="F3740" s="22">
        <v>46705</v>
      </c>
      <c r="G3740" s="6" t="s">
        <v>16026</v>
      </c>
      <c r="H3740" s="6" t="s">
        <v>18</v>
      </c>
      <c r="I3740" s="6" t="s">
        <v>518</v>
      </c>
      <c r="J3740" s="6" t="s">
        <v>16027</v>
      </c>
      <c r="K3740" s="9" t="s">
        <v>16028</v>
      </c>
      <c r="L3740" s="10" t="s">
        <v>22</v>
      </c>
      <c r="M3740" s="10" t="s">
        <v>22</v>
      </c>
      <c r="N3740" s="10" t="s">
        <v>22</v>
      </c>
      <c r="O3740" s="10" t="s">
        <v>22</v>
      </c>
      <c r="P3740" s="10" t="s">
        <v>22</v>
      </c>
      <c r="Q3740" s="10" t="s">
        <v>22</v>
      </c>
      <c r="R3740" s="10" t="s">
        <v>22</v>
      </c>
      <c r="S3740" s="10" t="s">
        <v>22</v>
      </c>
      <c r="T3740" s="10" t="s">
        <v>22</v>
      </c>
      <c r="U3740" s="10" t="s">
        <v>22</v>
      </c>
      <c r="V3740" s="10" t="s">
        <v>22</v>
      </c>
      <c r="W3740" s="10" t="s">
        <v>22</v>
      </c>
      <c r="X3740" s="10" t="s">
        <v>22</v>
      </c>
      <c r="Y3740" s="10" t="s">
        <v>22</v>
      </c>
      <c r="Z3740" s="10" t="s">
        <v>22</v>
      </c>
    </row>
    <row r="3741" spans="1:26" ht="24" customHeight="1" x14ac:dyDescent="0.2">
      <c r="A3741" s="9" t="s">
        <v>20903</v>
      </c>
      <c r="B3741" s="9" t="s">
        <v>15917</v>
      </c>
      <c r="C3741" s="9" t="s">
        <v>15195</v>
      </c>
      <c r="D3741" s="6" t="s">
        <v>16029</v>
      </c>
      <c r="E3741" s="22">
        <v>43920</v>
      </c>
      <c r="F3741" s="22">
        <v>45745</v>
      </c>
      <c r="G3741" s="6" t="s">
        <v>16030</v>
      </c>
      <c r="H3741" s="6" t="s">
        <v>18</v>
      </c>
      <c r="I3741" s="6" t="s">
        <v>518</v>
      </c>
      <c r="J3741" s="6" t="s">
        <v>16031</v>
      </c>
      <c r="K3741" s="9" t="s">
        <v>17264</v>
      </c>
      <c r="L3741" s="10" t="s">
        <v>22</v>
      </c>
      <c r="M3741" s="10" t="s">
        <v>22</v>
      </c>
      <c r="N3741" s="10" t="s">
        <v>22</v>
      </c>
      <c r="O3741" s="10" t="s">
        <v>22</v>
      </c>
      <c r="P3741" s="10" t="s">
        <v>22</v>
      </c>
      <c r="Q3741" s="10" t="s">
        <v>22</v>
      </c>
      <c r="R3741" s="10" t="s">
        <v>22</v>
      </c>
      <c r="S3741" s="10" t="s">
        <v>22</v>
      </c>
      <c r="T3741" s="10" t="s">
        <v>22</v>
      </c>
      <c r="U3741" s="10" t="s">
        <v>22</v>
      </c>
      <c r="V3741" s="10" t="s">
        <v>22</v>
      </c>
      <c r="W3741" s="10" t="s">
        <v>22</v>
      </c>
      <c r="X3741" s="10" t="s">
        <v>22</v>
      </c>
      <c r="Y3741" s="10" t="s">
        <v>22</v>
      </c>
      <c r="Z3741" s="10" t="s">
        <v>22</v>
      </c>
    </row>
    <row r="3742" spans="1:26" ht="24" customHeight="1" x14ac:dyDescent="0.2">
      <c r="A3742" s="9" t="s">
        <v>20904</v>
      </c>
      <c r="B3742" s="9" t="s">
        <v>15917</v>
      </c>
      <c r="C3742" s="9" t="s">
        <v>13715</v>
      </c>
      <c r="D3742" s="6" t="s">
        <v>16032</v>
      </c>
      <c r="E3742" s="22">
        <v>44810</v>
      </c>
      <c r="F3742" s="22">
        <v>46635</v>
      </c>
      <c r="G3742" s="6" t="s">
        <v>16033</v>
      </c>
      <c r="H3742" s="6" t="s">
        <v>18</v>
      </c>
      <c r="I3742" s="6" t="s">
        <v>518</v>
      </c>
      <c r="J3742" s="6" t="s">
        <v>16034</v>
      </c>
      <c r="K3742" s="9" t="s">
        <v>16035</v>
      </c>
      <c r="L3742" s="10" t="s">
        <v>22</v>
      </c>
      <c r="N3742" s="10" t="s">
        <v>22</v>
      </c>
      <c r="O3742" s="10" t="s">
        <v>22</v>
      </c>
      <c r="Q3742" s="10" t="s">
        <v>22</v>
      </c>
      <c r="U3742" s="10" t="s">
        <v>22</v>
      </c>
      <c r="W3742" s="10" t="s">
        <v>22</v>
      </c>
      <c r="X3742" s="10" t="s">
        <v>22</v>
      </c>
      <c r="Z3742" s="10" t="s">
        <v>22</v>
      </c>
    </row>
    <row r="3743" spans="1:26" ht="24" customHeight="1" x14ac:dyDescent="0.2">
      <c r="A3743" s="9" t="s">
        <v>20905</v>
      </c>
      <c r="B3743" s="9" t="s">
        <v>15917</v>
      </c>
      <c r="C3743" s="9" t="s">
        <v>166</v>
      </c>
      <c r="D3743" s="6" t="s">
        <v>16036</v>
      </c>
      <c r="E3743" s="22">
        <v>44682</v>
      </c>
      <c r="F3743" s="22">
        <v>46507</v>
      </c>
      <c r="G3743" s="6" t="s">
        <v>16037</v>
      </c>
      <c r="H3743" s="6" t="s">
        <v>18</v>
      </c>
      <c r="I3743" s="6" t="s">
        <v>518</v>
      </c>
      <c r="J3743" s="6" t="s">
        <v>16038</v>
      </c>
      <c r="K3743" s="9" t="s">
        <v>16039</v>
      </c>
      <c r="L3743" s="10" t="s">
        <v>22</v>
      </c>
      <c r="M3743" s="10" t="s">
        <v>22</v>
      </c>
      <c r="N3743" s="10" t="s">
        <v>22</v>
      </c>
      <c r="O3743" s="10" t="s">
        <v>22</v>
      </c>
      <c r="P3743" s="10" t="s">
        <v>22</v>
      </c>
      <c r="Q3743" s="10" t="s">
        <v>22</v>
      </c>
      <c r="U3743" s="10" t="s">
        <v>22</v>
      </c>
      <c r="V3743" s="10" t="s">
        <v>22</v>
      </c>
      <c r="W3743" s="10" t="s">
        <v>22</v>
      </c>
      <c r="X3743" s="10" t="s">
        <v>22</v>
      </c>
      <c r="Y3743" s="10" t="s">
        <v>22</v>
      </c>
      <c r="Z3743" s="10" t="s">
        <v>22</v>
      </c>
    </row>
    <row r="3744" spans="1:26" ht="24" customHeight="1" x14ac:dyDescent="0.2">
      <c r="A3744" s="9" t="s">
        <v>20906</v>
      </c>
      <c r="B3744" s="9" t="s">
        <v>15917</v>
      </c>
      <c r="C3744" s="9" t="s">
        <v>16040</v>
      </c>
      <c r="D3744" s="6" t="s">
        <v>16041</v>
      </c>
      <c r="E3744" s="22">
        <v>44720</v>
      </c>
      <c r="F3744" s="22">
        <v>46545</v>
      </c>
      <c r="G3744" s="6" t="s">
        <v>16042</v>
      </c>
      <c r="H3744" s="6" t="s">
        <v>18</v>
      </c>
      <c r="I3744" s="6" t="s">
        <v>16022</v>
      </c>
      <c r="J3744" s="6" t="s">
        <v>16043</v>
      </c>
      <c r="K3744" s="9" t="s">
        <v>16044</v>
      </c>
      <c r="L3744" s="10" t="s">
        <v>22</v>
      </c>
      <c r="M3744" s="10" t="s">
        <v>22</v>
      </c>
      <c r="N3744" s="10" t="s">
        <v>22</v>
      </c>
      <c r="O3744" s="10" t="s">
        <v>22</v>
      </c>
      <c r="P3744" s="10" t="s">
        <v>22</v>
      </c>
      <c r="Q3744" s="10" t="s">
        <v>22</v>
      </c>
      <c r="R3744" s="10" t="s">
        <v>22</v>
      </c>
      <c r="S3744" s="10" t="s">
        <v>22</v>
      </c>
      <c r="T3744" s="10" t="s">
        <v>22</v>
      </c>
      <c r="U3744" s="10" t="s">
        <v>22</v>
      </c>
      <c r="V3744" s="10" t="s">
        <v>22</v>
      </c>
      <c r="W3744" s="10" t="s">
        <v>22</v>
      </c>
      <c r="X3744" s="10" t="s">
        <v>22</v>
      </c>
      <c r="Y3744" s="10" t="s">
        <v>22</v>
      </c>
      <c r="Z3744" s="10" t="s">
        <v>22</v>
      </c>
    </row>
    <row r="3745" spans="1:26" ht="24" customHeight="1" x14ac:dyDescent="0.2">
      <c r="A3745" s="9" t="s">
        <v>20907</v>
      </c>
      <c r="B3745" s="9" t="s">
        <v>15917</v>
      </c>
      <c r="C3745" s="9" t="s">
        <v>13725</v>
      </c>
      <c r="D3745" s="6" t="s">
        <v>16045</v>
      </c>
      <c r="E3745" s="22">
        <v>44761</v>
      </c>
      <c r="F3745" s="22">
        <v>46586</v>
      </c>
      <c r="G3745" s="6" t="s">
        <v>16046</v>
      </c>
      <c r="H3745" s="6" t="s">
        <v>18</v>
      </c>
      <c r="I3745" s="6" t="s">
        <v>518</v>
      </c>
      <c r="J3745" s="6" t="s">
        <v>16047</v>
      </c>
      <c r="K3745" s="9" t="s">
        <v>16048</v>
      </c>
      <c r="L3745" s="10" t="s">
        <v>22</v>
      </c>
      <c r="M3745" s="10" t="s">
        <v>22</v>
      </c>
      <c r="N3745" s="10" t="s">
        <v>22</v>
      </c>
      <c r="O3745" s="10" t="s">
        <v>22</v>
      </c>
      <c r="P3745" s="10" t="s">
        <v>22</v>
      </c>
      <c r="Q3745" s="10" t="s">
        <v>22</v>
      </c>
      <c r="R3745" s="10" t="s">
        <v>22</v>
      </c>
      <c r="S3745" s="10" t="s">
        <v>22</v>
      </c>
      <c r="T3745" s="10" t="s">
        <v>22</v>
      </c>
      <c r="U3745" s="10" t="s">
        <v>22</v>
      </c>
      <c r="V3745" s="10" t="s">
        <v>22</v>
      </c>
      <c r="W3745" s="10" t="s">
        <v>22</v>
      </c>
      <c r="X3745" s="10" t="s">
        <v>22</v>
      </c>
      <c r="Y3745" s="10" t="s">
        <v>22</v>
      </c>
      <c r="Z3745" s="10" t="s">
        <v>22</v>
      </c>
    </row>
    <row r="3746" spans="1:26" ht="24" customHeight="1" x14ac:dyDescent="0.2">
      <c r="A3746" s="9" t="s">
        <v>20908</v>
      </c>
      <c r="B3746" s="9" t="s">
        <v>15917</v>
      </c>
      <c r="C3746" s="9" t="s">
        <v>16049</v>
      </c>
      <c r="D3746" s="6" t="s">
        <v>16050</v>
      </c>
      <c r="E3746" s="22">
        <v>44824</v>
      </c>
      <c r="F3746" s="22">
        <v>46649</v>
      </c>
      <c r="G3746" s="6" t="s">
        <v>16051</v>
      </c>
      <c r="H3746" s="6" t="s">
        <v>18</v>
      </c>
      <c r="I3746" s="6" t="s">
        <v>16022</v>
      </c>
      <c r="J3746" s="6" t="s">
        <v>16052</v>
      </c>
      <c r="K3746" s="9" t="s">
        <v>16053</v>
      </c>
      <c r="L3746" s="10" t="s">
        <v>22</v>
      </c>
      <c r="M3746" s="10" t="s">
        <v>22</v>
      </c>
      <c r="N3746" s="10" t="s">
        <v>22</v>
      </c>
      <c r="O3746" s="10" t="s">
        <v>22</v>
      </c>
      <c r="P3746" s="10" t="s">
        <v>22</v>
      </c>
      <c r="Q3746" s="10" t="s">
        <v>22</v>
      </c>
      <c r="R3746" s="10" t="s">
        <v>22</v>
      </c>
      <c r="S3746" s="10" t="s">
        <v>22</v>
      </c>
      <c r="T3746" s="10" t="s">
        <v>22</v>
      </c>
    </row>
    <row r="3747" spans="1:26" ht="24" customHeight="1" x14ac:dyDescent="0.2">
      <c r="A3747" s="9" t="s">
        <v>20909</v>
      </c>
      <c r="B3747" s="9" t="s">
        <v>15917</v>
      </c>
      <c r="C3747" s="9" t="s">
        <v>189</v>
      </c>
      <c r="D3747" s="6" t="s">
        <v>16054</v>
      </c>
      <c r="E3747" s="22">
        <v>45256</v>
      </c>
      <c r="F3747" s="22">
        <v>47082</v>
      </c>
      <c r="G3747" s="6" t="s">
        <v>16055</v>
      </c>
      <c r="H3747" s="6" t="s">
        <v>18</v>
      </c>
      <c r="I3747" s="6" t="s">
        <v>1769</v>
      </c>
      <c r="J3747" s="6" t="s">
        <v>16056</v>
      </c>
      <c r="K3747" s="9" t="s">
        <v>16057</v>
      </c>
      <c r="L3747" s="10" t="s">
        <v>22</v>
      </c>
      <c r="M3747" s="10" t="s">
        <v>22</v>
      </c>
      <c r="N3747" s="10" t="s">
        <v>22</v>
      </c>
      <c r="O3747" s="10" t="s">
        <v>22</v>
      </c>
      <c r="P3747" s="10" t="s">
        <v>22</v>
      </c>
      <c r="Q3747" s="10" t="s">
        <v>22</v>
      </c>
      <c r="R3747" s="10" t="s">
        <v>22</v>
      </c>
      <c r="S3747" s="10" t="s">
        <v>22</v>
      </c>
      <c r="T3747" s="10" t="s">
        <v>22</v>
      </c>
      <c r="U3747" s="10" t="s">
        <v>22</v>
      </c>
      <c r="V3747" s="10" t="s">
        <v>22</v>
      </c>
      <c r="W3747" s="10" t="s">
        <v>22</v>
      </c>
      <c r="X3747" s="10" t="s">
        <v>22</v>
      </c>
      <c r="Y3747" s="10" t="s">
        <v>22</v>
      </c>
      <c r="Z3747" s="10" t="s">
        <v>22</v>
      </c>
    </row>
    <row r="3748" spans="1:26" ht="24" customHeight="1" x14ac:dyDescent="0.2">
      <c r="A3748" s="9" t="s">
        <v>20910</v>
      </c>
      <c r="B3748" s="9" t="s">
        <v>15917</v>
      </c>
      <c r="C3748" s="9" t="s">
        <v>194</v>
      </c>
      <c r="D3748" s="6" t="s">
        <v>16058</v>
      </c>
      <c r="E3748" s="22">
        <v>45242</v>
      </c>
      <c r="F3748" s="22">
        <v>47068</v>
      </c>
      <c r="G3748" s="6" t="s">
        <v>16059</v>
      </c>
      <c r="H3748" s="6" t="s">
        <v>18</v>
      </c>
      <c r="I3748" s="6" t="s">
        <v>16022</v>
      </c>
      <c r="J3748" s="6" t="s">
        <v>16060</v>
      </c>
      <c r="K3748" s="9" t="s">
        <v>16061</v>
      </c>
      <c r="M3748" s="10" t="s">
        <v>22</v>
      </c>
      <c r="N3748" s="10" t="s">
        <v>22</v>
      </c>
      <c r="V3748" s="10" t="s">
        <v>22</v>
      </c>
      <c r="W3748" s="10" t="s">
        <v>22</v>
      </c>
    </row>
    <row r="3749" spans="1:26" ht="24" customHeight="1" x14ac:dyDescent="0.2">
      <c r="A3749" s="9" t="s">
        <v>20911</v>
      </c>
      <c r="B3749" s="9" t="s">
        <v>15917</v>
      </c>
      <c r="C3749" s="9" t="s">
        <v>199</v>
      </c>
      <c r="D3749" s="6" t="s">
        <v>16062</v>
      </c>
      <c r="E3749" s="22">
        <v>45377</v>
      </c>
      <c r="F3749" s="22">
        <v>47202</v>
      </c>
      <c r="G3749" s="6" t="s">
        <v>16063</v>
      </c>
      <c r="H3749" s="6" t="s">
        <v>18</v>
      </c>
      <c r="I3749" s="6" t="s">
        <v>518</v>
      </c>
      <c r="J3749" s="6" t="s">
        <v>16064</v>
      </c>
      <c r="K3749" s="9" t="s">
        <v>16065</v>
      </c>
      <c r="L3749" s="10" t="s">
        <v>22</v>
      </c>
      <c r="M3749" s="10" t="s">
        <v>22</v>
      </c>
      <c r="N3749" s="10" t="s">
        <v>22</v>
      </c>
      <c r="O3749" s="10" t="s">
        <v>22</v>
      </c>
      <c r="P3749" s="10" t="s">
        <v>22</v>
      </c>
      <c r="Q3749" s="10" t="s">
        <v>22</v>
      </c>
      <c r="R3749" s="10" t="s">
        <v>22</v>
      </c>
      <c r="S3749" s="10" t="s">
        <v>22</v>
      </c>
      <c r="T3749" s="10" t="s">
        <v>22</v>
      </c>
      <c r="U3749" s="10" t="s">
        <v>22</v>
      </c>
      <c r="V3749" s="10" t="s">
        <v>22</v>
      </c>
      <c r="W3749" s="10" t="s">
        <v>22</v>
      </c>
      <c r="X3749" s="10" t="s">
        <v>22</v>
      </c>
      <c r="Y3749" s="10" t="s">
        <v>22</v>
      </c>
      <c r="Z3749" s="10" t="s">
        <v>22</v>
      </c>
    </row>
    <row r="3750" spans="1:26" ht="24" customHeight="1" x14ac:dyDescent="0.2">
      <c r="A3750" s="9" t="s">
        <v>20912</v>
      </c>
      <c r="B3750" s="9" t="s">
        <v>15917</v>
      </c>
      <c r="C3750" s="9" t="s">
        <v>14014</v>
      </c>
      <c r="D3750" s="6" t="s">
        <v>16066</v>
      </c>
      <c r="E3750" s="22">
        <v>44168</v>
      </c>
      <c r="F3750" s="22">
        <v>45993</v>
      </c>
      <c r="G3750" s="6" t="s">
        <v>16067</v>
      </c>
      <c r="H3750" s="6" t="s">
        <v>18</v>
      </c>
      <c r="I3750" s="6" t="s">
        <v>518</v>
      </c>
      <c r="J3750" s="6" t="s">
        <v>16068</v>
      </c>
      <c r="K3750" s="9" t="s">
        <v>16069</v>
      </c>
      <c r="L3750" s="10" t="s">
        <v>22</v>
      </c>
      <c r="M3750" s="10" t="s">
        <v>22</v>
      </c>
      <c r="N3750" s="10" t="s">
        <v>22</v>
      </c>
      <c r="O3750" s="10" t="s">
        <v>22</v>
      </c>
      <c r="P3750" s="10" t="s">
        <v>22</v>
      </c>
      <c r="Q3750" s="10" t="s">
        <v>22</v>
      </c>
      <c r="R3750" s="10" t="s">
        <v>22</v>
      </c>
      <c r="S3750" s="10" t="s">
        <v>22</v>
      </c>
      <c r="T3750" s="10" t="s">
        <v>22</v>
      </c>
      <c r="U3750" s="10" t="s">
        <v>22</v>
      </c>
      <c r="V3750" s="10" t="s">
        <v>22</v>
      </c>
      <c r="W3750" s="10" t="s">
        <v>22</v>
      </c>
      <c r="X3750" s="10" t="s">
        <v>22</v>
      </c>
      <c r="Y3750" s="10" t="s">
        <v>22</v>
      </c>
      <c r="Z3750" s="10" t="s">
        <v>22</v>
      </c>
    </row>
    <row r="3751" spans="1:26" ht="24" customHeight="1" x14ac:dyDescent="0.2">
      <c r="A3751" s="9" t="s">
        <v>20913</v>
      </c>
      <c r="B3751" s="9" t="s">
        <v>15917</v>
      </c>
      <c r="C3751" s="9" t="s">
        <v>16070</v>
      </c>
      <c r="D3751" s="6" t="s">
        <v>16071</v>
      </c>
      <c r="E3751" s="22">
        <v>44202</v>
      </c>
      <c r="F3751" s="22">
        <v>46027</v>
      </c>
      <c r="G3751" s="6" t="s">
        <v>16072</v>
      </c>
      <c r="H3751" s="6" t="s">
        <v>18</v>
      </c>
      <c r="I3751" s="6" t="s">
        <v>1769</v>
      </c>
      <c r="J3751" s="6" t="s">
        <v>16073</v>
      </c>
      <c r="K3751" s="9" t="s">
        <v>16074</v>
      </c>
      <c r="L3751" s="10" t="s">
        <v>22</v>
      </c>
      <c r="M3751" s="10" t="s">
        <v>22</v>
      </c>
      <c r="N3751" s="10" t="s">
        <v>22</v>
      </c>
      <c r="O3751" s="10" t="s">
        <v>22</v>
      </c>
      <c r="P3751" s="10" t="s">
        <v>22</v>
      </c>
      <c r="Q3751" s="10" t="s">
        <v>22</v>
      </c>
      <c r="R3751" s="10" t="s">
        <v>22</v>
      </c>
      <c r="S3751" s="10" t="s">
        <v>22</v>
      </c>
      <c r="T3751" s="10" t="s">
        <v>22</v>
      </c>
      <c r="U3751" s="10" t="s">
        <v>22</v>
      </c>
      <c r="V3751" s="10" t="s">
        <v>22</v>
      </c>
      <c r="W3751" s="10" t="s">
        <v>22</v>
      </c>
      <c r="X3751" s="10" t="s">
        <v>22</v>
      </c>
      <c r="Y3751" s="10" t="s">
        <v>22</v>
      </c>
      <c r="Z3751" s="10" t="s">
        <v>22</v>
      </c>
    </row>
    <row r="3752" spans="1:26" ht="24" customHeight="1" x14ac:dyDescent="0.2">
      <c r="A3752" s="9" t="s">
        <v>20914</v>
      </c>
      <c r="B3752" s="9" t="s">
        <v>15917</v>
      </c>
      <c r="C3752" s="9" t="s">
        <v>16075</v>
      </c>
      <c r="D3752" s="6" t="s">
        <v>16076</v>
      </c>
      <c r="E3752" s="22">
        <v>44465</v>
      </c>
      <c r="F3752" s="22">
        <v>46290</v>
      </c>
      <c r="G3752" s="6" t="s">
        <v>16077</v>
      </c>
      <c r="H3752" s="6" t="s">
        <v>18</v>
      </c>
      <c r="I3752" s="6" t="s">
        <v>16022</v>
      </c>
      <c r="J3752" s="6" t="s">
        <v>16078</v>
      </c>
      <c r="K3752" s="9" t="s">
        <v>16079</v>
      </c>
      <c r="L3752" s="10" t="s">
        <v>22</v>
      </c>
      <c r="M3752" s="10" t="s">
        <v>22</v>
      </c>
      <c r="N3752" s="10" t="s">
        <v>22</v>
      </c>
      <c r="O3752" s="10" t="s">
        <v>22</v>
      </c>
      <c r="P3752" s="10" t="s">
        <v>22</v>
      </c>
      <c r="Q3752" s="10" t="s">
        <v>22</v>
      </c>
      <c r="R3752" s="10" t="s">
        <v>22</v>
      </c>
      <c r="S3752" s="10" t="s">
        <v>22</v>
      </c>
      <c r="T3752" s="10" t="s">
        <v>22</v>
      </c>
      <c r="U3752" s="10" t="s">
        <v>22</v>
      </c>
      <c r="V3752" s="10" t="s">
        <v>22</v>
      </c>
      <c r="W3752" s="10" t="s">
        <v>22</v>
      </c>
      <c r="X3752" s="10" t="s">
        <v>22</v>
      </c>
      <c r="Y3752" s="10" t="s">
        <v>22</v>
      </c>
      <c r="Z3752" s="10" t="s">
        <v>22</v>
      </c>
    </row>
    <row r="3753" spans="1:26" ht="24" customHeight="1" x14ac:dyDescent="0.2">
      <c r="A3753" s="9" t="s">
        <v>20915</v>
      </c>
      <c r="B3753" s="9" t="s">
        <v>15917</v>
      </c>
      <c r="C3753" s="9" t="s">
        <v>14019</v>
      </c>
      <c r="D3753" s="6" t="s">
        <v>16080</v>
      </c>
      <c r="E3753" s="22">
        <v>44557</v>
      </c>
      <c r="F3753" s="22">
        <v>46382</v>
      </c>
      <c r="G3753" s="6" t="s">
        <v>16081</v>
      </c>
      <c r="H3753" s="6" t="s">
        <v>18</v>
      </c>
      <c r="I3753" s="6" t="s">
        <v>1769</v>
      </c>
      <c r="J3753" s="6" t="s">
        <v>16082</v>
      </c>
      <c r="K3753" s="9" t="s">
        <v>16083</v>
      </c>
      <c r="L3753" s="10" t="s">
        <v>22</v>
      </c>
      <c r="M3753" s="10" t="s">
        <v>22</v>
      </c>
      <c r="N3753" s="10" t="s">
        <v>22</v>
      </c>
      <c r="O3753" s="10" t="s">
        <v>22</v>
      </c>
      <c r="P3753" s="10" t="s">
        <v>22</v>
      </c>
      <c r="Q3753" s="10" t="s">
        <v>22</v>
      </c>
      <c r="R3753" s="10" t="s">
        <v>22</v>
      </c>
      <c r="S3753" s="10" t="s">
        <v>22</v>
      </c>
      <c r="T3753" s="10" t="s">
        <v>22</v>
      </c>
      <c r="U3753" s="10" t="s">
        <v>22</v>
      </c>
      <c r="V3753" s="10" t="s">
        <v>22</v>
      </c>
      <c r="W3753" s="10" t="s">
        <v>22</v>
      </c>
      <c r="X3753" s="10" t="s">
        <v>22</v>
      </c>
      <c r="Y3753" s="10" t="s">
        <v>22</v>
      </c>
      <c r="Z3753" s="10" t="s">
        <v>22</v>
      </c>
    </row>
    <row r="3754" spans="1:26" ht="24" customHeight="1" x14ac:dyDescent="0.2">
      <c r="A3754" s="9" t="s">
        <v>20916</v>
      </c>
      <c r="B3754" s="9" t="s">
        <v>15917</v>
      </c>
      <c r="C3754" s="9" t="s">
        <v>14022</v>
      </c>
      <c r="D3754" s="6" t="s">
        <v>16084</v>
      </c>
      <c r="E3754" s="22">
        <v>44558</v>
      </c>
      <c r="F3754" s="22">
        <v>46383</v>
      </c>
      <c r="G3754" s="6" t="s">
        <v>16085</v>
      </c>
      <c r="H3754" s="6" t="s">
        <v>18</v>
      </c>
      <c r="I3754" s="6" t="s">
        <v>1769</v>
      </c>
      <c r="J3754" s="6" t="s">
        <v>16086</v>
      </c>
      <c r="K3754" s="9" t="s">
        <v>16087</v>
      </c>
      <c r="L3754" s="10" t="s">
        <v>22</v>
      </c>
      <c r="M3754" s="10" t="s">
        <v>22</v>
      </c>
      <c r="N3754" s="10" t="s">
        <v>22</v>
      </c>
      <c r="O3754" s="10" t="s">
        <v>22</v>
      </c>
      <c r="P3754" s="10" t="s">
        <v>22</v>
      </c>
      <c r="Q3754" s="10" t="s">
        <v>22</v>
      </c>
      <c r="R3754" s="10" t="s">
        <v>22</v>
      </c>
      <c r="S3754" s="10" t="s">
        <v>22</v>
      </c>
      <c r="T3754" s="10" t="s">
        <v>22</v>
      </c>
      <c r="U3754" s="10" t="s">
        <v>22</v>
      </c>
      <c r="V3754" s="10" t="s">
        <v>22</v>
      </c>
      <c r="W3754" s="10" t="s">
        <v>22</v>
      </c>
      <c r="X3754" s="10" t="s">
        <v>22</v>
      </c>
      <c r="Y3754" s="10" t="s">
        <v>22</v>
      </c>
      <c r="Z3754" s="10" t="s">
        <v>22</v>
      </c>
    </row>
    <row r="3755" spans="1:26" ht="24" customHeight="1" x14ac:dyDescent="0.2">
      <c r="A3755" s="9" t="s">
        <v>20917</v>
      </c>
      <c r="B3755" s="9" t="s">
        <v>15917</v>
      </c>
      <c r="C3755" s="9" t="s">
        <v>13745</v>
      </c>
      <c r="D3755" s="6" t="s">
        <v>16088</v>
      </c>
      <c r="E3755" s="22">
        <v>44635</v>
      </c>
      <c r="F3755" s="22">
        <v>46460</v>
      </c>
      <c r="G3755" s="6" t="s">
        <v>16089</v>
      </c>
      <c r="H3755" s="6" t="s">
        <v>18</v>
      </c>
      <c r="I3755" s="6" t="s">
        <v>518</v>
      </c>
      <c r="J3755" s="6" t="s">
        <v>16090</v>
      </c>
      <c r="K3755" s="9" t="s">
        <v>16091</v>
      </c>
      <c r="L3755" s="10" t="s">
        <v>22</v>
      </c>
      <c r="M3755" s="10" t="s">
        <v>22</v>
      </c>
      <c r="N3755" s="10" t="s">
        <v>22</v>
      </c>
      <c r="O3755" s="10" t="s">
        <v>22</v>
      </c>
      <c r="P3755" s="10" t="s">
        <v>22</v>
      </c>
      <c r="Q3755" s="10" t="s">
        <v>22</v>
      </c>
      <c r="R3755" s="10" t="s">
        <v>22</v>
      </c>
      <c r="S3755" s="10" t="s">
        <v>22</v>
      </c>
      <c r="T3755" s="10" t="s">
        <v>22</v>
      </c>
      <c r="U3755" s="10" t="s">
        <v>22</v>
      </c>
      <c r="V3755" s="10" t="s">
        <v>22</v>
      </c>
      <c r="W3755" s="10" t="s">
        <v>22</v>
      </c>
      <c r="X3755" s="10" t="s">
        <v>22</v>
      </c>
      <c r="Y3755" s="10" t="s">
        <v>22</v>
      </c>
      <c r="Z3755" s="10" t="s">
        <v>22</v>
      </c>
    </row>
    <row r="3756" spans="1:26" ht="24" customHeight="1" x14ac:dyDescent="0.2">
      <c r="A3756" s="9" t="s">
        <v>20918</v>
      </c>
      <c r="B3756" s="9" t="s">
        <v>15917</v>
      </c>
      <c r="C3756" s="9" t="s">
        <v>14030</v>
      </c>
      <c r="D3756" s="6" t="s">
        <v>16092</v>
      </c>
      <c r="E3756" s="22">
        <v>44691</v>
      </c>
      <c r="F3756" s="22">
        <v>46516</v>
      </c>
      <c r="G3756" s="6" t="s">
        <v>16093</v>
      </c>
      <c r="H3756" s="6" t="s">
        <v>18</v>
      </c>
      <c r="I3756" s="6" t="s">
        <v>16022</v>
      </c>
      <c r="J3756" s="6" t="s">
        <v>16094</v>
      </c>
      <c r="K3756" s="9" t="s">
        <v>16095</v>
      </c>
      <c r="L3756" s="10" t="s">
        <v>22</v>
      </c>
      <c r="M3756" s="10" t="s">
        <v>22</v>
      </c>
      <c r="N3756" s="10" t="s">
        <v>22</v>
      </c>
      <c r="O3756" s="10" t="s">
        <v>22</v>
      </c>
      <c r="P3756" s="10" t="s">
        <v>22</v>
      </c>
      <c r="Q3756" s="10" t="s">
        <v>22</v>
      </c>
      <c r="R3756" s="10" t="s">
        <v>22</v>
      </c>
      <c r="S3756" s="10" t="s">
        <v>22</v>
      </c>
      <c r="T3756" s="10" t="s">
        <v>22</v>
      </c>
      <c r="U3756" s="10" t="s">
        <v>22</v>
      </c>
      <c r="V3756" s="10" t="s">
        <v>22</v>
      </c>
      <c r="W3756" s="10" t="s">
        <v>22</v>
      </c>
      <c r="X3756" s="10" t="s">
        <v>22</v>
      </c>
      <c r="Y3756" s="10" t="s">
        <v>22</v>
      </c>
      <c r="Z3756" s="10" t="s">
        <v>22</v>
      </c>
    </row>
    <row r="3757" spans="1:26" ht="24" customHeight="1" x14ac:dyDescent="0.2">
      <c r="A3757" s="9" t="s">
        <v>20919</v>
      </c>
      <c r="B3757" s="9" t="s">
        <v>15917</v>
      </c>
      <c r="C3757" s="9" t="s">
        <v>16096</v>
      </c>
      <c r="D3757" s="6" t="s">
        <v>16097</v>
      </c>
      <c r="E3757" s="22">
        <v>44882</v>
      </c>
      <c r="F3757" s="22">
        <v>46707</v>
      </c>
      <c r="G3757" s="6" t="s">
        <v>16098</v>
      </c>
      <c r="H3757" s="6" t="s">
        <v>18</v>
      </c>
      <c r="I3757" s="6" t="s">
        <v>16022</v>
      </c>
      <c r="J3757" s="6" t="s">
        <v>16099</v>
      </c>
      <c r="L3757" s="10" t="s">
        <v>22</v>
      </c>
      <c r="M3757" s="10" t="s">
        <v>22</v>
      </c>
      <c r="N3757" s="10" t="s">
        <v>22</v>
      </c>
    </row>
    <row r="3758" spans="1:26" ht="24" customHeight="1" x14ac:dyDescent="0.2">
      <c r="A3758" s="9" t="s">
        <v>20920</v>
      </c>
      <c r="B3758" s="9" t="s">
        <v>15917</v>
      </c>
      <c r="C3758" s="9" t="s">
        <v>16100</v>
      </c>
      <c r="D3758" s="6" t="s">
        <v>16101</v>
      </c>
      <c r="E3758" s="22">
        <v>45018</v>
      </c>
      <c r="F3758" s="22">
        <v>46844</v>
      </c>
      <c r="G3758" s="6" t="s">
        <v>16102</v>
      </c>
      <c r="H3758" s="6" t="s">
        <v>18</v>
      </c>
      <c r="I3758" s="6" t="s">
        <v>518</v>
      </c>
      <c r="J3758" s="6" t="s">
        <v>16103</v>
      </c>
      <c r="L3758" s="10" t="s">
        <v>22</v>
      </c>
      <c r="M3758" s="10" t="s">
        <v>22</v>
      </c>
      <c r="N3758" s="10" t="s">
        <v>22</v>
      </c>
      <c r="O3758" s="10" t="s">
        <v>22</v>
      </c>
      <c r="P3758" s="10" t="s">
        <v>22</v>
      </c>
      <c r="Q3758" s="10" t="s">
        <v>22</v>
      </c>
      <c r="R3758" s="10" t="s">
        <v>22</v>
      </c>
      <c r="S3758" s="10" t="s">
        <v>22</v>
      </c>
      <c r="T3758" s="10" t="s">
        <v>22</v>
      </c>
      <c r="U3758" s="10" t="s">
        <v>22</v>
      </c>
      <c r="V3758" s="10" t="s">
        <v>22</v>
      </c>
      <c r="W3758" s="10" t="s">
        <v>22</v>
      </c>
      <c r="X3758" s="10" t="s">
        <v>22</v>
      </c>
      <c r="Y3758" s="10" t="s">
        <v>22</v>
      </c>
      <c r="Z3758" s="10" t="s">
        <v>22</v>
      </c>
    </row>
    <row r="3759" spans="1:26" ht="24" customHeight="1" x14ac:dyDescent="0.2">
      <c r="A3759" s="9" t="s">
        <v>20921</v>
      </c>
      <c r="B3759" s="9" t="s">
        <v>15917</v>
      </c>
      <c r="C3759" s="9" t="s">
        <v>226</v>
      </c>
      <c r="D3759" s="6" t="s">
        <v>16104</v>
      </c>
      <c r="E3759" s="22">
        <v>45196</v>
      </c>
      <c r="F3759" s="22">
        <v>47022</v>
      </c>
      <c r="G3759" s="6" t="s">
        <v>16105</v>
      </c>
      <c r="H3759" s="6" t="s">
        <v>18</v>
      </c>
      <c r="I3759" s="6" t="s">
        <v>16022</v>
      </c>
      <c r="J3759" s="6" t="s">
        <v>16106</v>
      </c>
      <c r="K3759" s="9" t="s">
        <v>16107</v>
      </c>
      <c r="L3759" s="10" t="s">
        <v>22</v>
      </c>
      <c r="M3759" s="10" t="s">
        <v>22</v>
      </c>
      <c r="N3759" s="10" t="s">
        <v>22</v>
      </c>
      <c r="O3759" s="10" t="s">
        <v>22</v>
      </c>
      <c r="P3759" s="10" t="s">
        <v>22</v>
      </c>
      <c r="Q3759" s="10" t="s">
        <v>22</v>
      </c>
      <c r="R3759" s="10" t="s">
        <v>22</v>
      </c>
      <c r="S3759" s="10" t="s">
        <v>22</v>
      </c>
      <c r="T3759" s="10" t="s">
        <v>22</v>
      </c>
      <c r="U3759" s="10" t="s">
        <v>22</v>
      </c>
      <c r="V3759" s="10" t="s">
        <v>22</v>
      </c>
      <c r="W3759" s="10" t="s">
        <v>22</v>
      </c>
      <c r="X3759" s="10" t="s">
        <v>22</v>
      </c>
      <c r="Y3759" s="10" t="s">
        <v>22</v>
      </c>
      <c r="Z3759" s="10" t="s">
        <v>22</v>
      </c>
    </row>
    <row r="3760" spans="1:26" ht="24" customHeight="1" x14ac:dyDescent="0.2">
      <c r="A3760" s="9" t="s">
        <v>20922</v>
      </c>
      <c r="B3760" s="9" t="s">
        <v>15917</v>
      </c>
      <c r="C3760" s="9" t="s">
        <v>233</v>
      </c>
      <c r="D3760" s="6" t="s">
        <v>16108</v>
      </c>
      <c r="E3760" s="22">
        <v>45462</v>
      </c>
      <c r="F3760" s="22">
        <v>47287</v>
      </c>
      <c r="G3760" s="6" t="s">
        <v>16109</v>
      </c>
      <c r="H3760" s="6" t="s">
        <v>18</v>
      </c>
      <c r="I3760" s="6" t="s">
        <v>16022</v>
      </c>
      <c r="J3760" s="6" t="s">
        <v>16110</v>
      </c>
      <c r="K3760" s="9" t="s">
        <v>16111</v>
      </c>
      <c r="L3760" s="10" t="s">
        <v>22</v>
      </c>
      <c r="M3760" s="10" t="s">
        <v>22</v>
      </c>
      <c r="N3760" s="10" t="s">
        <v>22</v>
      </c>
      <c r="O3760" s="10" t="s">
        <v>22</v>
      </c>
      <c r="P3760" s="10" t="s">
        <v>22</v>
      </c>
      <c r="Q3760" s="10" t="s">
        <v>22</v>
      </c>
      <c r="R3760" s="10" t="s">
        <v>22</v>
      </c>
      <c r="S3760" s="10" t="s">
        <v>22</v>
      </c>
      <c r="T3760" s="10" t="s">
        <v>22</v>
      </c>
    </row>
    <row r="3761" spans="1:26" ht="24" customHeight="1" x14ac:dyDescent="0.2">
      <c r="A3761" s="9" t="s">
        <v>20923</v>
      </c>
      <c r="B3761" s="9" t="s">
        <v>15917</v>
      </c>
      <c r="C3761" s="9" t="s">
        <v>15234</v>
      </c>
      <c r="D3761" s="6" t="s">
        <v>16112</v>
      </c>
      <c r="E3761" s="22">
        <v>45545</v>
      </c>
      <c r="F3761" s="22">
        <v>47370</v>
      </c>
      <c r="G3761" s="6" t="s">
        <v>16113</v>
      </c>
      <c r="H3761" s="6" t="s">
        <v>18</v>
      </c>
      <c r="I3761" s="6" t="s">
        <v>1769</v>
      </c>
      <c r="J3761" s="6" t="s">
        <v>16114</v>
      </c>
      <c r="K3761" s="9" t="s">
        <v>16115</v>
      </c>
      <c r="M3761" s="10" t="s">
        <v>22</v>
      </c>
      <c r="N3761" s="10" t="s">
        <v>22</v>
      </c>
      <c r="O3761" s="10" t="s">
        <v>22</v>
      </c>
      <c r="U3761" s="10" t="s">
        <v>22</v>
      </c>
      <c r="V3761" s="10" t="s">
        <v>22</v>
      </c>
      <c r="W3761" s="10" t="s">
        <v>22</v>
      </c>
      <c r="X3761" s="10" t="s">
        <v>22</v>
      </c>
      <c r="Y3761" s="10" t="s">
        <v>22</v>
      </c>
      <c r="Z3761" s="10" t="s">
        <v>22</v>
      </c>
    </row>
    <row r="3762" spans="1:26" ht="24" customHeight="1" x14ac:dyDescent="0.2">
      <c r="A3762" s="9" t="s">
        <v>20924</v>
      </c>
      <c r="B3762" s="9" t="s">
        <v>15917</v>
      </c>
      <c r="C3762" s="9" t="s">
        <v>239</v>
      </c>
      <c r="D3762" s="6" t="s">
        <v>16116</v>
      </c>
      <c r="E3762" s="22">
        <v>44041</v>
      </c>
      <c r="F3762" s="22">
        <v>45866</v>
      </c>
      <c r="G3762" s="6" t="s">
        <v>16117</v>
      </c>
      <c r="H3762" s="6" t="s">
        <v>18</v>
      </c>
      <c r="I3762" s="6" t="s">
        <v>518</v>
      </c>
      <c r="J3762" s="6" t="s">
        <v>16118</v>
      </c>
      <c r="K3762" s="9" t="s">
        <v>16119</v>
      </c>
      <c r="L3762" s="10" t="s">
        <v>22</v>
      </c>
      <c r="M3762" s="10" t="s">
        <v>22</v>
      </c>
      <c r="N3762" s="10" t="s">
        <v>22</v>
      </c>
      <c r="O3762" s="10" t="s">
        <v>22</v>
      </c>
      <c r="P3762" s="10" t="s">
        <v>22</v>
      </c>
      <c r="Q3762" s="10" t="s">
        <v>22</v>
      </c>
      <c r="R3762" s="10" t="s">
        <v>22</v>
      </c>
      <c r="S3762" s="10" t="s">
        <v>22</v>
      </c>
      <c r="T3762" s="10" t="s">
        <v>22</v>
      </c>
      <c r="U3762" s="10" t="s">
        <v>22</v>
      </c>
      <c r="V3762" s="10" t="s">
        <v>22</v>
      </c>
      <c r="W3762" s="10" t="s">
        <v>22</v>
      </c>
      <c r="X3762" s="10" t="s">
        <v>22</v>
      </c>
      <c r="Y3762" s="10" t="s">
        <v>22</v>
      </c>
      <c r="Z3762" s="10" t="s">
        <v>22</v>
      </c>
    </row>
    <row r="3763" spans="1:26" ht="24" customHeight="1" x14ac:dyDescent="0.2">
      <c r="A3763" s="9" t="s">
        <v>20925</v>
      </c>
      <c r="B3763" s="9" t="s">
        <v>15917</v>
      </c>
      <c r="C3763" s="9" t="s">
        <v>14038</v>
      </c>
      <c r="D3763" s="6" t="s">
        <v>16120</v>
      </c>
      <c r="E3763" s="22">
        <v>44049</v>
      </c>
      <c r="F3763" s="22">
        <v>45874</v>
      </c>
      <c r="G3763" s="6" t="s">
        <v>16121</v>
      </c>
      <c r="H3763" s="6" t="s">
        <v>18</v>
      </c>
      <c r="I3763" s="6" t="s">
        <v>15941</v>
      </c>
      <c r="J3763" s="6" t="s">
        <v>16122</v>
      </c>
      <c r="K3763" s="9" t="s">
        <v>16123</v>
      </c>
      <c r="L3763" s="10" t="s">
        <v>22</v>
      </c>
      <c r="M3763" s="10" t="s">
        <v>22</v>
      </c>
      <c r="N3763" s="10" t="s">
        <v>22</v>
      </c>
      <c r="O3763" s="10" t="s">
        <v>22</v>
      </c>
      <c r="P3763" s="10" t="s">
        <v>22</v>
      </c>
      <c r="Q3763" s="10" t="s">
        <v>22</v>
      </c>
      <c r="R3763" s="10" t="s">
        <v>22</v>
      </c>
      <c r="S3763" s="10" t="s">
        <v>22</v>
      </c>
      <c r="T3763" s="10" t="s">
        <v>22</v>
      </c>
      <c r="U3763" s="10" t="s">
        <v>22</v>
      </c>
      <c r="V3763" s="10" t="s">
        <v>22</v>
      </c>
      <c r="W3763" s="10" t="s">
        <v>22</v>
      </c>
      <c r="X3763" s="10" t="s">
        <v>22</v>
      </c>
      <c r="Y3763" s="10" t="s">
        <v>22</v>
      </c>
      <c r="Z3763" s="10" t="s">
        <v>22</v>
      </c>
    </row>
    <row r="3764" spans="1:26" ht="24" customHeight="1" x14ac:dyDescent="0.2">
      <c r="A3764" s="9" t="s">
        <v>20926</v>
      </c>
      <c r="B3764" s="9" t="s">
        <v>15917</v>
      </c>
      <c r="C3764" s="9" t="s">
        <v>244</v>
      </c>
      <c r="D3764" s="6" t="s">
        <v>16124</v>
      </c>
      <c r="E3764" s="22">
        <v>44106</v>
      </c>
      <c r="F3764" s="22">
        <v>45931</v>
      </c>
      <c r="G3764" s="6" t="s">
        <v>16125</v>
      </c>
      <c r="H3764" s="6" t="s">
        <v>18</v>
      </c>
      <c r="I3764" s="6" t="s">
        <v>518</v>
      </c>
      <c r="J3764" s="6" t="s">
        <v>16126</v>
      </c>
      <c r="K3764" s="9" t="s">
        <v>16127</v>
      </c>
      <c r="N3764" s="10" t="s">
        <v>22</v>
      </c>
      <c r="W3764" s="10" t="s">
        <v>22</v>
      </c>
    </row>
    <row r="3765" spans="1:26" ht="24" customHeight="1" x14ac:dyDescent="0.2">
      <c r="A3765" s="9" t="s">
        <v>20927</v>
      </c>
      <c r="B3765" s="9" t="s">
        <v>15917</v>
      </c>
      <c r="C3765" s="9" t="s">
        <v>17265</v>
      </c>
      <c r="D3765" s="6" t="s">
        <v>16128</v>
      </c>
      <c r="E3765" s="22">
        <v>44113</v>
      </c>
      <c r="F3765" s="22">
        <v>45938</v>
      </c>
      <c r="G3765" s="6" t="s">
        <v>16129</v>
      </c>
      <c r="H3765" s="6" t="s">
        <v>18</v>
      </c>
      <c r="I3765" s="6" t="s">
        <v>518</v>
      </c>
      <c r="J3765" s="6" t="s">
        <v>16130</v>
      </c>
      <c r="K3765" s="9" t="s">
        <v>16131</v>
      </c>
      <c r="N3765" s="10" t="s">
        <v>22</v>
      </c>
      <c r="Q3765" s="10" t="s">
        <v>22</v>
      </c>
      <c r="W3765" s="10" t="s">
        <v>22</v>
      </c>
      <c r="Z3765" s="10" t="s">
        <v>22</v>
      </c>
    </row>
    <row r="3766" spans="1:26" ht="24" customHeight="1" x14ac:dyDescent="0.2">
      <c r="A3766" s="9" t="s">
        <v>20928</v>
      </c>
      <c r="B3766" s="9" t="s">
        <v>15917</v>
      </c>
      <c r="C3766" s="9" t="s">
        <v>13763</v>
      </c>
      <c r="D3766" s="6" t="s">
        <v>16132</v>
      </c>
      <c r="E3766" s="22">
        <v>44193</v>
      </c>
      <c r="F3766" s="22">
        <v>46018</v>
      </c>
      <c r="G3766" s="6" t="s">
        <v>16133</v>
      </c>
      <c r="H3766" s="6" t="s">
        <v>18</v>
      </c>
      <c r="I3766" s="6" t="s">
        <v>518</v>
      </c>
      <c r="J3766" s="6" t="s">
        <v>16134</v>
      </c>
      <c r="K3766" s="9" t="s">
        <v>16135</v>
      </c>
      <c r="L3766" s="10" t="s">
        <v>22</v>
      </c>
      <c r="M3766" s="10" t="s">
        <v>22</v>
      </c>
      <c r="N3766" s="10" t="s">
        <v>22</v>
      </c>
      <c r="O3766" s="10" t="s">
        <v>22</v>
      </c>
      <c r="P3766" s="10" t="s">
        <v>22</v>
      </c>
      <c r="Q3766" s="10" t="s">
        <v>22</v>
      </c>
      <c r="R3766" s="10" t="s">
        <v>22</v>
      </c>
      <c r="S3766" s="10" t="s">
        <v>22</v>
      </c>
      <c r="T3766" s="10" t="s">
        <v>22</v>
      </c>
      <c r="U3766" s="10" t="s">
        <v>22</v>
      </c>
      <c r="V3766" s="10" t="s">
        <v>22</v>
      </c>
      <c r="W3766" s="10" t="s">
        <v>22</v>
      </c>
      <c r="X3766" s="10" t="s">
        <v>22</v>
      </c>
      <c r="Y3766" s="10" t="s">
        <v>22</v>
      </c>
      <c r="Z3766" s="10" t="s">
        <v>22</v>
      </c>
    </row>
    <row r="3767" spans="1:26" ht="24" customHeight="1" x14ac:dyDescent="0.2">
      <c r="A3767" s="9" t="s">
        <v>20929</v>
      </c>
      <c r="B3767" s="9" t="s">
        <v>15917</v>
      </c>
      <c r="C3767" s="9" t="s">
        <v>249</v>
      </c>
      <c r="D3767" s="6" t="s">
        <v>16136</v>
      </c>
      <c r="E3767" s="22">
        <v>44273</v>
      </c>
      <c r="F3767" s="22">
        <v>46098</v>
      </c>
      <c r="G3767" s="6" t="s">
        <v>16137</v>
      </c>
      <c r="H3767" s="6" t="s">
        <v>18</v>
      </c>
      <c r="I3767" s="6" t="s">
        <v>16022</v>
      </c>
      <c r="J3767" s="6" t="s">
        <v>16138</v>
      </c>
      <c r="K3767" s="9" t="s">
        <v>16139</v>
      </c>
      <c r="L3767" s="10" t="s">
        <v>22</v>
      </c>
      <c r="M3767" s="10" t="s">
        <v>22</v>
      </c>
      <c r="N3767" s="10" t="s">
        <v>22</v>
      </c>
      <c r="O3767" s="10" t="s">
        <v>22</v>
      </c>
      <c r="P3767" s="10" t="s">
        <v>22</v>
      </c>
      <c r="Q3767" s="10" t="s">
        <v>22</v>
      </c>
      <c r="R3767" s="10" t="s">
        <v>22</v>
      </c>
      <c r="S3767" s="10" t="s">
        <v>22</v>
      </c>
      <c r="T3767" s="10" t="s">
        <v>22</v>
      </c>
      <c r="U3767" s="10" t="s">
        <v>22</v>
      </c>
      <c r="V3767" s="10" t="s">
        <v>22</v>
      </c>
      <c r="W3767" s="10" t="s">
        <v>22</v>
      </c>
      <c r="X3767" s="10" t="s">
        <v>22</v>
      </c>
      <c r="Y3767" s="10" t="s">
        <v>22</v>
      </c>
      <c r="Z3767" s="10" t="s">
        <v>22</v>
      </c>
    </row>
    <row r="3768" spans="1:26" ht="24" customHeight="1" x14ac:dyDescent="0.2">
      <c r="A3768" s="9" t="s">
        <v>20930</v>
      </c>
      <c r="B3768" s="9" t="s">
        <v>15917</v>
      </c>
      <c r="C3768" s="9" t="s">
        <v>255</v>
      </c>
      <c r="D3768" s="6" t="s">
        <v>16140</v>
      </c>
      <c r="E3768" s="22">
        <v>44287</v>
      </c>
      <c r="F3768" s="22">
        <v>46112</v>
      </c>
      <c r="G3768" s="6" t="s">
        <v>16141</v>
      </c>
      <c r="H3768" s="6" t="s">
        <v>18</v>
      </c>
      <c r="I3768" s="6" t="s">
        <v>15941</v>
      </c>
      <c r="J3768" s="6" t="s">
        <v>21227</v>
      </c>
      <c r="K3768" s="9" t="s">
        <v>21228</v>
      </c>
      <c r="L3768" s="10" t="s">
        <v>22</v>
      </c>
      <c r="M3768" s="10" t="s">
        <v>22</v>
      </c>
      <c r="N3768" s="10" t="s">
        <v>22</v>
      </c>
      <c r="O3768" s="10" t="s">
        <v>22</v>
      </c>
      <c r="P3768" s="10" t="s">
        <v>22</v>
      </c>
      <c r="Q3768" s="10" t="s">
        <v>22</v>
      </c>
      <c r="R3768" s="10" t="s">
        <v>22</v>
      </c>
      <c r="S3768" s="10" t="s">
        <v>22</v>
      </c>
      <c r="T3768" s="10" t="s">
        <v>22</v>
      </c>
      <c r="U3768" s="10" t="s">
        <v>22</v>
      </c>
      <c r="V3768" s="10" t="s">
        <v>22</v>
      </c>
      <c r="W3768" s="10" t="s">
        <v>22</v>
      </c>
      <c r="X3768" s="10" t="s">
        <v>22</v>
      </c>
      <c r="Y3768" s="10" t="s">
        <v>22</v>
      </c>
      <c r="Z3768" s="10" t="s">
        <v>22</v>
      </c>
    </row>
    <row r="3769" spans="1:26" ht="24" customHeight="1" x14ac:dyDescent="0.2">
      <c r="A3769" s="9" t="s">
        <v>20931</v>
      </c>
      <c r="B3769" s="9" t="s">
        <v>15917</v>
      </c>
      <c r="C3769" s="9" t="s">
        <v>13771</v>
      </c>
      <c r="D3769" s="6" t="s">
        <v>16142</v>
      </c>
      <c r="E3769" s="22">
        <v>44312</v>
      </c>
      <c r="F3769" s="22">
        <v>46137</v>
      </c>
      <c r="G3769" s="6" t="s">
        <v>16143</v>
      </c>
      <c r="H3769" s="6" t="s">
        <v>18</v>
      </c>
      <c r="I3769" s="6" t="s">
        <v>518</v>
      </c>
      <c r="J3769" s="6" t="s">
        <v>16144</v>
      </c>
      <c r="K3769" s="9" t="s">
        <v>16145</v>
      </c>
      <c r="M3769" s="10" t="s">
        <v>22</v>
      </c>
      <c r="N3769" s="10" t="s">
        <v>22</v>
      </c>
      <c r="P3769" s="10" t="s">
        <v>22</v>
      </c>
      <c r="Q3769" s="10" t="s">
        <v>22</v>
      </c>
      <c r="T3769" s="10" t="s">
        <v>22</v>
      </c>
      <c r="V3769" s="10" t="s">
        <v>22</v>
      </c>
      <c r="W3769" s="10" t="s">
        <v>22</v>
      </c>
      <c r="Y3769" s="10" t="s">
        <v>22</v>
      </c>
      <c r="Z3769" s="10" t="s">
        <v>22</v>
      </c>
    </row>
    <row r="3770" spans="1:26" ht="34" customHeight="1" x14ac:dyDescent="0.2">
      <c r="A3770" s="9" t="s">
        <v>20932</v>
      </c>
      <c r="B3770" s="9" t="s">
        <v>15917</v>
      </c>
      <c r="C3770" s="9" t="s">
        <v>261</v>
      </c>
      <c r="D3770" s="6" t="s">
        <v>16146</v>
      </c>
      <c r="E3770" s="22">
        <v>44333</v>
      </c>
      <c r="F3770" s="22">
        <v>46158</v>
      </c>
      <c r="G3770" s="6" t="s">
        <v>16147</v>
      </c>
      <c r="H3770" s="6" t="s">
        <v>18</v>
      </c>
      <c r="I3770" s="6" t="s">
        <v>1769</v>
      </c>
      <c r="J3770" s="6" t="s">
        <v>16148</v>
      </c>
      <c r="K3770" s="9" t="s">
        <v>16149</v>
      </c>
      <c r="L3770" s="10" t="s">
        <v>22</v>
      </c>
      <c r="M3770" s="10" t="s">
        <v>22</v>
      </c>
      <c r="N3770" s="10" t="s">
        <v>22</v>
      </c>
      <c r="O3770" s="10" t="s">
        <v>22</v>
      </c>
      <c r="P3770" s="10" t="s">
        <v>22</v>
      </c>
      <c r="Q3770" s="10" t="s">
        <v>22</v>
      </c>
      <c r="R3770" s="10" t="s">
        <v>22</v>
      </c>
      <c r="S3770" s="10" t="s">
        <v>22</v>
      </c>
      <c r="T3770" s="10" t="s">
        <v>22</v>
      </c>
      <c r="U3770" s="10" t="s">
        <v>22</v>
      </c>
      <c r="V3770" s="10" t="s">
        <v>22</v>
      </c>
      <c r="W3770" s="10" t="s">
        <v>22</v>
      </c>
      <c r="X3770" s="10" t="s">
        <v>22</v>
      </c>
      <c r="Y3770" s="10" t="s">
        <v>22</v>
      </c>
      <c r="Z3770" s="10" t="s">
        <v>22</v>
      </c>
    </row>
    <row r="3771" spans="1:26" ht="24" customHeight="1" x14ac:dyDescent="0.2">
      <c r="A3771" s="9" t="s">
        <v>20933</v>
      </c>
      <c r="B3771" s="9" t="s">
        <v>15917</v>
      </c>
      <c r="C3771" s="9" t="s">
        <v>267</v>
      </c>
      <c r="D3771" s="6" t="s">
        <v>16150</v>
      </c>
      <c r="E3771" s="22">
        <v>44567</v>
      </c>
      <c r="F3771" s="22">
        <v>46392</v>
      </c>
      <c r="G3771" s="6" t="s">
        <v>16151</v>
      </c>
      <c r="H3771" s="6" t="s">
        <v>18</v>
      </c>
      <c r="I3771" s="6" t="s">
        <v>518</v>
      </c>
      <c r="J3771" s="6" t="s">
        <v>16152</v>
      </c>
      <c r="K3771" s="9" t="s">
        <v>16153</v>
      </c>
      <c r="L3771" s="10" t="s">
        <v>22</v>
      </c>
      <c r="M3771" s="10" t="s">
        <v>22</v>
      </c>
      <c r="N3771" s="10" t="s">
        <v>22</v>
      </c>
      <c r="O3771" s="10" t="s">
        <v>22</v>
      </c>
      <c r="P3771" s="10" t="s">
        <v>22</v>
      </c>
      <c r="Q3771" s="10" t="s">
        <v>22</v>
      </c>
      <c r="R3771" s="10" t="s">
        <v>22</v>
      </c>
      <c r="S3771" s="10" t="s">
        <v>22</v>
      </c>
      <c r="T3771" s="10" t="s">
        <v>22</v>
      </c>
      <c r="U3771" s="10" t="s">
        <v>22</v>
      </c>
      <c r="V3771" s="10" t="s">
        <v>22</v>
      </c>
      <c r="W3771" s="10" t="s">
        <v>22</v>
      </c>
      <c r="X3771" s="10" t="s">
        <v>22</v>
      </c>
      <c r="Y3771" s="10" t="s">
        <v>22</v>
      </c>
      <c r="Z3771" s="10" t="s">
        <v>22</v>
      </c>
    </row>
    <row r="3772" spans="1:26" ht="24" customHeight="1" x14ac:dyDescent="0.2">
      <c r="A3772" s="9" t="s">
        <v>20934</v>
      </c>
      <c r="B3772" s="9" t="s">
        <v>15917</v>
      </c>
      <c r="C3772" s="9" t="s">
        <v>271</v>
      </c>
      <c r="D3772" s="6" t="s">
        <v>16154</v>
      </c>
      <c r="E3772" s="22">
        <v>44627</v>
      </c>
      <c r="F3772" s="22">
        <v>46452</v>
      </c>
      <c r="G3772" s="6" t="s">
        <v>16155</v>
      </c>
      <c r="H3772" s="6" t="s">
        <v>18</v>
      </c>
      <c r="I3772" s="6" t="s">
        <v>518</v>
      </c>
      <c r="J3772" s="6" t="s">
        <v>16156</v>
      </c>
      <c r="K3772" s="9" t="s">
        <v>16157</v>
      </c>
      <c r="L3772" s="10" t="s">
        <v>22</v>
      </c>
      <c r="M3772" s="10" t="s">
        <v>22</v>
      </c>
      <c r="N3772" s="10" t="s">
        <v>22</v>
      </c>
      <c r="O3772" s="10" t="s">
        <v>22</v>
      </c>
      <c r="P3772" s="10" t="s">
        <v>22</v>
      </c>
      <c r="Q3772" s="10" t="s">
        <v>22</v>
      </c>
      <c r="R3772" s="10" t="s">
        <v>22</v>
      </c>
      <c r="S3772" s="10" t="s">
        <v>22</v>
      </c>
      <c r="T3772" s="10" t="s">
        <v>22</v>
      </c>
      <c r="U3772" s="10" t="s">
        <v>22</v>
      </c>
      <c r="V3772" s="10" t="s">
        <v>22</v>
      </c>
      <c r="W3772" s="10" t="s">
        <v>22</v>
      </c>
      <c r="X3772" s="10" t="s">
        <v>22</v>
      </c>
      <c r="Y3772" s="10" t="s">
        <v>22</v>
      </c>
      <c r="Z3772" s="10" t="s">
        <v>22</v>
      </c>
    </row>
    <row r="3773" spans="1:26" ht="24" customHeight="1" x14ac:dyDescent="0.2">
      <c r="A3773" s="9" t="s">
        <v>20935</v>
      </c>
      <c r="B3773" s="9" t="s">
        <v>15917</v>
      </c>
      <c r="C3773" s="9" t="s">
        <v>13784</v>
      </c>
      <c r="D3773" s="6" t="s">
        <v>16158</v>
      </c>
      <c r="E3773" s="22">
        <v>44665</v>
      </c>
      <c r="F3773" s="22">
        <v>46490</v>
      </c>
      <c r="G3773" s="6" t="s">
        <v>16159</v>
      </c>
      <c r="H3773" s="6" t="s">
        <v>18</v>
      </c>
      <c r="I3773" s="6" t="s">
        <v>518</v>
      </c>
      <c r="J3773" s="6" t="s">
        <v>16160</v>
      </c>
      <c r="K3773" s="9" t="s">
        <v>16161</v>
      </c>
      <c r="L3773" s="10" t="s">
        <v>22</v>
      </c>
      <c r="M3773" s="10" t="s">
        <v>22</v>
      </c>
      <c r="N3773" s="10" t="s">
        <v>22</v>
      </c>
      <c r="O3773" s="10" t="s">
        <v>22</v>
      </c>
      <c r="P3773" s="10" t="s">
        <v>22</v>
      </c>
      <c r="Q3773" s="10" t="s">
        <v>22</v>
      </c>
      <c r="R3773" s="10" t="s">
        <v>22</v>
      </c>
      <c r="S3773" s="10" t="s">
        <v>22</v>
      </c>
      <c r="T3773" s="10" t="s">
        <v>22</v>
      </c>
    </row>
    <row r="3774" spans="1:26" ht="24" customHeight="1" x14ac:dyDescent="0.2">
      <c r="A3774" s="9" t="s">
        <v>20936</v>
      </c>
      <c r="B3774" s="9" t="s">
        <v>15917</v>
      </c>
      <c r="C3774" s="9" t="s">
        <v>13789</v>
      </c>
      <c r="D3774" s="6" t="s">
        <v>16162</v>
      </c>
      <c r="E3774" s="22">
        <v>44679</v>
      </c>
      <c r="F3774" s="22">
        <v>46504</v>
      </c>
      <c r="G3774" s="6" t="s">
        <v>16163</v>
      </c>
      <c r="H3774" s="6" t="s">
        <v>18</v>
      </c>
      <c r="I3774" s="6" t="s">
        <v>16022</v>
      </c>
      <c r="J3774" s="6" t="s">
        <v>16164</v>
      </c>
      <c r="K3774" s="9" t="s">
        <v>16165</v>
      </c>
      <c r="L3774" s="10" t="s">
        <v>22</v>
      </c>
      <c r="M3774" s="10" t="s">
        <v>22</v>
      </c>
      <c r="N3774" s="10" t="s">
        <v>22</v>
      </c>
      <c r="O3774" s="10" t="s">
        <v>22</v>
      </c>
      <c r="P3774" s="10" t="s">
        <v>22</v>
      </c>
      <c r="Q3774" s="10" t="s">
        <v>22</v>
      </c>
      <c r="R3774" s="10" t="s">
        <v>22</v>
      </c>
      <c r="S3774" s="10" t="s">
        <v>22</v>
      </c>
      <c r="T3774" s="10" t="s">
        <v>22</v>
      </c>
      <c r="U3774" s="10" t="s">
        <v>22</v>
      </c>
      <c r="V3774" s="10" t="s">
        <v>22</v>
      </c>
      <c r="W3774" s="10" t="s">
        <v>22</v>
      </c>
      <c r="X3774" s="10" t="s">
        <v>22</v>
      </c>
      <c r="Y3774" s="10" t="s">
        <v>22</v>
      </c>
      <c r="Z3774" s="10" t="s">
        <v>22</v>
      </c>
    </row>
    <row r="3775" spans="1:26" ht="24" customHeight="1" x14ac:dyDescent="0.2">
      <c r="A3775" s="9" t="s">
        <v>20937</v>
      </c>
      <c r="B3775" s="9" t="s">
        <v>15917</v>
      </c>
      <c r="C3775" s="9" t="s">
        <v>15257</v>
      </c>
      <c r="D3775" s="6" t="s">
        <v>16166</v>
      </c>
      <c r="E3775" s="22">
        <v>44781</v>
      </c>
      <c r="F3775" s="22">
        <v>46606</v>
      </c>
      <c r="G3775" s="6" t="s">
        <v>16167</v>
      </c>
      <c r="H3775" s="6" t="s">
        <v>18</v>
      </c>
      <c r="I3775" s="6" t="s">
        <v>518</v>
      </c>
      <c r="J3775" s="6" t="s">
        <v>16168</v>
      </c>
      <c r="K3775" s="9" t="s">
        <v>16169</v>
      </c>
      <c r="L3775" s="10" t="s">
        <v>22</v>
      </c>
      <c r="M3775" s="10" t="s">
        <v>22</v>
      </c>
      <c r="N3775" s="10" t="s">
        <v>22</v>
      </c>
      <c r="O3775" s="10" t="s">
        <v>22</v>
      </c>
      <c r="P3775" s="10" t="s">
        <v>22</v>
      </c>
      <c r="Q3775" s="10" t="s">
        <v>22</v>
      </c>
      <c r="R3775" s="10" t="s">
        <v>22</v>
      </c>
      <c r="S3775" s="10" t="s">
        <v>22</v>
      </c>
      <c r="T3775" s="10" t="s">
        <v>22</v>
      </c>
      <c r="U3775" s="10" t="s">
        <v>22</v>
      </c>
      <c r="V3775" s="10" t="s">
        <v>22</v>
      </c>
      <c r="W3775" s="10" t="s">
        <v>22</v>
      </c>
      <c r="X3775" s="10" t="s">
        <v>22</v>
      </c>
      <c r="Y3775" s="10" t="s">
        <v>22</v>
      </c>
      <c r="Z3775" s="10" t="s">
        <v>22</v>
      </c>
    </row>
    <row r="3776" spans="1:26" ht="24" customHeight="1" x14ac:dyDescent="0.2">
      <c r="A3776" s="9" t="s">
        <v>20938</v>
      </c>
      <c r="B3776" s="9" t="s">
        <v>15917</v>
      </c>
      <c r="C3776" s="9" t="s">
        <v>17266</v>
      </c>
      <c r="D3776" s="6" t="s">
        <v>16170</v>
      </c>
      <c r="E3776" s="22">
        <v>44972</v>
      </c>
      <c r="F3776" s="22">
        <v>46797</v>
      </c>
      <c r="G3776" s="6" t="s">
        <v>16171</v>
      </c>
      <c r="H3776" s="6" t="s">
        <v>18</v>
      </c>
      <c r="I3776" s="6" t="s">
        <v>518</v>
      </c>
      <c r="J3776" s="6" t="s">
        <v>16172</v>
      </c>
      <c r="K3776" s="9" t="s">
        <v>17267</v>
      </c>
      <c r="L3776" s="10" t="s">
        <v>22</v>
      </c>
      <c r="M3776" s="10" t="s">
        <v>22</v>
      </c>
      <c r="N3776" s="10" t="s">
        <v>22</v>
      </c>
      <c r="O3776" s="10" t="s">
        <v>22</v>
      </c>
      <c r="P3776" s="10" t="s">
        <v>22</v>
      </c>
      <c r="Q3776" s="10" t="s">
        <v>22</v>
      </c>
    </row>
    <row r="3777" spans="1:26" ht="24" customHeight="1" x14ac:dyDescent="0.2">
      <c r="A3777" s="9" t="s">
        <v>20939</v>
      </c>
      <c r="B3777" s="9" t="s">
        <v>15917</v>
      </c>
      <c r="C3777" s="9" t="s">
        <v>13794</v>
      </c>
      <c r="D3777" s="6" t="s">
        <v>16173</v>
      </c>
      <c r="E3777" s="22">
        <v>45001</v>
      </c>
      <c r="F3777" s="22">
        <v>46827</v>
      </c>
      <c r="G3777" s="6" t="s">
        <v>16174</v>
      </c>
      <c r="H3777" s="6" t="s">
        <v>18</v>
      </c>
      <c r="I3777" s="6" t="s">
        <v>518</v>
      </c>
      <c r="J3777" s="6" t="s">
        <v>16175</v>
      </c>
      <c r="K3777" s="9" t="s">
        <v>17268</v>
      </c>
      <c r="M3777" s="10" t="s">
        <v>22</v>
      </c>
      <c r="N3777" s="10" t="s">
        <v>22</v>
      </c>
      <c r="W3777" s="10" t="s">
        <v>22</v>
      </c>
    </row>
    <row r="3778" spans="1:26" ht="24" customHeight="1" x14ac:dyDescent="0.2">
      <c r="A3778" s="9" t="s">
        <v>20940</v>
      </c>
      <c r="B3778" s="9" t="s">
        <v>15917</v>
      </c>
      <c r="C3778" s="9" t="s">
        <v>15261</v>
      </c>
      <c r="D3778" s="6" t="s">
        <v>16176</v>
      </c>
      <c r="E3778" s="22">
        <v>45285</v>
      </c>
      <c r="F3778" s="22">
        <v>47111</v>
      </c>
      <c r="G3778" s="6" t="s">
        <v>16177</v>
      </c>
      <c r="H3778" s="6" t="s">
        <v>18</v>
      </c>
      <c r="I3778" s="6" t="s">
        <v>16022</v>
      </c>
      <c r="J3778" s="6" t="s">
        <v>16178</v>
      </c>
      <c r="K3778" s="9" t="s">
        <v>17269</v>
      </c>
      <c r="L3778" s="10" t="s">
        <v>22</v>
      </c>
      <c r="M3778" s="10" t="s">
        <v>22</v>
      </c>
      <c r="N3778" s="10" t="s">
        <v>22</v>
      </c>
      <c r="O3778" s="10" t="s">
        <v>22</v>
      </c>
      <c r="P3778" s="10" t="s">
        <v>22</v>
      </c>
      <c r="Q3778" s="10" t="s">
        <v>22</v>
      </c>
      <c r="R3778" s="10" t="s">
        <v>22</v>
      </c>
      <c r="S3778" s="10" t="s">
        <v>22</v>
      </c>
      <c r="T3778" s="10" t="s">
        <v>22</v>
      </c>
      <c r="U3778" s="10" t="s">
        <v>22</v>
      </c>
      <c r="V3778" s="10" t="s">
        <v>22</v>
      </c>
      <c r="W3778" s="10" t="s">
        <v>22</v>
      </c>
      <c r="X3778" s="10" t="s">
        <v>22</v>
      </c>
      <c r="Y3778" s="10" t="s">
        <v>22</v>
      </c>
      <c r="Z3778" s="10" t="s">
        <v>22</v>
      </c>
    </row>
    <row r="3779" spans="1:26" ht="24" customHeight="1" x14ac:dyDescent="0.2">
      <c r="A3779" s="9" t="s">
        <v>20941</v>
      </c>
      <c r="B3779" s="9" t="s">
        <v>15917</v>
      </c>
      <c r="C3779" s="9" t="s">
        <v>276</v>
      </c>
      <c r="D3779" s="6" t="s">
        <v>17270</v>
      </c>
      <c r="E3779" s="22">
        <v>45329</v>
      </c>
      <c r="F3779" s="22">
        <v>47155</v>
      </c>
      <c r="G3779" s="6" t="s">
        <v>17271</v>
      </c>
      <c r="H3779" s="6" t="s">
        <v>18</v>
      </c>
      <c r="I3779" s="6" t="s">
        <v>518</v>
      </c>
      <c r="J3779" s="6" t="s">
        <v>17272</v>
      </c>
      <c r="K3779" s="9" t="s">
        <v>17273</v>
      </c>
      <c r="M3779" s="10" t="s">
        <v>22</v>
      </c>
      <c r="N3779" s="10" t="s">
        <v>22</v>
      </c>
      <c r="O3779" s="10" t="s">
        <v>22</v>
      </c>
      <c r="T3779" s="10" t="s">
        <v>22</v>
      </c>
      <c r="V3779" s="10" t="s">
        <v>22</v>
      </c>
      <c r="W3779" s="10" t="s">
        <v>22</v>
      </c>
    </row>
    <row r="3780" spans="1:26" ht="24" customHeight="1" x14ac:dyDescent="0.2">
      <c r="A3780" s="9" t="s">
        <v>20942</v>
      </c>
      <c r="B3780" s="9" t="s">
        <v>15917</v>
      </c>
      <c r="C3780" s="9" t="s">
        <v>282</v>
      </c>
      <c r="D3780" s="6" t="s">
        <v>17274</v>
      </c>
      <c r="E3780" s="22">
        <v>45408</v>
      </c>
      <c r="F3780" s="22">
        <v>47233</v>
      </c>
      <c r="G3780" s="6" t="s">
        <v>17275</v>
      </c>
      <c r="H3780" s="6" t="s">
        <v>18</v>
      </c>
      <c r="I3780" s="6" t="s">
        <v>518</v>
      </c>
      <c r="J3780" s="6" t="s">
        <v>17276</v>
      </c>
      <c r="M3780" s="10" t="s">
        <v>22</v>
      </c>
      <c r="N3780" s="10" t="s">
        <v>22</v>
      </c>
      <c r="O3780" s="10" t="s">
        <v>22</v>
      </c>
      <c r="W3780" s="10" t="s">
        <v>22</v>
      </c>
    </row>
    <row r="3781" spans="1:26" ht="24" customHeight="1" x14ac:dyDescent="0.2">
      <c r="A3781" s="9" t="s">
        <v>20943</v>
      </c>
      <c r="B3781" s="9" t="s">
        <v>15917</v>
      </c>
      <c r="C3781" s="9" t="s">
        <v>15266</v>
      </c>
      <c r="D3781" s="6" t="s">
        <v>21423</v>
      </c>
      <c r="E3781" s="22">
        <v>45426</v>
      </c>
      <c r="F3781" s="22">
        <v>47251</v>
      </c>
      <c r="G3781" s="6" t="s">
        <v>21423</v>
      </c>
      <c r="H3781" s="6" t="s">
        <v>18</v>
      </c>
      <c r="I3781" s="6" t="s">
        <v>518</v>
      </c>
      <c r="J3781" s="6" t="s">
        <v>17277</v>
      </c>
      <c r="L3781" s="10" t="s">
        <v>22</v>
      </c>
      <c r="M3781" s="10" t="s">
        <v>22</v>
      </c>
      <c r="N3781" s="10" t="s">
        <v>22</v>
      </c>
      <c r="O3781" s="10" t="s">
        <v>22</v>
      </c>
      <c r="P3781" s="10" t="s">
        <v>22</v>
      </c>
      <c r="Q3781" s="10" t="s">
        <v>22</v>
      </c>
      <c r="R3781" s="10" t="s">
        <v>22</v>
      </c>
      <c r="S3781" s="10" t="s">
        <v>22</v>
      </c>
      <c r="T3781" s="10" t="s">
        <v>22</v>
      </c>
      <c r="U3781" s="10" t="s">
        <v>22</v>
      </c>
      <c r="V3781" s="10" t="s">
        <v>22</v>
      </c>
      <c r="W3781" s="10" t="s">
        <v>22</v>
      </c>
      <c r="X3781" s="10" t="s">
        <v>22</v>
      </c>
      <c r="Y3781" s="10" t="s">
        <v>22</v>
      </c>
      <c r="Z3781" s="10" t="s">
        <v>22</v>
      </c>
    </row>
    <row r="3782" spans="1:26" ht="24" customHeight="1" x14ac:dyDescent="0.2">
      <c r="A3782" s="9" t="s">
        <v>20944</v>
      </c>
      <c r="B3782" s="9" t="s">
        <v>15917</v>
      </c>
      <c r="C3782" s="9" t="s">
        <v>287</v>
      </c>
      <c r="D3782" s="6" t="s">
        <v>17278</v>
      </c>
      <c r="E3782" s="22">
        <v>45490</v>
      </c>
      <c r="F3782" s="22">
        <v>47315</v>
      </c>
      <c r="G3782" s="6" t="s">
        <v>17279</v>
      </c>
      <c r="H3782" s="6" t="s">
        <v>18</v>
      </c>
      <c r="I3782" s="6" t="s">
        <v>16022</v>
      </c>
      <c r="J3782" s="6" t="s">
        <v>17280</v>
      </c>
      <c r="L3782" s="10" t="s">
        <v>22</v>
      </c>
      <c r="M3782" s="10" t="s">
        <v>22</v>
      </c>
      <c r="N3782" s="10" t="s">
        <v>22</v>
      </c>
      <c r="O3782" s="10" t="s">
        <v>22</v>
      </c>
      <c r="P3782" s="10" t="s">
        <v>22</v>
      </c>
      <c r="Q3782" s="10" t="s">
        <v>22</v>
      </c>
      <c r="R3782" s="10" t="s">
        <v>22</v>
      </c>
      <c r="S3782" s="10" t="s">
        <v>22</v>
      </c>
      <c r="T3782" s="10" t="s">
        <v>22</v>
      </c>
      <c r="U3782" s="10" t="s">
        <v>22</v>
      </c>
      <c r="V3782" s="10" t="s">
        <v>22</v>
      </c>
      <c r="W3782" s="10" t="s">
        <v>22</v>
      </c>
      <c r="X3782" s="10" t="s">
        <v>22</v>
      </c>
      <c r="Y3782" s="10" t="s">
        <v>22</v>
      </c>
      <c r="Z3782" s="10" t="s">
        <v>22</v>
      </c>
    </row>
    <row r="3783" spans="1:26" ht="24" customHeight="1" x14ac:dyDescent="0.2">
      <c r="A3783" s="9" t="s">
        <v>21348</v>
      </c>
      <c r="B3783" s="9" t="s">
        <v>15917</v>
      </c>
      <c r="C3783" s="9" t="s">
        <v>13803</v>
      </c>
      <c r="D3783" s="6" t="s">
        <v>21229</v>
      </c>
      <c r="E3783" s="22">
        <v>45575</v>
      </c>
      <c r="F3783" s="22">
        <v>47400</v>
      </c>
      <c r="G3783" s="6" t="s">
        <v>21230</v>
      </c>
      <c r="H3783" s="6" t="s">
        <v>18</v>
      </c>
      <c r="I3783" s="6" t="s">
        <v>518</v>
      </c>
      <c r="J3783" s="6" t="s">
        <v>21231</v>
      </c>
      <c r="L3783" s="10" t="s">
        <v>22</v>
      </c>
      <c r="M3783" s="10" t="s">
        <v>22</v>
      </c>
      <c r="N3783" s="10" t="s">
        <v>22</v>
      </c>
      <c r="O3783" s="10" t="s">
        <v>22</v>
      </c>
      <c r="P3783" s="10" t="s">
        <v>22</v>
      </c>
      <c r="Q3783" s="10" t="s">
        <v>22</v>
      </c>
      <c r="R3783" s="10" t="s">
        <v>22</v>
      </c>
      <c r="S3783" s="10" t="s">
        <v>22</v>
      </c>
      <c r="T3783" s="10" t="s">
        <v>22</v>
      </c>
      <c r="U3783" s="10" t="s">
        <v>22</v>
      </c>
      <c r="V3783" s="10" t="s">
        <v>22</v>
      </c>
      <c r="W3783" s="10" t="s">
        <v>22</v>
      </c>
      <c r="X3783" s="10" t="s">
        <v>22</v>
      </c>
      <c r="Y3783" s="10" t="s">
        <v>22</v>
      </c>
      <c r="Z3783" s="10" t="s">
        <v>22</v>
      </c>
    </row>
    <row r="3784" spans="1:26" ht="34.25" customHeight="1" x14ac:dyDescent="0.2">
      <c r="A3784" s="9" t="s">
        <v>21349</v>
      </c>
      <c r="B3784" s="9" t="s">
        <v>15917</v>
      </c>
      <c r="C3784" s="9" t="s">
        <v>13808</v>
      </c>
      <c r="D3784" s="6" t="s">
        <v>21232</v>
      </c>
      <c r="E3784" s="22">
        <v>45582</v>
      </c>
      <c r="F3784" s="22">
        <v>47407</v>
      </c>
      <c r="G3784" s="6" t="s">
        <v>21232</v>
      </c>
      <c r="H3784" s="6" t="s">
        <v>18</v>
      </c>
      <c r="I3784" s="6" t="s">
        <v>518</v>
      </c>
      <c r="J3784" s="6" t="s">
        <v>21233</v>
      </c>
      <c r="N3784" s="10" t="s">
        <v>22</v>
      </c>
      <c r="Q3784" s="10" t="s">
        <v>22</v>
      </c>
      <c r="W3784" s="10" t="s">
        <v>22</v>
      </c>
      <c r="Z3784" s="10" t="s">
        <v>22</v>
      </c>
    </row>
    <row r="3785" spans="1:26" ht="24" customHeight="1" x14ac:dyDescent="0.2">
      <c r="A3785" s="9" t="s">
        <v>21350</v>
      </c>
      <c r="B3785" s="9" t="s">
        <v>15917</v>
      </c>
      <c r="C3785" s="9" t="s">
        <v>13809</v>
      </c>
      <c r="D3785" s="6" t="s">
        <v>21234</v>
      </c>
      <c r="E3785" s="22">
        <v>45651</v>
      </c>
      <c r="F3785" s="22">
        <v>47476</v>
      </c>
      <c r="G3785" s="6" t="s">
        <v>21235</v>
      </c>
      <c r="H3785" s="6" t="s">
        <v>18</v>
      </c>
      <c r="I3785" s="6" t="s">
        <v>15941</v>
      </c>
      <c r="J3785" s="6" t="s">
        <v>21227</v>
      </c>
      <c r="L3785" s="10" t="s">
        <v>22</v>
      </c>
      <c r="M3785" s="10" t="s">
        <v>22</v>
      </c>
      <c r="N3785" s="10" t="s">
        <v>22</v>
      </c>
      <c r="O3785" s="10" t="s">
        <v>22</v>
      </c>
      <c r="P3785" s="10" t="s">
        <v>22</v>
      </c>
      <c r="Q3785" s="10" t="s">
        <v>22</v>
      </c>
      <c r="R3785" s="10" t="s">
        <v>22</v>
      </c>
      <c r="S3785" s="10" t="s">
        <v>22</v>
      </c>
      <c r="T3785" s="10" t="s">
        <v>22</v>
      </c>
      <c r="U3785" s="10" t="s">
        <v>22</v>
      </c>
      <c r="V3785" s="10" t="s">
        <v>22</v>
      </c>
      <c r="W3785" s="10" t="s">
        <v>22</v>
      </c>
      <c r="X3785" s="10" t="s">
        <v>22</v>
      </c>
      <c r="Y3785" s="10" t="s">
        <v>22</v>
      </c>
      <c r="Z3785" s="10" t="s">
        <v>22</v>
      </c>
    </row>
  </sheetData>
  <mergeCells count="14">
    <mergeCell ref="H1:J3"/>
    <mergeCell ref="B1:C3"/>
    <mergeCell ref="D1:D3"/>
    <mergeCell ref="E1:E3"/>
    <mergeCell ref="F1:F3"/>
    <mergeCell ref="G1:G3"/>
    <mergeCell ref="K1:K3"/>
    <mergeCell ref="L1:T1"/>
    <mergeCell ref="U1:Z1"/>
    <mergeCell ref="L2:N2"/>
    <mergeCell ref="O2:Q2"/>
    <mergeCell ref="R2:T2"/>
    <mergeCell ref="U2:W2"/>
    <mergeCell ref="X2:Z2"/>
  </mergeCells>
  <phoneticPr fontId="2"/>
  <pageMargins left="0.70866141732283472" right="0.70866141732283472" top="0.74803149606299213" bottom="0.74803149606299213" header="0.31496062992125984" footer="0.31496062992125984"/>
  <pageSetup paperSize="9" scale="45" orientation="landscape" r:id="rId1"/>
  <headerFooter>
    <oddHeader>&amp;R令和７年２月６日現在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R6</vt:lpstr>
      <vt:lpstr>'R6'!Print_Area</vt:lpstr>
      <vt:lpstr>'R6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rikawa</dc:creator>
  <cp:lastModifiedBy>user</cp:lastModifiedBy>
  <cp:lastPrinted>2025-05-13T00:41:05Z</cp:lastPrinted>
  <dcterms:created xsi:type="dcterms:W3CDTF">2024-11-25T04:28:59Z</dcterms:created>
  <dcterms:modified xsi:type="dcterms:W3CDTF">2025-06-23T06:30:39Z</dcterms:modified>
</cp:coreProperties>
</file>